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tmp" ContentType="image/png"/>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7"/>
  </p:sldMasterIdLst>
  <p:notesMasterIdLst>
    <p:notesMasterId r:id="rId48"/>
  </p:notesMasterIdLst>
  <p:sldIdLst>
    <p:sldId id="317" r:id="rId8"/>
    <p:sldId id="257" r:id="rId9"/>
    <p:sldId id="310" r:id="rId10"/>
    <p:sldId id="311" r:id="rId11"/>
    <p:sldId id="261" r:id="rId12"/>
    <p:sldId id="262" r:id="rId13"/>
    <p:sldId id="263" r:id="rId14"/>
    <p:sldId id="265" r:id="rId15"/>
    <p:sldId id="264" r:id="rId16"/>
    <p:sldId id="267" r:id="rId17"/>
    <p:sldId id="279" r:id="rId18"/>
    <p:sldId id="269" r:id="rId19"/>
    <p:sldId id="270" r:id="rId20"/>
    <p:sldId id="313" r:id="rId21"/>
    <p:sldId id="314" r:id="rId22"/>
    <p:sldId id="315" r:id="rId23"/>
    <p:sldId id="309" r:id="rId24"/>
    <p:sldId id="278" r:id="rId25"/>
    <p:sldId id="292" r:id="rId26"/>
    <p:sldId id="285" r:id="rId27"/>
    <p:sldId id="293" r:id="rId28"/>
    <p:sldId id="305" r:id="rId29"/>
    <p:sldId id="294" r:id="rId30"/>
    <p:sldId id="318" r:id="rId31"/>
    <p:sldId id="286" r:id="rId32"/>
    <p:sldId id="295" r:id="rId33"/>
    <p:sldId id="316" r:id="rId34"/>
    <p:sldId id="296" r:id="rId35"/>
    <p:sldId id="306" r:id="rId36"/>
    <p:sldId id="297" r:id="rId37"/>
    <p:sldId id="300" r:id="rId38"/>
    <p:sldId id="289" r:id="rId39"/>
    <p:sldId id="299" r:id="rId40"/>
    <p:sldId id="307" r:id="rId41"/>
    <p:sldId id="302" r:id="rId42"/>
    <p:sldId id="271" r:id="rId43"/>
    <p:sldId id="275" r:id="rId44"/>
    <p:sldId id="312" r:id="rId45"/>
    <p:sldId id="272" r:id="rId46"/>
    <p:sldId id="274" r:id="rId47"/>
  </p:sldIdLst>
  <p:sldSz cx="9144000" cy="6858000" type="screen4x3"/>
  <p:notesSz cx="6797675" cy="9928225"/>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DDEE"/>
    <a:srgbClr val="9BF8FF"/>
    <a:srgbClr val="71F5FF"/>
    <a:srgbClr val="FF0066"/>
    <a:srgbClr val="00FF00"/>
    <a:srgbClr val="19E4FF"/>
    <a:srgbClr val="92D050"/>
    <a:srgbClr val="575757"/>
    <a:srgbClr val="D1CC00"/>
    <a:srgbClr val="FF66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howGuides="1">
      <p:cViewPr varScale="1">
        <p:scale>
          <a:sx n="82" d="100"/>
          <a:sy n="82" d="100"/>
        </p:scale>
        <p:origin x="566" y="72"/>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viewProps" Target="viewProps.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slide" Target="slides/slide34.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presProps" Target="presProp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notesMaster" Target="notesMasters/notesMaster1.xml"/><Relationship Id="rId8" Type="http://schemas.openxmlformats.org/officeDocument/2006/relationships/slide" Target="slides/slide1.xml"/><Relationship Id="rId51"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50443" y="0"/>
            <a:ext cx="2945659" cy="498135"/>
          </a:xfrm>
          <a:prstGeom prst="rect">
            <a:avLst/>
          </a:prstGeom>
        </p:spPr>
        <p:txBody>
          <a:bodyPr vert="horz" lIns="91440" tIns="45720" rIns="91440" bIns="45720" rtlCol="0"/>
          <a:lstStyle>
            <a:lvl1pPr algn="r">
              <a:defRPr sz="1200"/>
            </a:lvl1pPr>
          </a:lstStyle>
          <a:p>
            <a:fld id="{F5EB28D1-58D8-4EBA-AD4A-3097FCE67AD9}" type="datetimeFigureOut">
              <a:rPr lang="da-DK" smtClean="0"/>
              <a:t>13-01-2022</a:t>
            </a:fld>
            <a:endParaRPr lang="da-DK" dirty="0"/>
          </a:p>
        </p:txBody>
      </p:sp>
      <p:sp>
        <p:nvSpPr>
          <p:cNvPr id="4" name="Pladsholder til slidebillede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958"/>
            <a:ext cx="5438140" cy="3909239"/>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9430091"/>
            <a:ext cx="2945659" cy="498134"/>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50443" y="9430091"/>
            <a:ext cx="2945659" cy="498134"/>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31045943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417978261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emf"/><Relationship Id="rId5" Type="http://schemas.openxmlformats.org/officeDocument/2006/relationships/image" Target="../media/image4.png"/><Relationship Id="rId4" Type="http://schemas.openxmlformats.org/officeDocument/2006/relationships/image" Target="../media/image3.w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p:spTree>
      <p:nvGrpSpPr>
        <p:cNvPr id="1" name=""/>
        <p:cNvGrpSpPr/>
        <p:nvPr/>
      </p:nvGrpSpPr>
      <p:grpSpPr>
        <a:xfrm>
          <a:off x="0" y="0"/>
          <a:ext cx="0" cy="0"/>
          <a:chOff x="0" y="0"/>
          <a:chExt cx="0" cy="0"/>
        </a:xfrm>
      </p:grpSpPr>
      <p:sp>
        <p:nvSpPr>
          <p:cNvPr id="10" name="Rektangel 9"/>
          <p:cNvSpPr/>
          <p:nvPr userDrawn="1"/>
        </p:nvSpPr>
        <p:spPr>
          <a:xfrm>
            <a:off x="611560" y="2038153"/>
            <a:ext cx="8532007" cy="482242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1" name="Rektangel 10"/>
          <p:cNvSpPr/>
          <p:nvPr userDrawn="1"/>
        </p:nvSpPr>
        <p:spPr>
          <a:xfrm>
            <a:off x="8460000" y="2040924"/>
            <a:ext cx="683568" cy="481984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2" name="Rektangel 11"/>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71600" y="2720891"/>
            <a:ext cx="6402625" cy="1981738"/>
          </a:xfrm>
        </p:spPr>
        <p:txBody>
          <a:bodyPr anchor="t" anchorCtr="0"/>
          <a:lstStyle>
            <a:lvl1pPr>
              <a:defRPr sz="3700">
                <a:solidFill>
                  <a:schemeClr val="bg1"/>
                </a:solidFill>
              </a:defRPr>
            </a:lvl1pPr>
          </a:lstStyle>
          <a:p>
            <a:r>
              <a:rPr lang="da-DK" dirty="0"/>
              <a:t>Overskrift 37pt skrives her</a:t>
            </a:r>
            <a:br>
              <a:rPr lang="da-DK" dirty="0"/>
            </a:br>
            <a:r>
              <a:rPr lang="da-DK" dirty="0"/>
              <a:t>i to eller flere linjer</a:t>
            </a:r>
          </a:p>
        </p:txBody>
      </p:sp>
      <p:sp>
        <p:nvSpPr>
          <p:cNvPr id="3" name="Undertitel 2"/>
          <p:cNvSpPr>
            <a:spLocks noGrp="1"/>
          </p:cNvSpPr>
          <p:nvPr>
            <p:ph type="subTitle" idx="1" hasCustomPrompt="1"/>
          </p:nvPr>
        </p:nvSpPr>
        <p:spPr>
          <a:xfrm>
            <a:off x="1371600" y="5101432"/>
            <a:ext cx="6400800"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621100916" name="image" descr="{&quot;templafy&quot;:{&quot;id&quot;:&quot;bc01c440-60d4-4956-8c26-61af0f8e12b0&quot;}}"/>
          <p:cNvPicPr>
            <a:picLocks noChangeAspect="1"/>
          </p:cNvPicPr>
          <p:nvPr/>
        </p:nvPicPr>
        <p:blipFill>
          <a:blip r:embed="rId2"/>
          <a:stretch>
            <a:fillRect/>
          </a:stretch>
        </p:blipFill>
        <p:spPr>
          <a:xfrm>
            <a:off x="0" y="2040924"/>
            <a:ext cx="684000" cy="4820400"/>
          </a:xfrm>
          <a:prstGeom prst="rect">
            <a:avLst/>
          </a:prstGeom>
        </p:spPr>
      </p:pic>
      <p:pic>
        <p:nvPicPr>
          <p:cNvPr id="1557754084" name="image" descr="{&quot;templafy&quot;:{&quot;id&quot;:&quot;e6159b46-99a1-401e-bc8d-e26ce695e096&quot;}}"/>
          <p:cNvPicPr>
            <a:picLocks noChangeAspect="1"/>
          </p:cNvPicPr>
          <p:nvPr/>
        </p:nvPicPr>
        <p:blipFill>
          <a:blip r:embed="rId3"/>
          <a:stretch>
            <a:fillRect/>
          </a:stretch>
        </p:blipFill>
        <p:spPr>
          <a:xfrm>
            <a:off x="457200" y="1584000"/>
            <a:ext cx="687600" cy="687600"/>
          </a:xfrm>
          <a:prstGeom prst="rect">
            <a:avLst/>
          </a:prstGeom>
        </p:spPr>
      </p:pic>
      <p:pic>
        <p:nvPicPr>
          <p:cNvPr id="28" name="Region"/>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pic>
        <p:nvPicPr>
          <p:cNvPr id="1110154179" name="image" descr="{&quot;templafy&quot;:{&quot;id&quot;:&quot;b8b7bc66-9fc7-43e3-8966-92151ae28cc7&quot;}}"/>
          <p:cNvPicPr>
            <a:picLocks noChangeAspect="1"/>
          </p:cNvPicPr>
          <p:nvPr/>
        </p:nvPicPr>
        <p:blipFill>
          <a:blip r:embed="rId5"/>
          <a:stretch>
            <a:fillRect/>
          </a:stretch>
        </p:blipFill>
        <p:spPr>
          <a:xfrm>
            <a:off x="0" y="0"/>
            <a:ext cx="9144000" cy="6861600"/>
          </a:xfrm>
          <a:prstGeom prst="rect">
            <a:avLst/>
          </a:prstGeom>
        </p:spPr>
      </p:pic>
      <p:pic>
        <p:nvPicPr>
          <p:cNvPr id="538532009" name="image" descr="{&quot;templafy&quot;:{&quot;id&quot;:&quot;c2dd0bf0-5799-4f3d-a3f8-99b1da6b63ff&quot;}}"/>
          <p:cNvPicPr>
            <a:picLocks noChangeAspect="1"/>
          </p:cNvPicPr>
          <p:nvPr/>
        </p:nvPicPr>
        <p:blipFill>
          <a:blip r:embed="rId5"/>
          <a:stretch>
            <a:fillRect/>
          </a:stretch>
        </p:blipFill>
        <p:spPr>
          <a:xfrm>
            <a:off x="0" y="-2574"/>
            <a:ext cx="9144000" cy="6861600"/>
          </a:xfrm>
          <a:prstGeom prst="rect">
            <a:avLst/>
          </a:prstGeom>
        </p:spPr>
      </p:pic>
      <p:sp>
        <p:nvSpPr>
          <p:cNvPr id="2" name="Date Placeholder 1" hidden="1">
            <a:extLst>
              <a:ext uri="{FF2B5EF4-FFF2-40B4-BE49-F238E27FC236}">
                <a16:creationId xmlns:a16="http://schemas.microsoft.com/office/drawing/2014/main" id="{5D2BCEB3-DE06-427F-8CA1-84F884C5E293}"/>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5D19BBFC-5717-4490-A094-205F5448E3AE}"/>
              </a:ext>
            </a:extLst>
          </p:cNvPr>
          <p:cNvSpPr>
            <a:spLocks noGrp="1"/>
          </p:cNvSpPr>
          <p:nvPr>
            <p:ph type="ftr" sz="quarter" idx="11"/>
          </p:nvPr>
        </p:nvSpPr>
        <p:spPr/>
        <p:txBody>
          <a:bodyPr/>
          <a:lstStyle/>
          <a:p>
            <a:r>
              <a:rPr lang="en-GB"/>
              <a:t>Apopleksi og sundhedsadfærd</a:t>
            </a:r>
          </a:p>
        </p:txBody>
      </p:sp>
      <p:sp>
        <p:nvSpPr>
          <p:cNvPr id="9" name="Slide Number Placeholder 8">
            <a:extLst>
              <a:ext uri="{FF2B5EF4-FFF2-40B4-BE49-F238E27FC236}">
                <a16:creationId xmlns:a16="http://schemas.microsoft.com/office/drawing/2014/main" id="{927F5F4E-DE6D-4596-8B1F-C29D26E3FC5F}"/>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
        <p:nvSpPr>
          <p:cNvPr id="19" name="text" descr="{&quot;templafy&quot;:{&quot;id&quot;:&quot;432d35e8-3988-4424-861e-aba5ee287aa9&quot;}}" title="Form.PresentationTitle">
            <a:extLst>
              <a:ext uri="{FF2B5EF4-FFF2-40B4-BE49-F238E27FC236}">
                <a16:creationId xmlns:a16="http://schemas.microsoft.com/office/drawing/2014/main" id="{9A3FA10C-9E51-4C9F-827C-4B35DFE89CDC}"/>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sp>
        <p:nvSpPr>
          <p:cNvPr id="20" name="text" descr="{&quot;templafy&quot;:{&quot;id&quot;:&quot;705f0d3b-bdb4-41c8-afd7-12d5779b7f27&quot;}}" title="UserProfile.Name">
            <a:extLst>
              <a:ext uri="{FF2B5EF4-FFF2-40B4-BE49-F238E27FC236}">
                <a16:creationId xmlns:a16="http://schemas.microsoft.com/office/drawing/2014/main" id="{0046E08D-6FCC-4EC3-AE5D-F0348FCA3ADF}"/>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pic>
        <p:nvPicPr>
          <p:cNvPr id="684168034" name="image" descr="{&quot;templafy&quot;:{&quot;id&quot;:&quot;c5aee3e7-7c10-443e-94ea-d431f78822eb&quot;}}"/>
          <p:cNvPicPr>
            <a:picLocks noChangeAspect="1"/>
          </p:cNvPicPr>
          <p:nvPr/>
        </p:nvPicPr>
        <p:blipFill>
          <a:blip r:embed="rId6"/>
          <a:stretch>
            <a:fillRect/>
          </a:stretch>
        </p:blipFill>
        <p:spPr>
          <a:xfrm>
            <a:off x="4255200" y="6314400"/>
            <a:ext cx="1324800" cy="421200"/>
          </a:xfrm>
          <a:prstGeom prst="rect">
            <a:avLst/>
          </a:prstGeom>
        </p:spPr>
      </p:pic>
      <p:sp>
        <p:nvSpPr>
          <p:cNvPr id="22" name="text" descr="{&quot;templafy&quot;:{&quot;id&quot;:&quot;0ca3f558-dda1-4ee7-9e63-1bdb16385e56&quot;}}" title="UserProfile.Office.Virksomhed_{{DocumentLanguage}}">
            <a:extLst>
              <a:ext uri="{FF2B5EF4-FFF2-40B4-BE49-F238E27FC236}">
                <a16:creationId xmlns:a16="http://schemas.microsoft.com/office/drawing/2014/main" id="{7480B6FB-0E48-414D-BE8F-CC7D5176795C}"/>
              </a:ext>
            </a:extLst>
          </p:cNvPr>
          <p:cNvSpPr txBox="1"/>
          <p:nvPr userDrawn="1"/>
        </p:nvSpPr>
        <p:spPr>
          <a:xfrm>
            <a:off x="1371598" y="255600"/>
            <a:ext cx="33012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23" name="text" descr="{&quot;templafy&quot;:{&quot;id&quot;:&quot;164a00bd-ab63-4aa4-bb3d-1692a0612212&quot;}}" title="UserProfile.CenterFreeText">
            <a:extLst>
              <a:ext uri="{FF2B5EF4-FFF2-40B4-BE49-F238E27FC236}">
                <a16:creationId xmlns:a16="http://schemas.microsoft.com/office/drawing/2014/main" id="{93C7400A-E529-4894-9367-024020F68848}"/>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24" name="text" descr="{&quot;templafy&quot;:{&quot;id&quot;:&quot;dfa8a244-4326-4532-a7b6-bcc541bb6782&quot;}}" hidden="1" title="UserProfile.Centers.Center_{{DocumentLanguage}}">
            <a:extLst>
              <a:ext uri="{FF2B5EF4-FFF2-40B4-BE49-F238E27FC236}">
                <a16:creationId xmlns:a16="http://schemas.microsoft.com/office/drawing/2014/main" id="{7C4DF2D3-8FAC-4EEA-8F80-6C5494303CF2}"/>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1730371607" name="image" descr="{&quot;templafy&quot;:{&quot;id&quot;:&quot;c2373489-a149-41ab-87e8-90cc534aeae4&quot;}}"/>
          <p:cNvPicPr>
            <a:picLocks noChangeAspect="1"/>
          </p:cNvPicPr>
          <p:nvPr/>
        </p:nvPicPr>
        <p:blipFill>
          <a:blip r:embed="rId6"/>
          <a:stretch>
            <a:fillRect/>
          </a:stretch>
        </p:blipFill>
        <p:spPr>
          <a:xfrm>
            <a:off x="8027234" y="260648"/>
            <a:ext cx="871200" cy="900000"/>
          </a:xfrm>
          <a:prstGeom prst="rect">
            <a:avLst/>
          </a:prstGeom>
        </p:spPr>
      </p:pic>
      <p:pic>
        <p:nvPicPr>
          <p:cNvPr id="1775142092" name="image" descr="{&quot;templafy&quot;:{&quot;id&quot;:&quot;f3cdcefd-94b8-427a-9fda-0380ac2ea630&quot;}}"/>
          <p:cNvPicPr>
            <a:picLocks noChangeAspect="1"/>
          </p:cNvPicPr>
          <p:nvPr/>
        </p:nvPicPr>
        <p:blipFill>
          <a:blip r:embed="rId6"/>
          <a:stretch>
            <a:fillRect/>
          </a:stretch>
        </p:blipFill>
        <p:spPr>
          <a:xfrm>
            <a:off x="6901200" y="97200"/>
            <a:ext cx="2178000" cy="684000"/>
          </a:xfrm>
          <a:prstGeom prst="rect">
            <a:avLst/>
          </a:prstGeom>
        </p:spPr>
      </p:pic>
      <p:pic>
        <p:nvPicPr>
          <p:cNvPr id="1800499761" name="image" descr="{&quot;templafy&quot;:{&quot;id&quot;:&quot;acf7a791-101f-4cef-85bd-ea1d428e3b8c&quot;}}"/>
          <p:cNvPicPr>
            <a:picLocks noChangeAspect="1"/>
          </p:cNvPicPr>
          <p:nvPr/>
        </p:nvPicPr>
        <p:blipFill>
          <a:blip r:embed="rId6"/>
          <a:stretch>
            <a:fillRect/>
          </a:stretch>
        </p:blipFill>
        <p:spPr>
          <a:xfrm>
            <a:off x="8024762" y="872704"/>
            <a:ext cx="871200" cy="900000"/>
          </a:xfrm>
          <a:prstGeom prst="rect">
            <a:avLst/>
          </a:prstGeom>
        </p:spPr>
      </p:pic>
      <p:sp>
        <p:nvSpPr>
          <p:cNvPr id="30" name="text" descr="{&quot;templafy&quot;:{&quot;id&quot;:&quot;83b525d0-50e9-452b-9886-536911d319a9&quot;}}" title="Form.Manuel_dato">
            <a:extLst>
              <a:ext uri="{FF2B5EF4-FFF2-40B4-BE49-F238E27FC236}">
                <a16:creationId xmlns:a16="http://schemas.microsoft.com/office/drawing/2014/main" id="{4CBF7751-5A12-4506-8CD7-FFB4338A54F9}"/>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197394076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611560" y="0"/>
            <a:ext cx="8532007"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 name="Rektangel 8"/>
          <p:cNvSpPr/>
          <p:nvPr userDrawn="1"/>
        </p:nvSpPr>
        <p:spPr>
          <a:xfrm>
            <a:off x="846000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Titel 1"/>
          <p:cNvSpPr>
            <a:spLocks noGrp="1"/>
          </p:cNvSpPr>
          <p:nvPr>
            <p:ph type="title" hasCustomPrompt="1"/>
          </p:nvPr>
        </p:nvSpPr>
        <p:spPr>
          <a:xfrm>
            <a:off x="1371600" y="1016732"/>
            <a:ext cx="7086600" cy="1312131"/>
          </a:xfrm>
        </p:spPr>
        <p:txBody>
          <a:bodyPr/>
          <a:lstStyle>
            <a:lvl1pPr>
              <a:lnSpc>
                <a:spcPct val="85000"/>
              </a:lnSpc>
              <a:defRPr>
                <a:solidFill>
                  <a:schemeClr val="bg1"/>
                </a:solidFill>
              </a:defRPr>
            </a:lvl1pPr>
          </a:lstStyle>
          <a:p>
            <a:r>
              <a:rPr lang="da-DK" dirty="0"/>
              <a:t>Overskrift 27pt i to eller flere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8000" y="2585610"/>
            <a:ext cx="2995611" cy="648000"/>
          </a:xfrm>
        </p:spPr>
        <p:txBody>
          <a:bodyPr/>
          <a:lstStyle>
            <a:lvl1pPr marL="0" indent="0">
              <a:lnSpc>
                <a:spcPct val="85000"/>
              </a:lnSpc>
              <a:buNone/>
              <a:defRPr sz="1600" baseline="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8000" y="3490922"/>
            <a:ext cx="2995611"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4654765" y="2584800"/>
            <a:ext cx="2995611"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4654765" y="3492000"/>
            <a:ext cx="2995611"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pic>
        <p:nvPicPr>
          <p:cNvPr id="552743408" name="image" descr="{&quot;templafy&quot;:{&quot;id&quot;:&quot;992032a6-9e90-4fe3-bd39-b272482a8967&quot;}}"/>
          <p:cNvPicPr>
            <a:picLocks noChangeAspect="1"/>
          </p:cNvPicPr>
          <p:nvPr/>
        </p:nvPicPr>
        <p:blipFill>
          <a:blip r:embed="rId2"/>
          <a:stretch>
            <a:fillRect/>
          </a:stretch>
        </p:blipFill>
        <p:spPr>
          <a:xfrm>
            <a:off x="0" y="0"/>
            <a:ext cx="684000" cy="6858000"/>
          </a:xfrm>
          <a:prstGeom prst="rect">
            <a:avLst/>
          </a:prstGeom>
        </p:spPr>
      </p:pic>
      <p:pic>
        <p:nvPicPr>
          <p:cNvPr id="684543792" name="image" descr="{&quot;templafy&quot;:{&quot;id&quot;:&quot;c3ce3992-4e71-4642-b629-8f8d29ef1e72&quot;}}"/>
          <p:cNvPicPr>
            <a:picLocks noChangeAspect="1"/>
          </p:cNvPicPr>
          <p:nvPr/>
        </p:nvPicPr>
        <p:blipFill>
          <a:blip r:embed="rId3"/>
          <a:stretch>
            <a:fillRect/>
          </a:stretch>
        </p:blipFill>
        <p:spPr>
          <a:xfrm>
            <a:off x="457200" y="4806975"/>
            <a:ext cx="687600" cy="687600"/>
          </a:xfrm>
          <a:prstGeom prst="rect">
            <a:avLst/>
          </a:prstGeom>
        </p:spPr>
      </p:pic>
      <p:pic>
        <p:nvPicPr>
          <p:cNvPr id="24" name="Region"/>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4852382"/>
            <a:ext cx="116417" cy="594784"/>
          </a:xfrm>
          <a:prstGeom prst="rect">
            <a:avLst/>
          </a:prstGeom>
        </p:spPr>
      </p:pic>
      <p:sp>
        <p:nvSpPr>
          <p:cNvPr id="3" name="Date Placeholder 2" hidden="1">
            <a:extLst>
              <a:ext uri="{FF2B5EF4-FFF2-40B4-BE49-F238E27FC236}">
                <a16:creationId xmlns:a16="http://schemas.microsoft.com/office/drawing/2014/main" id="{0E2752B6-0305-4D5A-B6F1-C38506721EB4}"/>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16B467BF-A322-4CF9-AF21-C18F56464B0A}"/>
              </a:ext>
            </a:extLst>
          </p:cNvPr>
          <p:cNvSpPr>
            <a:spLocks noGrp="1"/>
          </p:cNvSpPr>
          <p:nvPr>
            <p:ph type="ftr" sz="quarter" idx="20"/>
          </p:nvPr>
        </p:nvSpPr>
        <p:spPr/>
        <p:txBody>
          <a:bodyPr/>
          <a:lstStyle/>
          <a:p>
            <a:r>
              <a:rPr lang="en-GB"/>
              <a:t>Apopleksi og sundhedsadfærd</a:t>
            </a:r>
          </a:p>
        </p:txBody>
      </p:sp>
      <p:sp>
        <p:nvSpPr>
          <p:cNvPr id="12" name="Slide Number Placeholder 11">
            <a:extLst>
              <a:ext uri="{FF2B5EF4-FFF2-40B4-BE49-F238E27FC236}">
                <a16:creationId xmlns:a16="http://schemas.microsoft.com/office/drawing/2014/main" id="{9FA4331A-7BD6-46C0-B590-5FEBF9905D69}"/>
              </a:ext>
            </a:extLst>
          </p:cNvPr>
          <p:cNvSpPr>
            <a:spLocks noGrp="1"/>
          </p:cNvSpPr>
          <p:nvPr>
            <p:ph type="sldNum" sz="quarter" idx="21"/>
          </p:nvPr>
        </p:nvSpPr>
        <p:spPr/>
        <p:txBody>
          <a:bodyPr/>
          <a:lstStyle/>
          <a:p>
            <a:fld id="{0DAB5548-7253-48D6-B95B-F3D312A72220}" type="slidenum">
              <a:rPr lang="da-DK" smtClean="0"/>
              <a:pPr/>
              <a:t>‹nr.›</a:t>
            </a:fld>
            <a:endParaRPr lang="da-DK" dirty="0"/>
          </a:p>
        </p:txBody>
      </p:sp>
      <p:sp>
        <p:nvSpPr>
          <p:cNvPr id="29" name="text" descr="{&quot;templafy&quot;:{&quot;id&quot;:&quot;3aa75f79-cc53-4f3a-9d91-88bb96b0036a&quot;}}" title="UserProfile.Office.Virksomhed_{{DocumentLanguage}}">
            <a:extLst>
              <a:ext uri="{FF2B5EF4-FFF2-40B4-BE49-F238E27FC236}">
                <a16:creationId xmlns:a16="http://schemas.microsoft.com/office/drawing/2014/main" id="{6202D20B-D08B-4977-AADD-3ECD1F0A5643}"/>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chemeClr val="bg1"/>
                </a:solidFill>
              </a:rPr>
              <a:t>Nordsjællands Hospital</a:t>
            </a:r>
          </a:p>
        </p:txBody>
      </p:sp>
      <p:sp>
        <p:nvSpPr>
          <p:cNvPr id="30" name="text" descr="{&quot;templafy&quot;:{&quot;id&quot;:&quot;efe947e9-7b23-4c34-8837-55277fadbd09&quot;}}" title="UserProfile.CenterFreeText">
            <a:extLst>
              <a:ext uri="{FF2B5EF4-FFF2-40B4-BE49-F238E27FC236}">
                <a16:creationId xmlns:a16="http://schemas.microsoft.com/office/drawing/2014/main" id="{243FF1C6-7A9E-4FD9-8DD3-4D385AAC2E5D}"/>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chemeClr val="bg1"/>
                </a:solidFill>
              </a:rPr>
              <a:t>Neurologisk afdeling</a:t>
            </a:r>
          </a:p>
        </p:txBody>
      </p:sp>
      <p:sp>
        <p:nvSpPr>
          <p:cNvPr id="31" name="text" descr="{&quot;templafy&quot;:{&quot;id&quot;:&quot;c171c34a-c77f-4473-ac8f-37199aa5b8a9&quot;}}" hidden="1" title="UserProfile.Centers.Center_{{DocumentLanguage}}">
            <a:extLst>
              <a:ext uri="{FF2B5EF4-FFF2-40B4-BE49-F238E27FC236}">
                <a16:creationId xmlns:a16="http://schemas.microsoft.com/office/drawing/2014/main" id="{24161383-4EB0-45CF-99FD-BA47F707EFD0}"/>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chemeClr val="bg1"/>
              </a:solidFill>
            </a:endParaRPr>
          </a:p>
        </p:txBody>
      </p:sp>
      <p:sp>
        <p:nvSpPr>
          <p:cNvPr id="32" name="text" descr="{&quot;templafy&quot;:{&quot;id&quot;:&quot;bb807718-805a-4512-9571-9f130b81a355&quot;}}" title="Form.PresentationTitle">
            <a:extLst>
              <a:ext uri="{FF2B5EF4-FFF2-40B4-BE49-F238E27FC236}">
                <a16:creationId xmlns:a16="http://schemas.microsoft.com/office/drawing/2014/main" id="{B4CA18F5-916D-4D09-8848-FCF8B17007BF}"/>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465473164" name="image" descr="{&quot;templafy&quot;:{&quot;id&quot;:&quot;da838819-6839-4526-b403-fb38de81e198&quot;}}"/>
          <p:cNvPicPr>
            <a:picLocks noChangeAspect="1"/>
          </p:cNvPicPr>
          <p:nvPr/>
        </p:nvPicPr>
        <p:blipFill>
          <a:blip r:embed="rId5"/>
          <a:stretch>
            <a:fillRect/>
          </a:stretch>
        </p:blipFill>
        <p:spPr>
          <a:xfrm>
            <a:off x="4255200" y="6314400"/>
            <a:ext cx="1324800" cy="421200"/>
          </a:xfrm>
          <a:prstGeom prst="rect">
            <a:avLst/>
          </a:prstGeom>
        </p:spPr>
      </p:pic>
      <p:pic>
        <p:nvPicPr>
          <p:cNvPr id="752507707" name="image" descr="{&quot;templafy&quot;:{&quot;id&quot;:&quot;d1c8ddff-fe97-4b24-a40d-0f17fdbdc483&quot;}}"/>
          <p:cNvPicPr>
            <a:picLocks noChangeAspect="1"/>
          </p:cNvPicPr>
          <p:nvPr/>
        </p:nvPicPr>
        <p:blipFill>
          <a:blip r:embed="rId5"/>
          <a:stretch>
            <a:fillRect/>
          </a:stretch>
        </p:blipFill>
        <p:spPr>
          <a:xfrm>
            <a:off x="6901200" y="97200"/>
            <a:ext cx="2178000" cy="684000"/>
          </a:xfrm>
          <a:prstGeom prst="rect">
            <a:avLst/>
          </a:prstGeom>
        </p:spPr>
      </p:pic>
      <p:pic>
        <p:nvPicPr>
          <p:cNvPr id="237901533" name="image" descr="{&quot;templafy&quot;:{&quot;id&quot;:&quot;098c6e7f-572e-486c-9634-e3723a49a0f5&quot;}}"/>
          <p:cNvPicPr>
            <a:picLocks noChangeAspect="1"/>
          </p:cNvPicPr>
          <p:nvPr/>
        </p:nvPicPr>
        <p:blipFill>
          <a:blip r:embed="rId5"/>
          <a:stretch>
            <a:fillRect/>
          </a:stretch>
        </p:blipFill>
        <p:spPr>
          <a:xfrm>
            <a:off x="8024762" y="872704"/>
            <a:ext cx="871200" cy="900000"/>
          </a:xfrm>
          <a:prstGeom prst="rect">
            <a:avLst/>
          </a:prstGeom>
        </p:spPr>
      </p:pic>
      <p:pic>
        <p:nvPicPr>
          <p:cNvPr id="1592853185" name="image" descr="{&quot;templafy&quot;:{&quot;id&quot;:&quot;eacedba1-f1e5-4acc-be3d-a6643ae2c039&quot;}}"/>
          <p:cNvPicPr>
            <a:picLocks noChangeAspect="1"/>
          </p:cNvPicPr>
          <p:nvPr/>
        </p:nvPicPr>
        <p:blipFill>
          <a:blip r:embed="rId5"/>
          <a:stretch>
            <a:fillRect/>
          </a:stretch>
        </p:blipFill>
        <p:spPr>
          <a:xfrm>
            <a:off x="8027234" y="260648"/>
            <a:ext cx="871200" cy="900000"/>
          </a:xfrm>
          <a:prstGeom prst="rect">
            <a:avLst/>
          </a:prstGeom>
        </p:spPr>
      </p:pic>
      <p:sp>
        <p:nvSpPr>
          <p:cNvPr id="27" name="text" descr="{&quot;templafy&quot;:{&quot;id&quot;:&quot;202bd473-7dee-42f3-8402-9418a8192c46&quot;}}" title="UserProfile.Name">
            <a:extLst>
              <a:ext uri="{FF2B5EF4-FFF2-40B4-BE49-F238E27FC236}">
                <a16:creationId xmlns:a16="http://schemas.microsoft.com/office/drawing/2014/main" id="{3E663722-4402-45E0-A867-833F060FF2EA}"/>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28" name="text" descr="{&quot;templafy&quot;:{&quot;id&quot;:&quot;4cedcbfe-d237-41a1-bf45-5b7d2382a5cd&quot;}}" title="Form.Manuel_dato">
            <a:extLst>
              <a:ext uri="{FF2B5EF4-FFF2-40B4-BE49-F238E27FC236}">
                <a16:creationId xmlns:a16="http://schemas.microsoft.com/office/drawing/2014/main" id="{6245780A-71FE-4241-AD3C-37868DD54803}"/>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385902794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31" name="Text Box 2"/>
          <p:cNvSpPr txBox="1">
            <a:spLocks noChangeArrowheads="1"/>
          </p:cNvSpPr>
          <p:nvPr userDrawn="1"/>
        </p:nvSpPr>
        <p:spPr bwMode="auto">
          <a:xfrm>
            <a:off x="404813" y="1819146"/>
            <a:ext cx="2272102" cy="4324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latin typeface="Arial" panose="020B0604020202020204" pitchFamily="34" charset="0"/>
                <a:cs typeface="Arial" panose="020B0604020202020204" pitchFamily="34" charset="0"/>
              </a:rPr>
              <a:t>Brug</a:t>
            </a:r>
            <a:r>
              <a:rPr lang="da-DK" sz="1000" b="1" baseline="0" noProof="1">
                <a:latin typeface="Arial" panose="020B0604020202020204" pitchFamily="34" charset="0"/>
                <a:cs typeface="Arial" panose="020B0604020202020204" pitchFamily="34" charset="0"/>
              </a:rPr>
              <a:t> tekst typografier</a:t>
            </a:r>
            <a:endParaRPr lang="da-DK" sz="10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på menupunktet </a:t>
            </a:r>
            <a:r>
              <a:rPr lang="da-DK" altLang="da-DK" sz="900" b="1" noProof="1">
                <a:solidFill>
                  <a:schemeClr val="tx1"/>
                </a:solidFill>
                <a:latin typeface="Arial" panose="020B0604020202020204" pitchFamily="34" charset="0"/>
                <a:cs typeface="Arial" panose="020B0604020202020204" pitchFamily="34" charset="0"/>
              </a:rPr>
              <a:t>Nyt Slide </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for at indsætte nyt sli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placering, størrelse og for-</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matering af pladsholdere til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layoutets oprindelige design </a:t>
            </a:r>
          </a:p>
          <a:p>
            <a:pPr eaLnBrk="1" hangingPunct="1">
              <a:spcAft>
                <a:spcPts val="60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da-DK" sz="900" noProof="1">
              <a:solidFill>
                <a:schemeClr val="tx1"/>
              </a:solidFill>
              <a:latin typeface="Arial" panose="020B0604020202020204" pitchFamily="34" charset="0"/>
              <a:cs typeface="Arial" panose="020B0604020202020204" pitchFamily="34" charset="0"/>
            </a:endParaRPr>
          </a:p>
        </p:txBody>
      </p:sp>
      <p:sp>
        <p:nvSpPr>
          <p:cNvPr id="34" name="Text Box 4"/>
          <p:cNvSpPr txBox="1">
            <a:spLocks noChangeArrowheads="1"/>
          </p:cNvSpPr>
          <p:nvPr userDrawn="1"/>
        </p:nvSpPr>
        <p:spPr bwMode="auto">
          <a:xfrm>
            <a:off x="6627440" y="1815926"/>
            <a:ext cx="2358243" cy="35086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så det slår igennem på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a:t>
            </a:r>
            <a:r>
              <a:rPr lang="da-DK" altLang="da-DK" sz="900" b="0" noProof="1">
                <a:solidFill>
                  <a:schemeClr val="tx1"/>
                </a:solidFill>
                <a:latin typeface="Arial" panose="020B0604020202020204" pitchFamily="34" charset="0"/>
                <a:cs typeface="Arial" panose="020B0604020202020204" pitchFamily="34" charset="0"/>
              </a:rPr>
              <a:t>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35" name="Text Box 3"/>
          <p:cNvSpPr txBox="1">
            <a:spLocks noChangeArrowheads="1"/>
          </p:cNvSpPr>
          <p:nvPr userDrawn="1"/>
        </p:nvSpPr>
        <p:spPr bwMode="auto">
          <a:xfrm>
            <a:off x="3620804" y="1801283"/>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ikonet og vælg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sætter et nyt, kan billedet lægg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g foran tekst og grafik. Hvis dette sker, højreklik på billedet og vælg </a:t>
            </a:r>
            <a:r>
              <a:rPr lang="da-DK" altLang="da-DK" sz="900" b="1" noProof="1">
                <a:solidFill>
                  <a:schemeClr val="tx1"/>
                </a:solidFill>
                <a:latin typeface="Arial" panose="020B0604020202020204" pitchFamily="34" charset="0"/>
                <a:cs typeface="Arial" panose="020B0604020202020204" pitchFamily="34" charset="0"/>
              </a:rPr>
              <a:t>Placer bagest</a:t>
            </a:r>
          </a:p>
        </p:txBody>
      </p:sp>
      <p:pic>
        <p:nvPicPr>
          <p:cNvPr id="33" name="4 Nulstil"/>
          <p:cNvPicPr>
            <a:picLocks noChangeAspect="1"/>
          </p:cNvPicPr>
          <p:nvPr userDrawn="1"/>
        </p:nvPicPr>
        <p:blipFill>
          <a:blip r:embed="rId2"/>
          <a:stretch>
            <a:fillRect/>
          </a:stretch>
        </p:blipFill>
        <p:spPr>
          <a:xfrm>
            <a:off x="2256324" y="5303999"/>
            <a:ext cx="547241" cy="197798"/>
          </a:xfrm>
          <a:prstGeom prst="rect">
            <a:avLst/>
          </a:prstGeom>
        </p:spPr>
      </p:pic>
      <p:pic>
        <p:nvPicPr>
          <p:cNvPr id="32" name="2 Ny slide"/>
          <p:cNvPicPr>
            <a:picLocks noChangeAspect="1"/>
          </p:cNvPicPr>
          <p:nvPr userDrawn="1"/>
        </p:nvPicPr>
        <p:blipFill rotWithShape="1">
          <a:blip r:embed="rId3"/>
          <a:srcRect l="2931" r="60888"/>
          <a:stretch/>
        </p:blipFill>
        <p:spPr>
          <a:xfrm>
            <a:off x="2231570" y="3523951"/>
            <a:ext cx="363713" cy="647461"/>
          </a:xfrm>
          <a:prstGeom prst="rect">
            <a:avLst/>
          </a:prstGeom>
        </p:spPr>
      </p:pic>
      <p:sp>
        <p:nvSpPr>
          <p:cNvPr id="9" name="Fast overskrift"/>
          <p:cNvSpPr txBox="1"/>
          <p:nvPr userDrawn="1"/>
        </p:nvSpPr>
        <p:spPr>
          <a:xfrm>
            <a:off x="404811" y="539751"/>
            <a:ext cx="8331994"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pic>
        <p:nvPicPr>
          <p:cNvPr id="17" name="1 Increase decrease"/>
          <p:cNvPicPr>
            <a:picLocks noChangeAspect="1"/>
          </p:cNvPicPr>
          <p:nvPr userDrawn="1"/>
        </p:nvPicPr>
        <p:blipFill>
          <a:blip r:embed="rId4"/>
          <a:stretch>
            <a:fillRect/>
          </a:stretch>
        </p:blipFill>
        <p:spPr>
          <a:xfrm>
            <a:off x="2226940" y="2862487"/>
            <a:ext cx="549328" cy="285228"/>
          </a:xfrm>
          <a:prstGeom prst="rect">
            <a:avLst/>
          </a:prstGeom>
        </p:spPr>
      </p:pic>
      <p:pic>
        <p:nvPicPr>
          <p:cNvPr id="19" name="3 Layout"/>
          <p:cNvPicPr>
            <a:picLocks noChangeAspect="1"/>
          </p:cNvPicPr>
          <p:nvPr userDrawn="1"/>
        </p:nvPicPr>
        <p:blipFill rotWithShape="1">
          <a:blip r:embed="rId3"/>
          <a:srcRect l="36944" r="2272" b="69429"/>
          <a:stretch/>
        </p:blipFill>
        <p:spPr>
          <a:xfrm>
            <a:off x="2256324" y="4193555"/>
            <a:ext cx="593368" cy="192211"/>
          </a:xfrm>
          <a:prstGeom prst="rect">
            <a:avLst/>
          </a:prstGeom>
        </p:spPr>
      </p:pic>
      <p:pic>
        <p:nvPicPr>
          <p:cNvPr id="26" name="5 Insert picture"/>
          <p:cNvPicPr>
            <a:picLocks noChangeAspect="1"/>
          </p:cNvPicPr>
          <p:nvPr userDrawn="1"/>
        </p:nvPicPr>
        <p:blipFill>
          <a:blip r:embed="rId5"/>
          <a:stretch>
            <a:fillRect/>
          </a:stretch>
        </p:blipFill>
        <p:spPr>
          <a:xfrm>
            <a:off x="5554667" y="2060444"/>
            <a:ext cx="262151" cy="256054"/>
          </a:xfrm>
          <a:prstGeom prst="rect">
            <a:avLst/>
          </a:prstGeom>
        </p:spPr>
      </p:pic>
      <p:pic>
        <p:nvPicPr>
          <p:cNvPr id="27" name="6 Crop"/>
          <p:cNvPicPr>
            <a:picLocks noChangeAspect="1"/>
          </p:cNvPicPr>
          <p:nvPr userDrawn="1"/>
        </p:nvPicPr>
        <p:blipFill>
          <a:blip r:embed="rId6"/>
          <a:stretch>
            <a:fillRect/>
          </a:stretch>
        </p:blipFill>
        <p:spPr>
          <a:xfrm>
            <a:off x="5535299" y="2733766"/>
            <a:ext cx="337400" cy="321707"/>
          </a:xfrm>
          <a:prstGeom prst="rect">
            <a:avLst/>
          </a:prstGeom>
        </p:spPr>
      </p:pic>
      <p:pic>
        <p:nvPicPr>
          <p:cNvPr id="30" name="7 Scale picture"/>
          <p:cNvPicPr>
            <a:picLocks noChangeAspect="1"/>
          </p:cNvPicPr>
          <p:nvPr userDrawn="1"/>
        </p:nvPicPr>
        <p:blipFill>
          <a:blip r:embed="rId7"/>
          <a:stretch>
            <a:fillRect/>
          </a:stretch>
        </p:blipFill>
        <p:spPr>
          <a:xfrm>
            <a:off x="5513004" y="3227756"/>
            <a:ext cx="359695" cy="335309"/>
          </a:xfrm>
          <a:prstGeom prst="rect">
            <a:avLst/>
          </a:prstGeom>
        </p:spPr>
      </p:pic>
      <p:sp>
        <p:nvSpPr>
          <p:cNvPr id="5" name="Date Placeholder 4" hidden="1">
            <a:extLst>
              <a:ext uri="{FF2B5EF4-FFF2-40B4-BE49-F238E27FC236}">
                <a16:creationId xmlns:a16="http://schemas.microsoft.com/office/drawing/2014/main" id="{CE629B00-050D-405D-9F06-055DE3B96A32}"/>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19C4AFBF-60E1-42EA-8753-75100198DE7B}"/>
              </a:ext>
            </a:extLst>
          </p:cNvPr>
          <p:cNvSpPr>
            <a:spLocks noGrp="1"/>
          </p:cNvSpPr>
          <p:nvPr>
            <p:ph type="ftr" sz="quarter" idx="11"/>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D06412C5-1E06-4858-BC5A-6397A4AB3668}"/>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8000" y="872715"/>
            <a:ext cx="7092000" cy="1161947"/>
          </a:xfrm>
        </p:spPr>
        <p:txBody>
          <a:bodyPr/>
          <a:lstStyle/>
          <a:p>
            <a:r>
              <a:rPr lang="da-DK" dirty="0"/>
              <a:t>Overskrift 27pt i to eller flere linjer </a:t>
            </a:r>
            <a:br>
              <a:rPr lang="da-DK" dirty="0"/>
            </a:br>
            <a:r>
              <a:rPr lang="da-DK" dirty="0"/>
              <a:t>teksten vokser opad</a:t>
            </a:r>
          </a:p>
        </p:txBody>
      </p:sp>
      <p:sp>
        <p:nvSpPr>
          <p:cNvPr id="3" name="Pladsholder til indhold 2"/>
          <p:cNvSpPr>
            <a:spLocks noGrp="1"/>
          </p:cNvSpPr>
          <p:nvPr>
            <p:ph sz="quarter" idx="13" hasCustomPrompt="1"/>
          </p:nvPr>
        </p:nvSpPr>
        <p:spPr>
          <a:xfrm>
            <a:off x="1368425" y="2327275"/>
            <a:ext cx="7091363"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 name="Date Placeholder 1" hidden="1">
            <a:extLst>
              <a:ext uri="{FF2B5EF4-FFF2-40B4-BE49-F238E27FC236}">
                <a16:creationId xmlns:a16="http://schemas.microsoft.com/office/drawing/2014/main" id="{44ADA2A9-9BC6-47B0-A865-EF1261DCA067}"/>
              </a:ext>
            </a:extLst>
          </p:cNvPr>
          <p:cNvSpPr>
            <a:spLocks noGrp="1"/>
          </p:cNvSpPr>
          <p:nvPr>
            <p:ph type="dt" sz="half" idx="14"/>
          </p:nvPr>
        </p:nvSpPr>
        <p:spPr/>
        <p:txBody>
          <a:bodyPr/>
          <a:lstStyle/>
          <a:p>
            <a:endParaRPr lang="da-DK" dirty="0"/>
          </a:p>
        </p:txBody>
      </p:sp>
      <p:sp>
        <p:nvSpPr>
          <p:cNvPr id="7" name="Footer Placeholder 6" hidden="1">
            <a:extLst>
              <a:ext uri="{FF2B5EF4-FFF2-40B4-BE49-F238E27FC236}">
                <a16:creationId xmlns:a16="http://schemas.microsoft.com/office/drawing/2014/main" id="{54D1B3A5-D482-4510-80B7-5330A2D6FD0A}"/>
              </a:ext>
            </a:extLst>
          </p:cNvPr>
          <p:cNvSpPr>
            <a:spLocks noGrp="1"/>
          </p:cNvSpPr>
          <p:nvPr>
            <p:ph type="ftr" sz="quarter" idx="15"/>
          </p:nvPr>
        </p:nvSpPr>
        <p:spPr/>
        <p:txBody>
          <a:bodyPr/>
          <a:lstStyle/>
          <a:p>
            <a:r>
              <a:rPr lang="en-GB"/>
              <a:t>Apopleksi og sundhedsadfærd</a:t>
            </a:r>
          </a:p>
        </p:txBody>
      </p:sp>
      <p:sp>
        <p:nvSpPr>
          <p:cNvPr id="8" name="Slide Number Placeholder 7">
            <a:extLst>
              <a:ext uri="{FF2B5EF4-FFF2-40B4-BE49-F238E27FC236}">
                <a16:creationId xmlns:a16="http://schemas.microsoft.com/office/drawing/2014/main" id="{482AE145-3F35-4BA1-87F1-2A47FE42DA4D}"/>
              </a:ext>
            </a:extLst>
          </p:cNvPr>
          <p:cNvSpPr>
            <a:spLocks noGrp="1"/>
          </p:cNvSpPr>
          <p:nvPr>
            <p:ph type="sldNum" sz="quarter" idx="16"/>
          </p:nvPr>
        </p:nvSpPr>
        <p:spPr/>
        <p:txBody>
          <a:bodyPr/>
          <a:lstStyle/>
          <a:p>
            <a:fld id="{0DAB5548-7253-48D6-B95B-F3D312A72220}" type="slidenum">
              <a:rPr lang="da-DK" smtClean="0"/>
              <a:pPr/>
              <a:t>‹nr.›</a:t>
            </a:fld>
            <a:endParaRPr lang="da-DK" dirty="0"/>
          </a:p>
        </p:txBody>
      </p:sp>
      <p:sp>
        <p:nvSpPr>
          <p:cNvPr id="10" name="text" descr="{&quot;templafy&quot;:{&quot;id&quot;:&quot;7785642b-90fe-486b-a538-b82efaa31ee2&quot;}}" title="UserProfile.Office.Virksomhed_{{DocumentLanguage}}">
            <a:extLst>
              <a:ext uri="{FF2B5EF4-FFF2-40B4-BE49-F238E27FC236}">
                <a16:creationId xmlns:a16="http://schemas.microsoft.com/office/drawing/2014/main" id="{5E3F7B64-D3F3-42E8-B024-A956725844E9}"/>
              </a:ext>
            </a:extLst>
          </p:cNvPr>
          <p:cNvSpPr txBox="1"/>
          <p:nvPr userDrawn="1"/>
        </p:nvSpPr>
        <p:spPr>
          <a:xfrm>
            <a:off x="1371598" y="255600"/>
            <a:ext cx="33012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2" name="text" descr="{&quot;templafy&quot;:{&quot;id&quot;:&quot;a66a1a57-1492-4bdf-aa52-7d711bb8dd42&quot;}}" title="UserProfile.CenterFreeText">
            <a:extLst>
              <a:ext uri="{FF2B5EF4-FFF2-40B4-BE49-F238E27FC236}">
                <a16:creationId xmlns:a16="http://schemas.microsoft.com/office/drawing/2014/main" id="{987E2A3D-4ED6-4117-838B-6FFA0E94F08F}"/>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3" name="text" descr="{&quot;templafy&quot;:{&quot;id&quot;:&quot;99744cc3-1d8f-4743-a0eb-57498f0ea80e&quot;}}" hidden="1" title="UserProfile.Centers.Center_{{DocumentLanguage}}">
            <a:extLst>
              <a:ext uri="{FF2B5EF4-FFF2-40B4-BE49-F238E27FC236}">
                <a16:creationId xmlns:a16="http://schemas.microsoft.com/office/drawing/2014/main" id="{D0E666FF-F4BB-4C7C-9723-279A55F747BF}"/>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1174727851" name="image" descr="{&quot;templafy&quot;:{&quot;id&quot;:&quot;740a0796-b307-4e3b-8c7a-a29e515af033&quot;}}"/>
          <p:cNvPicPr>
            <a:picLocks noChangeAspect="1"/>
          </p:cNvPicPr>
          <p:nvPr/>
        </p:nvPicPr>
        <p:blipFill>
          <a:blip r:embed="rId2"/>
          <a:stretch>
            <a:fillRect/>
          </a:stretch>
        </p:blipFill>
        <p:spPr>
          <a:xfrm>
            <a:off x="4255200" y="6314400"/>
            <a:ext cx="1324800" cy="421200"/>
          </a:xfrm>
          <a:prstGeom prst="rect">
            <a:avLst/>
          </a:prstGeom>
        </p:spPr>
      </p:pic>
      <p:sp>
        <p:nvSpPr>
          <p:cNvPr id="18" name="text" descr="{&quot;templafy&quot;:{&quot;id&quot;:&quot;41a5677e-041b-4e06-86cc-89f83ae6ca1f&quot;}}" title="Form.PresentationTitle">
            <a:extLst>
              <a:ext uri="{FF2B5EF4-FFF2-40B4-BE49-F238E27FC236}">
                <a16:creationId xmlns:a16="http://schemas.microsoft.com/office/drawing/2014/main" id="{21CB7EEE-0E03-459A-A56D-3CA27671FFBA}"/>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sp>
        <p:nvSpPr>
          <p:cNvPr id="19" name="text" descr="{&quot;templafy&quot;:{&quot;id&quot;:&quot;0b7681d7-b68d-4aa7-b347-f4e73eb984f5&quot;}}" title="UserProfile.Name">
            <a:extLst>
              <a:ext uri="{FF2B5EF4-FFF2-40B4-BE49-F238E27FC236}">
                <a16:creationId xmlns:a16="http://schemas.microsoft.com/office/drawing/2014/main" id="{484EEFE0-287B-4533-9990-DDDD92894A03}"/>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pic>
        <p:nvPicPr>
          <p:cNvPr id="1622701473" name="image" descr="{&quot;templafy&quot;:{&quot;id&quot;:&quot;3b4a3361-d468-4f27-b3e5-bcfebcf47c97&quot;}}"/>
          <p:cNvPicPr>
            <a:picLocks noChangeAspect="1"/>
          </p:cNvPicPr>
          <p:nvPr/>
        </p:nvPicPr>
        <p:blipFill>
          <a:blip r:embed="rId3"/>
          <a:stretch>
            <a:fillRect/>
          </a:stretch>
        </p:blipFill>
        <p:spPr>
          <a:xfrm>
            <a:off x="0" y="6174197"/>
            <a:ext cx="684000" cy="684000"/>
          </a:xfrm>
          <a:prstGeom prst="rect">
            <a:avLst/>
          </a:prstGeom>
        </p:spPr>
      </p:pic>
      <p:pic>
        <p:nvPicPr>
          <p:cNvPr id="10228460" name="image" descr="{&quot;templafy&quot;:{&quot;id&quot;:&quot;2442356f-4494-4046-bc7d-450a3b98212c&quot;}}"/>
          <p:cNvPicPr>
            <a:picLocks noChangeAspect="1"/>
          </p:cNvPicPr>
          <p:nvPr/>
        </p:nvPicPr>
        <p:blipFill>
          <a:blip r:embed="rId4"/>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AD0B27AB-799F-434F-9F13-75CF3B5AA45C}"/>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976120940" name="image" descr="{&quot;templafy&quot;:{&quot;id&quot;:&quot;a98738b1-5a74-4a48-953f-4ec7968a9eeb&quot;}}"/>
          <p:cNvPicPr>
            <a:picLocks noChangeAspect="1"/>
          </p:cNvPicPr>
          <p:nvPr/>
        </p:nvPicPr>
        <p:blipFill>
          <a:blip r:embed="rId2"/>
          <a:stretch>
            <a:fillRect/>
          </a:stretch>
        </p:blipFill>
        <p:spPr>
          <a:xfrm>
            <a:off x="8024762" y="872704"/>
            <a:ext cx="871200" cy="900000"/>
          </a:xfrm>
          <a:prstGeom prst="rect">
            <a:avLst/>
          </a:prstGeom>
        </p:spPr>
      </p:pic>
      <p:pic>
        <p:nvPicPr>
          <p:cNvPr id="2074548781" name="image" descr="{&quot;templafy&quot;:{&quot;id&quot;:&quot;89467ffd-2637-47b3-bc9e-aadc1934d2d3&quot;}}"/>
          <p:cNvPicPr>
            <a:picLocks noChangeAspect="1"/>
          </p:cNvPicPr>
          <p:nvPr/>
        </p:nvPicPr>
        <p:blipFill>
          <a:blip r:embed="rId2"/>
          <a:stretch>
            <a:fillRect/>
          </a:stretch>
        </p:blipFill>
        <p:spPr>
          <a:xfrm>
            <a:off x="8027234" y="260648"/>
            <a:ext cx="871200" cy="900000"/>
          </a:xfrm>
          <a:prstGeom prst="rect">
            <a:avLst/>
          </a:prstGeom>
        </p:spPr>
      </p:pic>
      <p:pic>
        <p:nvPicPr>
          <p:cNvPr id="62974083" name="image" descr="{&quot;templafy&quot;:{&quot;id&quot;:&quot;d4d7f541-a672-4b0f-bc76-894af0cb7f3f&quot;}}"/>
          <p:cNvPicPr>
            <a:picLocks noChangeAspect="1"/>
          </p:cNvPicPr>
          <p:nvPr/>
        </p:nvPicPr>
        <p:blipFill>
          <a:blip r:embed="rId2"/>
          <a:stretch>
            <a:fillRect/>
          </a:stretch>
        </p:blipFill>
        <p:spPr>
          <a:xfrm>
            <a:off x="6901200" y="97200"/>
            <a:ext cx="2178000" cy="684000"/>
          </a:xfrm>
          <a:prstGeom prst="rect">
            <a:avLst/>
          </a:prstGeom>
        </p:spPr>
      </p:pic>
      <p:sp>
        <p:nvSpPr>
          <p:cNvPr id="26" name="text" descr="{&quot;templafy&quot;:{&quot;id&quot;:&quot;65f0b2fe-58aa-461d-831a-71c302a26628&quot;}}" title="Form.Manuel_dato">
            <a:extLst>
              <a:ext uri="{FF2B5EF4-FFF2-40B4-BE49-F238E27FC236}">
                <a16:creationId xmlns:a16="http://schemas.microsoft.com/office/drawing/2014/main" id="{6505CD19-679C-44FA-B3AA-4C18E9991E23}"/>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32232993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Overskrift 27pt i to eller flere linjer </a:t>
            </a:r>
            <a:br>
              <a:rPr lang="da-DK" dirty="0"/>
            </a:br>
            <a:r>
              <a:rPr lang="da-DK" dirty="0"/>
              <a:t>teksten vokser opad</a:t>
            </a:r>
          </a:p>
        </p:txBody>
      </p:sp>
      <p:sp>
        <p:nvSpPr>
          <p:cNvPr id="7" name="Pladsholder til indhold 6"/>
          <p:cNvSpPr>
            <a:spLocks noGrp="1"/>
          </p:cNvSpPr>
          <p:nvPr>
            <p:ph sz="quarter" idx="13" hasCustomPrompt="1"/>
          </p:nvPr>
        </p:nvSpPr>
        <p:spPr>
          <a:xfrm>
            <a:off x="1368000" y="2327275"/>
            <a:ext cx="3429000" cy="316071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5021798" y="2329200"/>
            <a:ext cx="3429000" cy="316071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947DC730-CDC5-44CC-9B1C-C14B4C0F157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C945EFDB-8058-4EB6-BB89-655AC999A630}"/>
              </a:ext>
            </a:extLst>
          </p:cNvPr>
          <p:cNvSpPr>
            <a:spLocks noGrp="1"/>
          </p:cNvSpPr>
          <p:nvPr>
            <p:ph type="ftr" sz="quarter" idx="16"/>
          </p:nvPr>
        </p:nvSpPr>
        <p:spPr/>
        <p:txBody>
          <a:bodyPr/>
          <a:lstStyle/>
          <a:p>
            <a:r>
              <a:rPr lang="en-GB"/>
              <a:t>Apopleksi og sundhedsadfærd</a:t>
            </a:r>
          </a:p>
        </p:txBody>
      </p:sp>
      <p:sp>
        <p:nvSpPr>
          <p:cNvPr id="9" name="Slide Number Placeholder 8">
            <a:extLst>
              <a:ext uri="{FF2B5EF4-FFF2-40B4-BE49-F238E27FC236}">
                <a16:creationId xmlns:a16="http://schemas.microsoft.com/office/drawing/2014/main" id="{2B3DE5CF-94FA-442F-8744-8088AC51BFAC}"/>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1" name="text" descr="{&quot;templafy&quot;:{&quot;id&quot;:&quot;deb61ada-c715-4423-b8b5-fe7f3f18d158&quot;}}" title="UserProfile.Office.Virksomhed_{{DocumentLanguage}}">
            <a:extLst>
              <a:ext uri="{FF2B5EF4-FFF2-40B4-BE49-F238E27FC236}">
                <a16:creationId xmlns:a16="http://schemas.microsoft.com/office/drawing/2014/main" id="{FEB6A1E8-F634-45B9-BF35-8FB9AFDB1A83}"/>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2" name="text" descr="{&quot;templafy&quot;:{&quot;id&quot;:&quot;8c4e5063-b993-4303-9b6f-1cb746d36850&quot;}}" title="UserProfile.CenterFreeText">
            <a:extLst>
              <a:ext uri="{FF2B5EF4-FFF2-40B4-BE49-F238E27FC236}">
                <a16:creationId xmlns:a16="http://schemas.microsoft.com/office/drawing/2014/main" id="{00DD9014-3C4D-403B-A65F-511E0B667A8D}"/>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3" name="text" descr="{&quot;templafy&quot;:{&quot;id&quot;:&quot;015494a9-961d-445f-bfa9-ea6576bf2458&quot;}}" hidden="1" title="UserProfile.Centers.Center_{{DocumentLanguage}}">
            <a:extLst>
              <a:ext uri="{FF2B5EF4-FFF2-40B4-BE49-F238E27FC236}">
                <a16:creationId xmlns:a16="http://schemas.microsoft.com/office/drawing/2014/main" id="{DA319FAB-14DA-4A22-84AE-42D2E668758F}"/>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1417950162" name="image" descr="{&quot;templafy&quot;:{&quot;id&quot;:&quot;4d4e9349-287d-4472-a621-047df55df983&quot;}}"/>
          <p:cNvPicPr>
            <a:picLocks noChangeAspect="1"/>
          </p:cNvPicPr>
          <p:nvPr/>
        </p:nvPicPr>
        <p:blipFill>
          <a:blip r:embed="rId2"/>
          <a:stretch>
            <a:fillRect/>
          </a:stretch>
        </p:blipFill>
        <p:spPr>
          <a:xfrm>
            <a:off x="4255200" y="6314400"/>
            <a:ext cx="1324800" cy="421200"/>
          </a:xfrm>
          <a:prstGeom prst="rect">
            <a:avLst/>
          </a:prstGeom>
        </p:spPr>
      </p:pic>
      <p:sp>
        <p:nvSpPr>
          <p:cNvPr id="18" name="text" descr="{&quot;templafy&quot;:{&quot;id&quot;:&quot;5ef9fa72-4d05-4dd4-8a18-832d108dab85&quot;}}" title="Form.PresentationTitle">
            <a:extLst>
              <a:ext uri="{FF2B5EF4-FFF2-40B4-BE49-F238E27FC236}">
                <a16:creationId xmlns:a16="http://schemas.microsoft.com/office/drawing/2014/main" id="{31178429-2551-4595-892B-2D7D0D0EEB4F}"/>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423224087" name="image" descr="{&quot;templafy&quot;:{&quot;id&quot;:&quot;bcd8d385-b436-4e98-a990-e9a9477520b0&quot;}}"/>
          <p:cNvPicPr>
            <a:picLocks noChangeAspect="1"/>
          </p:cNvPicPr>
          <p:nvPr/>
        </p:nvPicPr>
        <p:blipFill>
          <a:blip r:embed="rId3"/>
          <a:stretch>
            <a:fillRect/>
          </a:stretch>
        </p:blipFill>
        <p:spPr>
          <a:xfrm>
            <a:off x="0" y="6174197"/>
            <a:ext cx="684000" cy="684000"/>
          </a:xfrm>
          <a:prstGeom prst="rect">
            <a:avLst/>
          </a:prstGeom>
        </p:spPr>
      </p:pic>
      <p:pic>
        <p:nvPicPr>
          <p:cNvPr id="792220569" name="image" descr="{&quot;templafy&quot;:{&quot;id&quot;:&quot;52e1681b-fc08-427e-92ee-a21e8da8db9b&quot;}}"/>
          <p:cNvPicPr>
            <a:picLocks noChangeAspect="1"/>
          </p:cNvPicPr>
          <p:nvPr/>
        </p:nvPicPr>
        <p:blipFill>
          <a:blip r:embed="rId4"/>
          <a:stretch>
            <a:fillRect/>
          </a:stretch>
        </p:blipFill>
        <p:spPr>
          <a:xfrm>
            <a:off x="457200" y="5718575"/>
            <a:ext cx="687600" cy="687600"/>
          </a:xfrm>
          <a:prstGeom prst="rect">
            <a:avLst/>
          </a:prstGeom>
        </p:spPr>
      </p:pic>
      <p:pic>
        <p:nvPicPr>
          <p:cNvPr id="23" name="Region">
            <a:extLst>
              <a:ext uri="{FF2B5EF4-FFF2-40B4-BE49-F238E27FC236}">
                <a16:creationId xmlns:a16="http://schemas.microsoft.com/office/drawing/2014/main" id="{B7E8D307-E2E5-428B-9730-26782F001A6D}"/>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126746516" name="image" descr="{&quot;templafy&quot;:{&quot;id&quot;:&quot;e8b2cd1d-5cd5-4251-b17c-44f8638222cf&quot;}}"/>
          <p:cNvPicPr>
            <a:picLocks noChangeAspect="1"/>
          </p:cNvPicPr>
          <p:nvPr/>
        </p:nvPicPr>
        <p:blipFill>
          <a:blip r:embed="rId2"/>
          <a:stretch>
            <a:fillRect/>
          </a:stretch>
        </p:blipFill>
        <p:spPr>
          <a:xfrm>
            <a:off x="8024762" y="872704"/>
            <a:ext cx="871200" cy="900000"/>
          </a:xfrm>
          <a:prstGeom prst="rect">
            <a:avLst/>
          </a:prstGeom>
        </p:spPr>
      </p:pic>
      <p:pic>
        <p:nvPicPr>
          <p:cNvPr id="1464038219" name="image" descr="{&quot;templafy&quot;:{&quot;id&quot;:&quot;acc1a65b-bd14-4a0f-84cb-dffd79a9ed42&quot;}}"/>
          <p:cNvPicPr>
            <a:picLocks noChangeAspect="1"/>
          </p:cNvPicPr>
          <p:nvPr/>
        </p:nvPicPr>
        <p:blipFill>
          <a:blip r:embed="rId2"/>
          <a:stretch>
            <a:fillRect/>
          </a:stretch>
        </p:blipFill>
        <p:spPr>
          <a:xfrm>
            <a:off x="8027234" y="260648"/>
            <a:ext cx="871200" cy="900000"/>
          </a:xfrm>
          <a:prstGeom prst="rect">
            <a:avLst/>
          </a:prstGeom>
        </p:spPr>
      </p:pic>
      <p:pic>
        <p:nvPicPr>
          <p:cNvPr id="546683475" name="image" descr="{&quot;templafy&quot;:{&quot;id&quot;:&quot;641c5913-7db0-4018-86fb-43235a62042d&quot;}}"/>
          <p:cNvPicPr>
            <a:picLocks noChangeAspect="1"/>
          </p:cNvPicPr>
          <p:nvPr/>
        </p:nvPicPr>
        <p:blipFill>
          <a:blip r:embed="rId2"/>
          <a:stretch>
            <a:fillRect/>
          </a:stretch>
        </p:blipFill>
        <p:spPr>
          <a:xfrm>
            <a:off x="6901200" y="97200"/>
            <a:ext cx="2178000" cy="684000"/>
          </a:xfrm>
          <a:prstGeom prst="rect">
            <a:avLst/>
          </a:prstGeom>
        </p:spPr>
      </p:pic>
      <p:sp>
        <p:nvSpPr>
          <p:cNvPr id="27" name="text" descr="{&quot;templafy&quot;:{&quot;id&quot;:&quot;3f65fa14-fedc-498e-9cc4-a6696c1fb722&quot;}}" title="UserProfile.Name">
            <a:extLst>
              <a:ext uri="{FF2B5EF4-FFF2-40B4-BE49-F238E27FC236}">
                <a16:creationId xmlns:a16="http://schemas.microsoft.com/office/drawing/2014/main" id="{B6BB832E-6493-4DD7-A364-9E0DB47EA71F}"/>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28" name="text" descr="{&quot;templafy&quot;:{&quot;id&quot;:&quot;a6a77105-d1ab-446b-b947-c8c407bc10a7&quot;}}" title="Form.Manuel_dato">
            <a:extLst>
              <a:ext uri="{FF2B5EF4-FFF2-40B4-BE49-F238E27FC236}">
                <a16:creationId xmlns:a16="http://schemas.microsoft.com/office/drawing/2014/main" id="{179E6486-6C7F-4349-8118-4929CD2692F7}"/>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917773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0" y="4838162"/>
            <a:ext cx="7086600"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8000" y="1362269"/>
            <a:ext cx="7086600" cy="334036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117154C2-02F4-4D6A-9749-F6345FE82F05}"/>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16932010-4344-4A31-801D-86332CCC3A22}"/>
              </a:ext>
            </a:extLst>
          </p:cNvPr>
          <p:cNvSpPr>
            <a:spLocks noGrp="1"/>
          </p:cNvSpPr>
          <p:nvPr>
            <p:ph type="ftr" sz="quarter" idx="18"/>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C7F72AE4-A026-4950-A877-53A943FFFF16}"/>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0" name="text" descr="{&quot;templafy&quot;:{&quot;id&quot;:&quot;44e86d6b-d887-4b42-95d3-a38a86ccbbb4&quot;}}" title="UserProfile.Office.Virksomhed_{{DocumentLanguage}}">
            <a:extLst>
              <a:ext uri="{FF2B5EF4-FFF2-40B4-BE49-F238E27FC236}">
                <a16:creationId xmlns:a16="http://schemas.microsoft.com/office/drawing/2014/main" id="{1688F4BD-789F-4D39-B51A-9B182FFAF988}"/>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2" name="text" descr="{&quot;templafy&quot;:{&quot;id&quot;:&quot;738b2fe3-5528-4ed9-ad0f-23d800a40082&quot;}}" title="UserProfile.CenterFreeText">
            <a:extLst>
              <a:ext uri="{FF2B5EF4-FFF2-40B4-BE49-F238E27FC236}">
                <a16:creationId xmlns:a16="http://schemas.microsoft.com/office/drawing/2014/main" id="{C9507C16-D8CB-4CCF-A6E1-8BB17DFD52D1}"/>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3" name="text" descr="{&quot;templafy&quot;:{&quot;id&quot;:&quot;408624ed-d940-4582-8211-87dd49c15a7a&quot;}}" hidden="1" title="UserProfile.Centers.Center_{{DocumentLanguage}}">
            <a:extLst>
              <a:ext uri="{FF2B5EF4-FFF2-40B4-BE49-F238E27FC236}">
                <a16:creationId xmlns:a16="http://schemas.microsoft.com/office/drawing/2014/main" id="{1A6209A9-91A0-4D65-A32D-CC7D235A63D9}"/>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1487161647" name="image" descr="{&quot;templafy&quot;:{&quot;id&quot;:&quot;0794c14b-dbec-4590-ace8-1de2f20412de&quot;}}"/>
          <p:cNvPicPr>
            <a:picLocks noChangeAspect="1"/>
          </p:cNvPicPr>
          <p:nvPr/>
        </p:nvPicPr>
        <p:blipFill>
          <a:blip r:embed="rId2"/>
          <a:stretch>
            <a:fillRect/>
          </a:stretch>
        </p:blipFill>
        <p:spPr>
          <a:xfrm>
            <a:off x="4255200" y="6314400"/>
            <a:ext cx="1324800" cy="421200"/>
          </a:xfrm>
          <a:prstGeom prst="rect">
            <a:avLst/>
          </a:prstGeom>
        </p:spPr>
      </p:pic>
      <p:sp>
        <p:nvSpPr>
          <p:cNvPr id="18" name="text" descr="{&quot;templafy&quot;:{&quot;id&quot;:&quot;35a47809-9aab-404b-9d82-82ed47e5088a&quot;}}" title="Form.PresentationTitle">
            <a:extLst>
              <a:ext uri="{FF2B5EF4-FFF2-40B4-BE49-F238E27FC236}">
                <a16:creationId xmlns:a16="http://schemas.microsoft.com/office/drawing/2014/main" id="{432EE8C2-ED9B-41BE-834E-87895127141A}"/>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435248492" name="image" descr="{&quot;templafy&quot;:{&quot;id&quot;:&quot;48282f75-e2b0-40bd-be06-c4677f6f29c9&quot;}}"/>
          <p:cNvPicPr>
            <a:picLocks noChangeAspect="1"/>
          </p:cNvPicPr>
          <p:nvPr/>
        </p:nvPicPr>
        <p:blipFill>
          <a:blip r:embed="rId3"/>
          <a:stretch>
            <a:fillRect/>
          </a:stretch>
        </p:blipFill>
        <p:spPr>
          <a:xfrm>
            <a:off x="0" y="6174197"/>
            <a:ext cx="684000" cy="684000"/>
          </a:xfrm>
          <a:prstGeom prst="rect">
            <a:avLst/>
          </a:prstGeom>
        </p:spPr>
      </p:pic>
      <p:pic>
        <p:nvPicPr>
          <p:cNvPr id="2006477475" name="image" descr="{&quot;templafy&quot;:{&quot;id&quot;:&quot;85bc4835-db8f-45d1-9c46-c2b18abb3694&quot;}}"/>
          <p:cNvPicPr>
            <a:picLocks noChangeAspect="1"/>
          </p:cNvPicPr>
          <p:nvPr/>
        </p:nvPicPr>
        <p:blipFill>
          <a:blip r:embed="rId4"/>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36CB1BDE-6805-4098-B171-A9BAE61A7E6D}"/>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37698010" name="image" descr="{&quot;templafy&quot;:{&quot;id&quot;:&quot;e8aff174-5278-4ec6-9b55-cfca9f18e22f&quot;}}"/>
          <p:cNvPicPr>
            <a:picLocks noChangeAspect="1"/>
          </p:cNvPicPr>
          <p:nvPr/>
        </p:nvPicPr>
        <p:blipFill>
          <a:blip r:embed="rId2"/>
          <a:stretch>
            <a:fillRect/>
          </a:stretch>
        </p:blipFill>
        <p:spPr>
          <a:xfrm>
            <a:off x="8024762" y="872704"/>
            <a:ext cx="871200" cy="900000"/>
          </a:xfrm>
          <a:prstGeom prst="rect">
            <a:avLst/>
          </a:prstGeom>
        </p:spPr>
      </p:pic>
      <p:pic>
        <p:nvPicPr>
          <p:cNvPr id="1401285294" name="image" descr="{&quot;templafy&quot;:{&quot;id&quot;:&quot;6e04a938-b4ac-47ba-88c7-919d2b534809&quot;}}"/>
          <p:cNvPicPr>
            <a:picLocks noChangeAspect="1"/>
          </p:cNvPicPr>
          <p:nvPr/>
        </p:nvPicPr>
        <p:blipFill>
          <a:blip r:embed="rId2"/>
          <a:stretch>
            <a:fillRect/>
          </a:stretch>
        </p:blipFill>
        <p:spPr>
          <a:xfrm>
            <a:off x="8027234" y="260648"/>
            <a:ext cx="871200" cy="900000"/>
          </a:xfrm>
          <a:prstGeom prst="rect">
            <a:avLst/>
          </a:prstGeom>
        </p:spPr>
      </p:pic>
      <p:pic>
        <p:nvPicPr>
          <p:cNvPr id="97618282" name="image" descr="{&quot;templafy&quot;:{&quot;id&quot;:&quot;11942c81-46b7-48f9-9ad5-bb71d7a9b634&quot;}}"/>
          <p:cNvPicPr>
            <a:picLocks noChangeAspect="1"/>
          </p:cNvPicPr>
          <p:nvPr/>
        </p:nvPicPr>
        <p:blipFill>
          <a:blip r:embed="rId2"/>
          <a:stretch>
            <a:fillRect/>
          </a:stretch>
        </p:blipFill>
        <p:spPr>
          <a:xfrm>
            <a:off x="6901200" y="97200"/>
            <a:ext cx="2178000" cy="684000"/>
          </a:xfrm>
          <a:prstGeom prst="rect">
            <a:avLst/>
          </a:prstGeom>
        </p:spPr>
      </p:pic>
      <p:sp>
        <p:nvSpPr>
          <p:cNvPr id="26" name="text" descr="{&quot;templafy&quot;:{&quot;id&quot;:&quot;6a831d2b-6af0-459b-a159-141a1ee967ee&quot;}}" title="UserProfile.Name">
            <a:extLst>
              <a:ext uri="{FF2B5EF4-FFF2-40B4-BE49-F238E27FC236}">
                <a16:creationId xmlns:a16="http://schemas.microsoft.com/office/drawing/2014/main" id="{893517C2-C6BD-4E2F-B216-A8B58BF11B1C}"/>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27" name="text" descr="{&quot;templafy&quot;:{&quot;id&quot;:&quot;35711fb7-9657-47d9-af6b-2c68512de825&quot;}}" title="Form.Manuel_dato">
            <a:extLst>
              <a:ext uri="{FF2B5EF4-FFF2-40B4-BE49-F238E27FC236}">
                <a16:creationId xmlns:a16="http://schemas.microsoft.com/office/drawing/2014/main" id="{ABC9C868-C959-4218-8588-A4114C673D6D}"/>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32117647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0" y="4838162"/>
            <a:ext cx="7086600"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8425" y="1362075"/>
            <a:ext cx="7088400" cy="3340800"/>
          </a:xfrm>
        </p:spPr>
        <p:txBody>
          <a:bodyPr/>
          <a:lstStyle>
            <a:lvl1pPr>
              <a:defRPr baseline="0"/>
            </a:lvl1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 name="Date Placeholder 1" hidden="1">
            <a:extLst>
              <a:ext uri="{FF2B5EF4-FFF2-40B4-BE49-F238E27FC236}">
                <a16:creationId xmlns:a16="http://schemas.microsoft.com/office/drawing/2014/main" id="{7BB55899-1A9B-4146-A910-A4DDAEA085EE}"/>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B58D5CFA-933D-48FD-97D4-7A17AA393A00}"/>
              </a:ext>
            </a:extLst>
          </p:cNvPr>
          <p:cNvSpPr>
            <a:spLocks noGrp="1"/>
          </p:cNvSpPr>
          <p:nvPr>
            <p:ph type="ftr" sz="quarter" idx="19"/>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A023D92B-1908-4C4B-A547-90285EAC8961}"/>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10" name="text" descr="{&quot;templafy&quot;:{&quot;id&quot;:&quot;d4c1d85c-be9b-4b31-a9b4-94b1cbfdd8fc&quot;}}" title="UserProfile.Office.Virksomhed_{{DocumentLanguage}}">
            <a:extLst>
              <a:ext uri="{FF2B5EF4-FFF2-40B4-BE49-F238E27FC236}">
                <a16:creationId xmlns:a16="http://schemas.microsoft.com/office/drawing/2014/main" id="{FABB3F27-C64A-4847-A0F4-49D1ED43D277}"/>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2" name="text" descr="{&quot;templafy&quot;:{&quot;id&quot;:&quot;d7d10a31-9423-4872-bf95-ebdd19ce504c&quot;}}" title="UserProfile.CenterFreeText">
            <a:extLst>
              <a:ext uri="{FF2B5EF4-FFF2-40B4-BE49-F238E27FC236}">
                <a16:creationId xmlns:a16="http://schemas.microsoft.com/office/drawing/2014/main" id="{617E5582-9A32-475F-821C-6E596752CEE0}"/>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3" name="text" descr="{&quot;templafy&quot;:{&quot;id&quot;:&quot;0287da5b-dcec-4bc9-b7d8-7d3ecd7db7c0&quot;}}" hidden="1" title="UserProfile.Centers.Center_{{DocumentLanguage}}">
            <a:extLst>
              <a:ext uri="{FF2B5EF4-FFF2-40B4-BE49-F238E27FC236}">
                <a16:creationId xmlns:a16="http://schemas.microsoft.com/office/drawing/2014/main" id="{CC4AE1BB-94FD-4C60-AE1A-F9711352FBF6}"/>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454311980" name="image" descr="{&quot;templafy&quot;:{&quot;id&quot;:&quot;96831686-0bca-41db-9fe8-c394cb34d3d8&quot;}}"/>
          <p:cNvPicPr>
            <a:picLocks noChangeAspect="1"/>
          </p:cNvPicPr>
          <p:nvPr/>
        </p:nvPicPr>
        <p:blipFill>
          <a:blip r:embed="rId2"/>
          <a:stretch>
            <a:fillRect/>
          </a:stretch>
        </p:blipFill>
        <p:spPr>
          <a:xfrm>
            <a:off x="4255200" y="6314400"/>
            <a:ext cx="1324800" cy="421200"/>
          </a:xfrm>
          <a:prstGeom prst="rect">
            <a:avLst/>
          </a:prstGeom>
        </p:spPr>
      </p:pic>
      <p:sp>
        <p:nvSpPr>
          <p:cNvPr id="18" name="text" descr="{&quot;templafy&quot;:{&quot;id&quot;:&quot;47f3723b-2986-47c2-a165-d045da5c5414&quot;}}" title="Form.PresentationTitle">
            <a:extLst>
              <a:ext uri="{FF2B5EF4-FFF2-40B4-BE49-F238E27FC236}">
                <a16:creationId xmlns:a16="http://schemas.microsoft.com/office/drawing/2014/main" id="{4F651AFC-72CA-4611-A624-D7C73FE42A74}"/>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375462674" name="image" descr="{&quot;templafy&quot;:{&quot;id&quot;:&quot;c00085a3-5ed5-42e3-998b-3ab50c008af1&quot;}}"/>
          <p:cNvPicPr>
            <a:picLocks noChangeAspect="1"/>
          </p:cNvPicPr>
          <p:nvPr/>
        </p:nvPicPr>
        <p:blipFill>
          <a:blip r:embed="rId3"/>
          <a:stretch>
            <a:fillRect/>
          </a:stretch>
        </p:blipFill>
        <p:spPr>
          <a:xfrm>
            <a:off x="0" y="6174197"/>
            <a:ext cx="684000" cy="684000"/>
          </a:xfrm>
          <a:prstGeom prst="rect">
            <a:avLst/>
          </a:prstGeom>
        </p:spPr>
      </p:pic>
      <p:pic>
        <p:nvPicPr>
          <p:cNvPr id="95486691" name="image" descr="{&quot;templafy&quot;:{&quot;id&quot;:&quot;b517eeea-c57d-423c-befe-106c4867bc2b&quot;}}"/>
          <p:cNvPicPr>
            <a:picLocks noChangeAspect="1"/>
          </p:cNvPicPr>
          <p:nvPr/>
        </p:nvPicPr>
        <p:blipFill>
          <a:blip r:embed="rId4"/>
          <a:stretch>
            <a:fillRect/>
          </a:stretch>
        </p:blipFill>
        <p:spPr>
          <a:xfrm>
            <a:off x="457200" y="5718575"/>
            <a:ext cx="687600" cy="687600"/>
          </a:xfrm>
          <a:prstGeom prst="rect">
            <a:avLst/>
          </a:prstGeom>
        </p:spPr>
      </p:pic>
      <p:pic>
        <p:nvPicPr>
          <p:cNvPr id="23" name="Region">
            <a:extLst>
              <a:ext uri="{FF2B5EF4-FFF2-40B4-BE49-F238E27FC236}">
                <a16:creationId xmlns:a16="http://schemas.microsoft.com/office/drawing/2014/main" id="{9880EE5B-6033-40D8-9E30-453194902307}"/>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563385786" name="image" descr="{&quot;templafy&quot;:{&quot;id&quot;:&quot;0b1555e6-0aa2-4d44-902c-1d847d4b81ca&quot;}}"/>
          <p:cNvPicPr>
            <a:picLocks noChangeAspect="1"/>
          </p:cNvPicPr>
          <p:nvPr/>
        </p:nvPicPr>
        <p:blipFill>
          <a:blip r:embed="rId2"/>
          <a:stretch>
            <a:fillRect/>
          </a:stretch>
        </p:blipFill>
        <p:spPr>
          <a:xfrm>
            <a:off x="8024762" y="872704"/>
            <a:ext cx="871200" cy="900000"/>
          </a:xfrm>
          <a:prstGeom prst="rect">
            <a:avLst/>
          </a:prstGeom>
        </p:spPr>
      </p:pic>
      <p:pic>
        <p:nvPicPr>
          <p:cNvPr id="555340232" name="image" descr="{&quot;templafy&quot;:{&quot;id&quot;:&quot;b1887694-b923-4de9-9633-465dccfa766c&quot;}}"/>
          <p:cNvPicPr>
            <a:picLocks noChangeAspect="1"/>
          </p:cNvPicPr>
          <p:nvPr/>
        </p:nvPicPr>
        <p:blipFill>
          <a:blip r:embed="rId2"/>
          <a:stretch>
            <a:fillRect/>
          </a:stretch>
        </p:blipFill>
        <p:spPr>
          <a:xfrm>
            <a:off x="8027234" y="260648"/>
            <a:ext cx="871200" cy="900000"/>
          </a:xfrm>
          <a:prstGeom prst="rect">
            <a:avLst/>
          </a:prstGeom>
        </p:spPr>
      </p:pic>
      <p:pic>
        <p:nvPicPr>
          <p:cNvPr id="1172925681" name="image" descr="{&quot;templafy&quot;:{&quot;id&quot;:&quot;90bd4ce2-1133-4e22-a1b2-cecbc7823445&quot;}}"/>
          <p:cNvPicPr>
            <a:picLocks noChangeAspect="1"/>
          </p:cNvPicPr>
          <p:nvPr/>
        </p:nvPicPr>
        <p:blipFill>
          <a:blip r:embed="rId2"/>
          <a:stretch>
            <a:fillRect/>
          </a:stretch>
        </p:blipFill>
        <p:spPr>
          <a:xfrm>
            <a:off x="6901200" y="97200"/>
            <a:ext cx="2178000" cy="684000"/>
          </a:xfrm>
          <a:prstGeom prst="rect">
            <a:avLst/>
          </a:prstGeom>
        </p:spPr>
      </p:pic>
      <p:sp>
        <p:nvSpPr>
          <p:cNvPr id="27" name="text" descr="{&quot;templafy&quot;:{&quot;id&quot;:&quot;366b015e-3496-4acc-a140-8734ef32ac0f&quot;}}" title="UserProfile.Name">
            <a:extLst>
              <a:ext uri="{FF2B5EF4-FFF2-40B4-BE49-F238E27FC236}">
                <a16:creationId xmlns:a16="http://schemas.microsoft.com/office/drawing/2014/main" id="{095CB35A-1AE2-4A10-AB62-CE5A4208B2C4}"/>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28" name="text" descr="{&quot;templafy&quot;:{&quot;id&quot;:&quot;dfebe850-d550-49fd-a838-823ea6401af6&quot;}}" title="Form.Manuel_dato">
            <a:extLst>
              <a:ext uri="{FF2B5EF4-FFF2-40B4-BE49-F238E27FC236}">
                <a16:creationId xmlns:a16="http://schemas.microsoft.com/office/drawing/2014/main" id="{7FBF063E-09E7-4F20-9D5E-F11C62D8EC3B}"/>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1971862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0" y="4985492"/>
            <a:ext cx="3317874" cy="558000"/>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8000" y="1366174"/>
            <a:ext cx="3317875" cy="348964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4889500" y="4985492"/>
            <a:ext cx="3564000" cy="558000"/>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4884806" y="1371523"/>
            <a:ext cx="3570988" cy="348840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ACBFBDDF-D97D-43AB-8D92-F412E470040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82936F5-967C-4914-A711-95A64A959942}"/>
              </a:ext>
            </a:extLst>
          </p:cNvPr>
          <p:cNvSpPr>
            <a:spLocks noGrp="1"/>
          </p:cNvSpPr>
          <p:nvPr>
            <p:ph type="ftr" sz="quarter" idx="21"/>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4C9B31E7-9C37-4936-AB97-AD3063779E44}"/>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13" name="text" descr="{&quot;templafy&quot;:{&quot;id&quot;:&quot;f19237ef-a412-4021-81d6-743ad7b88abb&quot;}}" title="UserProfile.Office.Virksomhed_{{DocumentLanguage}}">
            <a:extLst>
              <a:ext uri="{FF2B5EF4-FFF2-40B4-BE49-F238E27FC236}">
                <a16:creationId xmlns:a16="http://schemas.microsoft.com/office/drawing/2014/main" id="{8EBC6907-67C7-4DDA-BFC8-25EE59069EE5}"/>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4" name="text" descr="{&quot;templafy&quot;:{&quot;id&quot;:&quot;b6e7765b-0f36-4fec-a9c3-b1627e9256fd&quot;}}" title="UserProfile.CenterFreeText">
            <a:extLst>
              <a:ext uri="{FF2B5EF4-FFF2-40B4-BE49-F238E27FC236}">
                <a16:creationId xmlns:a16="http://schemas.microsoft.com/office/drawing/2014/main" id="{A1D42DFF-E792-4D46-B255-1F478E72C4C7}"/>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5" name="text" descr="{&quot;templafy&quot;:{&quot;id&quot;:&quot;f2ff120a-a996-4c26-a873-d5e343b473ae&quot;}}" hidden="1" title="UserProfile.Centers.Center_{{DocumentLanguage}}">
            <a:extLst>
              <a:ext uri="{FF2B5EF4-FFF2-40B4-BE49-F238E27FC236}">
                <a16:creationId xmlns:a16="http://schemas.microsoft.com/office/drawing/2014/main" id="{D0D9D81A-BF21-4A78-B194-312251172454}"/>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949516788" name="image" descr="{&quot;templafy&quot;:{&quot;id&quot;:&quot;80884e5d-faef-423f-b3b1-75b95b39a1f7&quot;}}"/>
          <p:cNvPicPr>
            <a:picLocks noChangeAspect="1"/>
          </p:cNvPicPr>
          <p:nvPr/>
        </p:nvPicPr>
        <p:blipFill>
          <a:blip r:embed="rId2"/>
          <a:stretch>
            <a:fillRect/>
          </a:stretch>
        </p:blipFill>
        <p:spPr>
          <a:xfrm>
            <a:off x="4255200" y="6314400"/>
            <a:ext cx="1324800" cy="421200"/>
          </a:xfrm>
          <a:prstGeom prst="rect">
            <a:avLst/>
          </a:prstGeom>
        </p:spPr>
      </p:pic>
      <p:sp>
        <p:nvSpPr>
          <p:cNvPr id="21" name="text" descr="{&quot;templafy&quot;:{&quot;id&quot;:&quot;713f2535-29ab-448d-b3cb-4d3febf57995&quot;}}" title="Form.PresentationTitle">
            <a:extLst>
              <a:ext uri="{FF2B5EF4-FFF2-40B4-BE49-F238E27FC236}">
                <a16:creationId xmlns:a16="http://schemas.microsoft.com/office/drawing/2014/main" id="{855271E2-8C05-4F04-BC67-E88D95E7CD0B}"/>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1562950360" name="image" descr="{&quot;templafy&quot;:{&quot;id&quot;:&quot;ca3a5dcd-b3bb-4871-a409-37c663e6345f&quot;}}"/>
          <p:cNvPicPr>
            <a:picLocks noChangeAspect="1"/>
          </p:cNvPicPr>
          <p:nvPr/>
        </p:nvPicPr>
        <p:blipFill>
          <a:blip r:embed="rId3"/>
          <a:stretch>
            <a:fillRect/>
          </a:stretch>
        </p:blipFill>
        <p:spPr>
          <a:xfrm>
            <a:off x="0" y="6174197"/>
            <a:ext cx="684000" cy="684000"/>
          </a:xfrm>
          <a:prstGeom prst="rect">
            <a:avLst/>
          </a:prstGeom>
        </p:spPr>
      </p:pic>
      <p:pic>
        <p:nvPicPr>
          <p:cNvPr id="791163607" name="image" descr="{&quot;templafy&quot;:{&quot;id&quot;:&quot;cc48af2c-7865-4d80-ac1d-b7f737151893&quot;}}"/>
          <p:cNvPicPr>
            <a:picLocks noChangeAspect="1"/>
          </p:cNvPicPr>
          <p:nvPr/>
        </p:nvPicPr>
        <p:blipFill>
          <a:blip r:embed="rId4"/>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5317F64A-B543-44BE-A513-87EC70C63ED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51444736" name="image" descr="{&quot;templafy&quot;:{&quot;id&quot;:&quot;4d5a1ec2-dda8-40b8-a444-df050b6d750c&quot;}}"/>
          <p:cNvPicPr>
            <a:picLocks noChangeAspect="1"/>
          </p:cNvPicPr>
          <p:nvPr/>
        </p:nvPicPr>
        <p:blipFill>
          <a:blip r:embed="rId2"/>
          <a:stretch>
            <a:fillRect/>
          </a:stretch>
        </p:blipFill>
        <p:spPr>
          <a:xfrm>
            <a:off x="8024762" y="872704"/>
            <a:ext cx="871200" cy="900000"/>
          </a:xfrm>
          <a:prstGeom prst="rect">
            <a:avLst/>
          </a:prstGeom>
        </p:spPr>
      </p:pic>
      <p:pic>
        <p:nvPicPr>
          <p:cNvPr id="2074657005" name="image" descr="{&quot;templafy&quot;:{&quot;id&quot;:&quot;fa14d991-7e02-4f52-8e1a-b7f047d963cd&quot;}}"/>
          <p:cNvPicPr>
            <a:picLocks noChangeAspect="1"/>
          </p:cNvPicPr>
          <p:nvPr/>
        </p:nvPicPr>
        <p:blipFill>
          <a:blip r:embed="rId2"/>
          <a:stretch>
            <a:fillRect/>
          </a:stretch>
        </p:blipFill>
        <p:spPr>
          <a:xfrm>
            <a:off x="8027234" y="260648"/>
            <a:ext cx="871200" cy="900000"/>
          </a:xfrm>
          <a:prstGeom prst="rect">
            <a:avLst/>
          </a:prstGeom>
        </p:spPr>
      </p:pic>
      <p:pic>
        <p:nvPicPr>
          <p:cNvPr id="1991828965" name="image" descr="{&quot;templafy&quot;:{&quot;id&quot;:&quot;adb4ec60-2d52-4260-8ca2-782f6eb70ca7&quot;}}"/>
          <p:cNvPicPr>
            <a:picLocks noChangeAspect="1"/>
          </p:cNvPicPr>
          <p:nvPr/>
        </p:nvPicPr>
        <p:blipFill>
          <a:blip r:embed="rId2"/>
          <a:stretch>
            <a:fillRect/>
          </a:stretch>
        </p:blipFill>
        <p:spPr>
          <a:xfrm>
            <a:off x="6901200" y="97200"/>
            <a:ext cx="2178000" cy="684000"/>
          </a:xfrm>
          <a:prstGeom prst="rect">
            <a:avLst/>
          </a:prstGeom>
        </p:spPr>
      </p:pic>
      <p:sp>
        <p:nvSpPr>
          <p:cNvPr id="30" name="text" descr="{&quot;templafy&quot;:{&quot;id&quot;:&quot;0a2bb9b9-008b-46f1-9518-8f70eeacaac2&quot;}}" title="UserProfile.Name">
            <a:extLst>
              <a:ext uri="{FF2B5EF4-FFF2-40B4-BE49-F238E27FC236}">
                <a16:creationId xmlns:a16="http://schemas.microsoft.com/office/drawing/2014/main" id="{8FE2A232-F102-4273-8102-2D19496866F2}"/>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31" name="text" descr="{&quot;templafy&quot;:{&quot;id&quot;:&quot;d79c6ba0-629a-40d8-a4a4-725254db42b2&quot;}}" title="Form.Manuel_dato">
            <a:extLst>
              <a:ext uri="{FF2B5EF4-FFF2-40B4-BE49-F238E27FC236}">
                <a16:creationId xmlns:a16="http://schemas.microsoft.com/office/drawing/2014/main" id="{D1920EDA-44CC-44FA-B042-85317344E954}"/>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15285674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8000" y="908719"/>
            <a:ext cx="7091788" cy="1125943"/>
          </a:xfrm>
        </p:spPr>
        <p:txBody>
          <a:bodyPr/>
          <a:lstStyle/>
          <a:p>
            <a:r>
              <a:rPr lang="da-DK" dirty="0"/>
              <a:t>Overskrift 27pt i to eller flere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71600" y="4931361"/>
            <a:ext cx="3317874" cy="556627"/>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8000" y="2328862"/>
            <a:ext cx="3319200" cy="2476561"/>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4888800" y="2327275"/>
            <a:ext cx="3570988" cy="316071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FE860F95-34D8-4068-8A87-A7D734D50A0A}"/>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6D33EB4F-8148-4FB4-ADCF-9ACCCDEF5928}"/>
              </a:ext>
            </a:extLst>
          </p:cNvPr>
          <p:cNvSpPr>
            <a:spLocks noGrp="1"/>
          </p:cNvSpPr>
          <p:nvPr>
            <p:ph type="ftr" sz="quarter" idx="19"/>
          </p:nvPr>
        </p:nvSpPr>
        <p:spPr/>
        <p:txBody>
          <a:bodyPr/>
          <a:lstStyle/>
          <a:p>
            <a:r>
              <a:rPr lang="en-GB"/>
              <a:t>Apopleksi og sundhedsadfærd</a:t>
            </a:r>
          </a:p>
        </p:txBody>
      </p:sp>
      <p:sp>
        <p:nvSpPr>
          <p:cNvPr id="8" name="Slide Number Placeholder 7">
            <a:extLst>
              <a:ext uri="{FF2B5EF4-FFF2-40B4-BE49-F238E27FC236}">
                <a16:creationId xmlns:a16="http://schemas.microsoft.com/office/drawing/2014/main" id="{BC231AF4-8ADE-4D21-9149-B1957F9F5914}"/>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12" name="text" descr="{&quot;templafy&quot;:{&quot;id&quot;:&quot;977be4b9-d977-4d6d-9fd0-2b6af072cdc2&quot;}}" title="UserProfile.Office.Virksomhed_{{DocumentLanguage}}">
            <a:extLst>
              <a:ext uri="{FF2B5EF4-FFF2-40B4-BE49-F238E27FC236}">
                <a16:creationId xmlns:a16="http://schemas.microsoft.com/office/drawing/2014/main" id="{5A0FF4AC-6696-4B9C-AE6B-0355E094E46B}"/>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3" name="text" descr="{&quot;templafy&quot;:{&quot;id&quot;:&quot;a3d6ca59-7a01-4a91-b557-ff80d91c3910&quot;}}" title="UserProfile.CenterFreeText">
            <a:extLst>
              <a:ext uri="{FF2B5EF4-FFF2-40B4-BE49-F238E27FC236}">
                <a16:creationId xmlns:a16="http://schemas.microsoft.com/office/drawing/2014/main" id="{4B787C54-494D-4F8C-BBF0-653E77F03F8F}"/>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4" name="text" descr="{&quot;templafy&quot;:{&quot;id&quot;:&quot;d091b5fa-a802-4e13-a222-e495c841ec3a&quot;}}" hidden="1" title="UserProfile.Centers.Center_{{DocumentLanguage}}">
            <a:extLst>
              <a:ext uri="{FF2B5EF4-FFF2-40B4-BE49-F238E27FC236}">
                <a16:creationId xmlns:a16="http://schemas.microsoft.com/office/drawing/2014/main" id="{594524CE-7C16-4957-8DF1-496ED9E2946D}"/>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pic>
        <p:nvPicPr>
          <p:cNvPr id="419122567" name="image" descr="{&quot;templafy&quot;:{&quot;id&quot;:&quot;ae735d75-a001-4886-8915-0b9140d6e17a&quot;}}"/>
          <p:cNvPicPr>
            <a:picLocks noChangeAspect="1"/>
          </p:cNvPicPr>
          <p:nvPr/>
        </p:nvPicPr>
        <p:blipFill>
          <a:blip r:embed="rId2"/>
          <a:stretch>
            <a:fillRect/>
          </a:stretch>
        </p:blipFill>
        <p:spPr>
          <a:xfrm>
            <a:off x="4255200" y="6314400"/>
            <a:ext cx="1324800" cy="421200"/>
          </a:xfrm>
          <a:prstGeom prst="rect">
            <a:avLst/>
          </a:prstGeom>
        </p:spPr>
      </p:pic>
      <p:sp>
        <p:nvSpPr>
          <p:cNvPr id="19" name="text" descr="{&quot;templafy&quot;:{&quot;id&quot;:&quot;d60d4162-4202-4df2-9086-a1340cbc7360&quot;}}" title="Form.PresentationTitle">
            <a:extLst>
              <a:ext uri="{FF2B5EF4-FFF2-40B4-BE49-F238E27FC236}">
                <a16:creationId xmlns:a16="http://schemas.microsoft.com/office/drawing/2014/main" id="{7216B696-8E09-4714-83DE-40483C1B8C14}"/>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589365695" name="image" descr="{&quot;templafy&quot;:{&quot;id&quot;:&quot;177d40f8-d6dc-4f62-b89d-9af8d5ece077&quot;}}"/>
          <p:cNvPicPr>
            <a:picLocks noChangeAspect="1"/>
          </p:cNvPicPr>
          <p:nvPr/>
        </p:nvPicPr>
        <p:blipFill>
          <a:blip r:embed="rId3"/>
          <a:stretch>
            <a:fillRect/>
          </a:stretch>
        </p:blipFill>
        <p:spPr>
          <a:xfrm>
            <a:off x="0" y="6174197"/>
            <a:ext cx="684000" cy="684000"/>
          </a:xfrm>
          <a:prstGeom prst="rect">
            <a:avLst/>
          </a:prstGeom>
        </p:spPr>
      </p:pic>
      <p:pic>
        <p:nvPicPr>
          <p:cNvPr id="343139373" name="image" descr="{&quot;templafy&quot;:{&quot;id&quot;:&quot;c4d8d00c-97e7-4fae-9369-5c7824ba6046&quot;}}"/>
          <p:cNvPicPr>
            <a:picLocks noChangeAspect="1"/>
          </p:cNvPicPr>
          <p:nvPr/>
        </p:nvPicPr>
        <p:blipFill>
          <a:blip r:embed="rId4"/>
          <a:stretch>
            <a:fillRect/>
          </a:stretch>
        </p:blipFill>
        <p:spPr>
          <a:xfrm>
            <a:off x="457200" y="5718575"/>
            <a:ext cx="687600" cy="687600"/>
          </a:xfrm>
          <a:prstGeom prst="rect">
            <a:avLst/>
          </a:prstGeom>
        </p:spPr>
      </p:pic>
      <p:pic>
        <p:nvPicPr>
          <p:cNvPr id="23" name="Region">
            <a:extLst>
              <a:ext uri="{FF2B5EF4-FFF2-40B4-BE49-F238E27FC236}">
                <a16:creationId xmlns:a16="http://schemas.microsoft.com/office/drawing/2014/main" id="{CAB50921-B206-466C-A833-B8DB281791F5}"/>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513031459" name="image" descr="{&quot;templafy&quot;:{&quot;id&quot;:&quot;d3b94fc3-0d57-45a6-88f9-9a58c06fe2e9&quot;}}"/>
          <p:cNvPicPr>
            <a:picLocks noChangeAspect="1"/>
          </p:cNvPicPr>
          <p:nvPr/>
        </p:nvPicPr>
        <p:blipFill>
          <a:blip r:embed="rId2"/>
          <a:stretch>
            <a:fillRect/>
          </a:stretch>
        </p:blipFill>
        <p:spPr>
          <a:xfrm>
            <a:off x="8024762" y="872704"/>
            <a:ext cx="871200" cy="900000"/>
          </a:xfrm>
          <a:prstGeom prst="rect">
            <a:avLst/>
          </a:prstGeom>
        </p:spPr>
      </p:pic>
      <p:pic>
        <p:nvPicPr>
          <p:cNvPr id="746270506" name="image" descr="{&quot;templafy&quot;:{&quot;id&quot;:&quot;ddcd58df-cdf2-4611-918e-770acc88a50b&quot;}}"/>
          <p:cNvPicPr>
            <a:picLocks noChangeAspect="1"/>
          </p:cNvPicPr>
          <p:nvPr/>
        </p:nvPicPr>
        <p:blipFill>
          <a:blip r:embed="rId2"/>
          <a:stretch>
            <a:fillRect/>
          </a:stretch>
        </p:blipFill>
        <p:spPr>
          <a:xfrm>
            <a:off x="8027234" y="260648"/>
            <a:ext cx="871200" cy="900000"/>
          </a:xfrm>
          <a:prstGeom prst="rect">
            <a:avLst/>
          </a:prstGeom>
        </p:spPr>
      </p:pic>
      <p:pic>
        <p:nvPicPr>
          <p:cNvPr id="1876901850" name="image" descr="{&quot;templafy&quot;:{&quot;id&quot;:&quot;5fce6935-8335-4164-b462-85bca6d54dc7&quot;}}"/>
          <p:cNvPicPr>
            <a:picLocks noChangeAspect="1"/>
          </p:cNvPicPr>
          <p:nvPr/>
        </p:nvPicPr>
        <p:blipFill>
          <a:blip r:embed="rId2"/>
          <a:stretch>
            <a:fillRect/>
          </a:stretch>
        </p:blipFill>
        <p:spPr>
          <a:xfrm>
            <a:off x="6901200" y="97200"/>
            <a:ext cx="2178000" cy="684000"/>
          </a:xfrm>
          <a:prstGeom prst="rect">
            <a:avLst/>
          </a:prstGeom>
        </p:spPr>
      </p:pic>
      <p:sp>
        <p:nvSpPr>
          <p:cNvPr id="30" name="text" descr="{&quot;templafy&quot;:{&quot;id&quot;:&quot;7480662d-c1a4-425a-879b-030ac0333dd6&quot;}}" title="UserProfile.Name">
            <a:extLst>
              <a:ext uri="{FF2B5EF4-FFF2-40B4-BE49-F238E27FC236}">
                <a16:creationId xmlns:a16="http://schemas.microsoft.com/office/drawing/2014/main" id="{67CB7E92-8F44-4C07-A315-FB9DDA6E13C2}"/>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31" name="text" descr="{&quot;templafy&quot;:{&quot;id&quot;:&quot;3b493f56-b3a0-40e1-8655-ddda3055efe4&quot;}}" title="Form.Manuel_dato">
            <a:extLst>
              <a:ext uri="{FF2B5EF4-FFF2-40B4-BE49-F238E27FC236}">
                <a16:creationId xmlns:a16="http://schemas.microsoft.com/office/drawing/2014/main" id="{0A3000AE-97A7-4FBE-A0D0-9684BE388D38}"/>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3517387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9144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dirty="0"/>
          </a:p>
        </p:txBody>
      </p:sp>
      <p:sp>
        <p:nvSpPr>
          <p:cNvPr id="12" name="Rektangel 11"/>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71600" y="2708920"/>
            <a:ext cx="7086600" cy="2775893"/>
          </a:xfrm>
        </p:spPr>
        <p:txBody>
          <a:bodyPr anchor="t" anchorCtr="0"/>
          <a:lstStyle>
            <a:lvl1pPr>
              <a:defRPr sz="3700">
                <a:solidFill>
                  <a:schemeClr val="tx2"/>
                </a:solidFill>
              </a:defRPr>
            </a:lvl1pPr>
          </a:lstStyle>
          <a:p>
            <a:r>
              <a:rPr lang="da-DK" dirty="0"/>
              <a:t>Overskrift 37pt skrives her</a:t>
            </a:r>
            <a:br>
              <a:rPr lang="da-DK" dirty="0"/>
            </a:br>
            <a:r>
              <a:rPr lang="da-DK" dirty="0"/>
              <a:t>i to eller flere linjer</a:t>
            </a:r>
          </a:p>
        </p:txBody>
      </p:sp>
      <p:pic>
        <p:nvPicPr>
          <p:cNvPr id="1933542609" name="image" descr="{&quot;templafy&quot;:{&quot;id&quot;:&quot;bf15d427-57a1-4a7b-8f9d-b44caf360d4e&quot;}}"/>
          <p:cNvPicPr>
            <a:picLocks noChangeAspect="1"/>
          </p:cNvPicPr>
          <p:nvPr/>
        </p:nvPicPr>
        <p:blipFill>
          <a:blip r:embed="rId2"/>
          <a:stretch>
            <a:fillRect/>
          </a:stretch>
        </p:blipFill>
        <p:spPr>
          <a:xfrm>
            <a:off x="0" y="2038350"/>
            <a:ext cx="684000" cy="4820400"/>
          </a:xfrm>
          <a:prstGeom prst="rect">
            <a:avLst/>
          </a:prstGeom>
        </p:spPr>
      </p:pic>
      <p:pic>
        <p:nvPicPr>
          <p:cNvPr id="317006465" name="image" descr="{&quot;templafy&quot;:{&quot;id&quot;:&quot;29acee79-9ad7-4389-8c88-2b6a815a6a7c&quot;}}"/>
          <p:cNvPicPr>
            <a:picLocks noChangeAspect="1"/>
          </p:cNvPicPr>
          <p:nvPr/>
        </p:nvPicPr>
        <p:blipFill>
          <a:blip r:embed="rId3"/>
          <a:stretch>
            <a:fillRect/>
          </a:stretch>
        </p:blipFill>
        <p:spPr>
          <a:xfrm>
            <a:off x="457200" y="1584000"/>
            <a:ext cx="687600" cy="687600"/>
          </a:xfrm>
          <a:prstGeom prst="rect">
            <a:avLst/>
          </a:prstGeom>
        </p:spPr>
      </p:pic>
      <p:pic>
        <p:nvPicPr>
          <p:cNvPr id="22" name="Region"/>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pic>
        <p:nvPicPr>
          <p:cNvPr id="1521062823" name="image" descr="{&quot;templafy&quot;:{&quot;id&quot;:&quot;a36985ab-11cf-408a-8129-6434a0cf34b3&quot;}}"/>
          <p:cNvPicPr>
            <a:picLocks noChangeAspect="1"/>
          </p:cNvPicPr>
          <p:nvPr/>
        </p:nvPicPr>
        <p:blipFill>
          <a:blip r:embed="rId5"/>
          <a:stretch>
            <a:fillRect/>
          </a:stretch>
        </p:blipFill>
        <p:spPr>
          <a:xfrm>
            <a:off x="4255200" y="6314400"/>
            <a:ext cx="1324800" cy="421200"/>
          </a:xfrm>
          <a:prstGeom prst="rect">
            <a:avLst/>
          </a:prstGeom>
        </p:spPr>
      </p:pic>
      <p:sp>
        <p:nvSpPr>
          <p:cNvPr id="2" name="Date Placeholder 1" hidden="1">
            <a:extLst>
              <a:ext uri="{FF2B5EF4-FFF2-40B4-BE49-F238E27FC236}">
                <a16:creationId xmlns:a16="http://schemas.microsoft.com/office/drawing/2014/main" id="{F12327BD-391C-4F61-B3A2-5588622E848E}"/>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1FBE1271-081D-48D0-B6A4-5E2A06A194A4}"/>
              </a:ext>
            </a:extLst>
          </p:cNvPr>
          <p:cNvSpPr>
            <a:spLocks noGrp="1"/>
          </p:cNvSpPr>
          <p:nvPr>
            <p:ph type="ftr" sz="quarter" idx="11"/>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A5A0926D-A7BE-434E-BC93-4B0C02A993F6}"/>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8" name="text" descr="{&quot;templafy&quot;:{&quot;id&quot;:&quot;4c1cbdea-6688-4548-9a46-400e5ff0e962&quot;}}" title="UserProfile.Office.Virksomhed_{{DocumentLanguage}}">
            <a:extLst>
              <a:ext uri="{FF2B5EF4-FFF2-40B4-BE49-F238E27FC236}">
                <a16:creationId xmlns:a16="http://schemas.microsoft.com/office/drawing/2014/main" id="{A4281AF1-D816-4874-9006-047F7EA2B126}"/>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chemeClr val="tx1"/>
                </a:solidFill>
              </a:rPr>
              <a:t>Nordsjællands Hospital</a:t>
            </a:r>
          </a:p>
        </p:txBody>
      </p:sp>
      <p:sp>
        <p:nvSpPr>
          <p:cNvPr id="23" name="text" descr="{&quot;templafy&quot;:{&quot;id&quot;:&quot;be4ba294-04ae-45b8-b08e-6528851691ab&quot;}}" title="UserProfile.CenterFreeText">
            <a:extLst>
              <a:ext uri="{FF2B5EF4-FFF2-40B4-BE49-F238E27FC236}">
                <a16:creationId xmlns:a16="http://schemas.microsoft.com/office/drawing/2014/main" id="{B213B7B7-80C9-4824-8FA7-C70222E82DAC}"/>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24" name="text" descr="{&quot;templafy&quot;:{&quot;id&quot;:&quot;4e597ac1-5a96-44e4-8d0f-5bb459896192&quot;}}" hidden="1" title="UserProfile.Centers.Center_{{DocumentLanguage}}">
            <a:extLst>
              <a:ext uri="{FF2B5EF4-FFF2-40B4-BE49-F238E27FC236}">
                <a16:creationId xmlns:a16="http://schemas.microsoft.com/office/drawing/2014/main" id="{412AA31D-B811-48B2-862E-1252823B7A23}"/>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sp>
        <p:nvSpPr>
          <p:cNvPr id="25" name="text" descr="{&quot;templafy&quot;:{&quot;id&quot;:&quot;82876dee-49d4-405b-b1d0-587e875b028a&quot;}}" title="Form.PresentationTitle">
            <a:extLst>
              <a:ext uri="{FF2B5EF4-FFF2-40B4-BE49-F238E27FC236}">
                <a16:creationId xmlns:a16="http://schemas.microsoft.com/office/drawing/2014/main" id="{DFFB8060-662E-4E22-8CE6-708A7C941283}"/>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tx1"/>
              </a:solidFill>
            </a:endParaRPr>
          </a:p>
        </p:txBody>
      </p:sp>
      <p:pic>
        <p:nvPicPr>
          <p:cNvPr id="1586716728" name="image" descr="{&quot;templafy&quot;:{&quot;id&quot;:&quot;03e2da68-a83c-4b62-8d02-a105b1ad494e&quot;}}"/>
          <p:cNvPicPr>
            <a:picLocks noChangeAspect="1"/>
          </p:cNvPicPr>
          <p:nvPr/>
        </p:nvPicPr>
        <p:blipFill>
          <a:blip r:embed="rId5"/>
          <a:stretch>
            <a:fillRect/>
          </a:stretch>
        </p:blipFill>
        <p:spPr>
          <a:xfrm>
            <a:off x="8024762" y="872704"/>
            <a:ext cx="871200" cy="900000"/>
          </a:xfrm>
          <a:prstGeom prst="rect">
            <a:avLst/>
          </a:prstGeom>
        </p:spPr>
      </p:pic>
      <p:pic>
        <p:nvPicPr>
          <p:cNvPr id="367527935" name="image" descr="{&quot;templafy&quot;:{&quot;id&quot;:&quot;420ae765-e381-421e-b89c-254817fecca0&quot;}}"/>
          <p:cNvPicPr>
            <a:picLocks noChangeAspect="1"/>
          </p:cNvPicPr>
          <p:nvPr/>
        </p:nvPicPr>
        <p:blipFill>
          <a:blip r:embed="rId5"/>
          <a:stretch>
            <a:fillRect/>
          </a:stretch>
        </p:blipFill>
        <p:spPr>
          <a:xfrm>
            <a:off x="8027234" y="260648"/>
            <a:ext cx="871200" cy="900000"/>
          </a:xfrm>
          <a:prstGeom prst="rect">
            <a:avLst/>
          </a:prstGeom>
        </p:spPr>
      </p:pic>
      <p:pic>
        <p:nvPicPr>
          <p:cNvPr id="1812637862" name="image" descr="{&quot;templafy&quot;:{&quot;id&quot;:&quot;abded1ce-04e8-45bd-9d26-b702c7ade659&quot;}}"/>
          <p:cNvPicPr>
            <a:picLocks noChangeAspect="1"/>
          </p:cNvPicPr>
          <p:nvPr/>
        </p:nvPicPr>
        <p:blipFill>
          <a:blip r:embed="rId5"/>
          <a:stretch>
            <a:fillRect/>
          </a:stretch>
        </p:blipFill>
        <p:spPr>
          <a:xfrm>
            <a:off x="6901200" y="97200"/>
            <a:ext cx="2178000" cy="684000"/>
          </a:xfrm>
          <a:prstGeom prst="rect">
            <a:avLst/>
          </a:prstGeom>
        </p:spPr>
      </p:pic>
      <p:sp>
        <p:nvSpPr>
          <p:cNvPr id="27" name="text" descr="{&quot;templafy&quot;:{&quot;id&quot;:&quot;be4d4e9e-b447-49fe-ab62-20e32587b998&quot;}}" title="UserProfile.Name">
            <a:extLst>
              <a:ext uri="{FF2B5EF4-FFF2-40B4-BE49-F238E27FC236}">
                <a16:creationId xmlns:a16="http://schemas.microsoft.com/office/drawing/2014/main" id="{547A643E-BF63-4D67-BCE2-51D5141133A2}"/>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tx1"/>
                </a:solidFill>
              </a:rPr>
              <a:t>Jacob Mesot Liljehult</a:t>
            </a:r>
          </a:p>
        </p:txBody>
      </p:sp>
      <p:sp>
        <p:nvSpPr>
          <p:cNvPr id="28" name="text" descr="{&quot;templafy&quot;:{&quot;id&quot;:&quot;79e7d5ec-eee9-41da-b838-17cc6a13f8d1&quot;}}" title="Form.Manuel_dato">
            <a:extLst>
              <a:ext uri="{FF2B5EF4-FFF2-40B4-BE49-F238E27FC236}">
                <a16:creationId xmlns:a16="http://schemas.microsoft.com/office/drawing/2014/main" id="{77F4FF04-F22E-4064-9B0E-E09FFB8A6B69}"/>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tx1"/>
              </a:solidFill>
            </a:endParaRPr>
          </a:p>
        </p:txBody>
      </p:sp>
    </p:spTree>
    <p:extLst>
      <p:ext uri="{BB962C8B-B14F-4D97-AF65-F5344CB8AC3E}">
        <p14:creationId xmlns:p14="http://schemas.microsoft.com/office/powerpoint/2010/main" val="276512536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9FBE294-13FF-43DC-8C23-1C05019B4752}"/>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0BEC171D-1FFC-4429-BA1C-D54F8512A045}"/>
              </a:ext>
            </a:extLst>
          </p:cNvPr>
          <p:cNvSpPr>
            <a:spLocks noGrp="1"/>
          </p:cNvSpPr>
          <p:nvPr>
            <p:ph type="ftr" sz="quarter" idx="11"/>
          </p:nvPr>
        </p:nvSpPr>
        <p:spPr/>
        <p:txBody>
          <a:bodyPr/>
          <a:lstStyle/>
          <a:p>
            <a:r>
              <a:rPr lang="en-GB"/>
              <a:t>Apopleksi og sundhedsadfærd</a:t>
            </a:r>
          </a:p>
        </p:txBody>
      </p:sp>
      <p:sp>
        <p:nvSpPr>
          <p:cNvPr id="7" name="Slide Number Placeholder 6">
            <a:extLst>
              <a:ext uri="{FF2B5EF4-FFF2-40B4-BE49-F238E27FC236}">
                <a16:creationId xmlns:a16="http://schemas.microsoft.com/office/drawing/2014/main" id="{40587E9E-2A5A-4151-9635-D5C1EA410E1B}"/>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458088740" name="image" descr="{&quot;templafy&quot;:{&quot;id&quot;:&quot;3dfc39d6-dda9-4b05-8201-7f2570df2f3a&quot;}}"/>
          <p:cNvPicPr>
            <a:picLocks noChangeAspect="1"/>
          </p:cNvPicPr>
          <p:nvPr/>
        </p:nvPicPr>
        <p:blipFill>
          <a:blip r:embed="rId2"/>
          <a:stretch>
            <a:fillRect/>
          </a:stretch>
        </p:blipFill>
        <p:spPr>
          <a:xfrm>
            <a:off x="0" y="6174197"/>
            <a:ext cx="684000" cy="684000"/>
          </a:xfrm>
          <a:prstGeom prst="rect">
            <a:avLst/>
          </a:prstGeom>
        </p:spPr>
      </p:pic>
      <p:pic>
        <p:nvPicPr>
          <p:cNvPr id="733782128" name="image" descr="{&quot;templafy&quot;:{&quot;id&quot;:&quot;82d1c4c0-a562-4253-8382-d0d4ee4019c1&quot;}}"/>
          <p:cNvPicPr>
            <a:picLocks noChangeAspect="1"/>
          </p:cNvPicPr>
          <p:nvPr/>
        </p:nvPicPr>
        <p:blipFill>
          <a:blip r:embed="rId3"/>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C53031CB-74BD-4719-9B2C-B7DF1E9337E9}"/>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sp>
        <p:nvSpPr>
          <p:cNvPr id="11" name="text" descr="{&quot;templafy&quot;:{&quot;id&quot;:&quot;13208733-5021-4c92-a947-23b194a3f54c&quot;}}" title="UserProfile.Office.Virksomhed_{{DocumentLanguage}}">
            <a:extLst>
              <a:ext uri="{FF2B5EF4-FFF2-40B4-BE49-F238E27FC236}">
                <a16:creationId xmlns:a16="http://schemas.microsoft.com/office/drawing/2014/main" id="{2CD4BC28-39CA-4C76-B2D1-C519C001565F}"/>
              </a:ext>
            </a:extLst>
          </p:cNvPr>
          <p:cNvSpPr txBox="1"/>
          <p:nvPr userDrawn="1"/>
        </p:nvSpPr>
        <p:spPr>
          <a:xfrm>
            <a:off x="1371598" y="255600"/>
            <a:ext cx="3308400" cy="215444"/>
          </a:xfrm>
          <a:prstGeom prst="rect">
            <a:avLst/>
          </a:prstGeom>
          <a:noFill/>
        </p:spPr>
        <p:txBody>
          <a:bodyPr wrap="square" lIns="0" tIns="0" rIns="0" bIns="0" rtlCol="0">
            <a:noAutofit/>
          </a:bodyPr>
          <a:lstStyle/>
          <a:p>
            <a:r>
              <a:rPr lang="da-DK" sz="1200" b="1" noProof="0" dirty="0">
                <a:solidFill>
                  <a:srgbClr val="565656"/>
                </a:solidFill>
              </a:rPr>
              <a:t>Nordsjællands Hospital</a:t>
            </a:r>
          </a:p>
        </p:txBody>
      </p:sp>
      <p:sp>
        <p:nvSpPr>
          <p:cNvPr id="12" name="text" descr="{&quot;templafy&quot;:{&quot;id&quot;:&quot;17671fde-6b2f-4d8c-94dc-a3f327c778ed&quot;}}" title="UserProfile.CenterFreeText">
            <a:extLst>
              <a:ext uri="{FF2B5EF4-FFF2-40B4-BE49-F238E27FC236}">
                <a16:creationId xmlns:a16="http://schemas.microsoft.com/office/drawing/2014/main" id="{AD5F473E-AA5A-4898-A7E8-DAA5C175ED1C}"/>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dirty="0">
                <a:solidFill>
                  <a:srgbClr val="B3B3B3"/>
                </a:solidFill>
              </a:rPr>
              <a:t>Neurologisk afdeling</a:t>
            </a:r>
          </a:p>
        </p:txBody>
      </p:sp>
      <p:sp>
        <p:nvSpPr>
          <p:cNvPr id="13" name="text" descr="{&quot;templafy&quot;:{&quot;id&quot;:&quot;32c2906d-6533-4ec6-8736-71bd94e73d5d&quot;}}" hidden="1" title="UserProfile.Centers.Center_{{DocumentLanguage}}">
            <a:extLst>
              <a:ext uri="{FF2B5EF4-FFF2-40B4-BE49-F238E27FC236}">
                <a16:creationId xmlns:a16="http://schemas.microsoft.com/office/drawing/2014/main" id="{51A7B156-FF57-4BEC-952E-8D531F4193E7}"/>
              </a:ext>
            </a:extLst>
          </p:cNvPr>
          <p:cNvSpPr txBox="1">
            <a:spLocks/>
          </p:cNvSpPr>
          <p:nvPr userDrawn="1"/>
        </p:nvSpPr>
        <p:spPr>
          <a:xfrm>
            <a:off x="1371600" y="450000"/>
            <a:ext cx="3306763"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dirty="0">
              <a:solidFill>
                <a:srgbClr val="B3B3B3"/>
              </a:solidFill>
            </a:endParaRPr>
          </a:p>
        </p:txBody>
      </p:sp>
      <p:sp>
        <p:nvSpPr>
          <p:cNvPr id="14" name="text" descr="{&quot;templafy&quot;:{&quot;id&quot;:&quot;36089327-823b-429a-9485-4d9b757e46b4&quot;}}" title="Form.PresentationTitle">
            <a:extLst>
              <a:ext uri="{FF2B5EF4-FFF2-40B4-BE49-F238E27FC236}">
                <a16:creationId xmlns:a16="http://schemas.microsoft.com/office/drawing/2014/main" id="{55E70CDE-A738-4AA4-8A97-9045B1FA98CC}"/>
              </a:ext>
            </a:extLst>
          </p:cNvPr>
          <p:cNvSpPr txBox="1"/>
          <p:nvPr userDrawn="1"/>
        </p:nvSpPr>
        <p:spPr>
          <a:xfrm>
            <a:off x="1371600" y="6290559"/>
            <a:ext cx="2480400" cy="140400"/>
          </a:xfrm>
          <a:prstGeom prst="rect">
            <a:avLst/>
          </a:prstGeom>
          <a:noFill/>
        </p:spPr>
        <p:txBody>
          <a:bodyPr wrap="square" lIns="0" tIns="0" rIns="0" bIns="0" rtlCol="0">
            <a:noAutofit/>
          </a:bodyPr>
          <a:lstStyle/>
          <a:p>
            <a:endParaRPr lang="da-DK" sz="900" dirty="0">
              <a:solidFill>
                <a:schemeClr val="bg1"/>
              </a:solidFill>
            </a:endParaRPr>
          </a:p>
        </p:txBody>
      </p:sp>
      <p:pic>
        <p:nvPicPr>
          <p:cNvPr id="1576488268" name="image" descr="{&quot;templafy&quot;:{&quot;id&quot;:&quot;d3b55bef-78b9-409c-aeb3-c1d6c07d8b50&quot;}}"/>
          <p:cNvPicPr>
            <a:picLocks noChangeAspect="1"/>
          </p:cNvPicPr>
          <p:nvPr/>
        </p:nvPicPr>
        <p:blipFill>
          <a:blip r:embed="rId5"/>
          <a:stretch>
            <a:fillRect/>
          </a:stretch>
        </p:blipFill>
        <p:spPr>
          <a:xfrm>
            <a:off x="4255200" y="6314400"/>
            <a:ext cx="1324800" cy="421200"/>
          </a:xfrm>
          <a:prstGeom prst="rect">
            <a:avLst/>
          </a:prstGeom>
        </p:spPr>
      </p:pic>
      <p:pic>
        <p:nvPicPr>
          <p:cNvPr id="1893910666" name="image" descr="{&quot;templafy&quot;:{&quot;id&quot;:&quot;5284774d-d054-4b66-84d4-6d155c703096&quot;}}"/>
          <p:cNvPicPr>
            <a:picLocks noChangeAspect="1"/>
          </p:cNvPicPr>
          <p:nvPr/>
        </p:nvPicPr>
        <p:blipFill>
          <a:blip r:embed="rId5"/>
          <a:stretch>
            <a:fillRect/>
          </a:stretch>
        </p:blipFill>
        <p:spPr>
          <a:xfrm>
            <a:off x="8024762" y="872704"/>
            <a:ext cx="871200" cy="900000"/>
          </a:xfrm>
          <a:prstGeom prst="rect">
            <a:avLst/>
          </a:prstGeom>
        </p:spPr>
      </p:pic>
      <p:pic>
        <p:nvPicPr>
          <p:cNvPr id="702483683" name="image" descr="{&quot;templafy&quot;:{&quot;id&quot;:&quot;cbcd335f-b1cc-4bdf-8e38-76d1e3130eb9&quot;}}"/>
          <p:cNvPicPr>
            <a:picLocks noChangeAspect="1"/>
          </p:cNvPicPr>
          <p:nvPr/>
        </p:nvPicPr>
        <p:blipFill>
          <a:blip r:embed="rId5"/>
          <a:stretch>
            <a:fillRect/>
          </a:stretch>
        </p:blipFill>
        <p:spPr>
          <a:xfrm>
            <a:off x="8027234" y="260648"/>
            <a:ext cx="871200" cy="900000"/>
          </a:xfrm>
          <a:prstGeom prst="rect">
            <a:avLst/>
          </a:prstGeom>
        </p:spPr>
      </p:pic>
      <p:pic>
        <p:nvPicPr>
          <p:cNvPr id="1925958103" name="image" descr="{&quot;templafy&quot;:{&quot;id&quot;:&quot;f8c0775f-6a24-4d59-9880-8e4a6bcba61e&quot;}}"/>
          <p:cNvPicPr>
            <a:picLocks noChangeAspect="1"/>
          </p:cNvPicPr>
          <p:nvPr/>
        </p:nvPicPr>
        <p:blipFill>
          <a:blip r:embed="rId5"/>
          <a:stretch>
            <a:fillRect/>
          </a:stretch>
        </p:blipFill>
        <p:spPr>
          <a:xfrm>
            <a:off x="6901200" y="97200"/>
            <a:ext cx="2178000" cy="684000"/>
          </a:xfrm>
          <a:prstGeom prst="rect">
            <a:avLst/>
          </a:prstGeom>
        </p:spPr>
      </p:pic>
      <p:sp>
        <p:nvSpPr>
          <p:cNvPr id="18" name="text" descr="{&quot;templafy&quot;:{&quot;id&quot;:&quot;293efaf0-b82a-4209-bc8b-d1dc07e18217&quot;}}" title="UserProfile.Name">
            <a:extLst>
              <a:ext uri="{FF2B5EF4-FFF2-40B4-BE49-F238E27FC236}">
                <a16:creationId xmlns:a16="http://schemas.microsoft.com/office/drawing/2014/main" id="{4A46965D-CE77-4010-998E-C47EE5ABEA20}"/>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r>
              <a:rPr lang="da-DK" sz="900" dirty="0" err="1">
                <a:solidFill>
                  <a:schemeClr val="bg1"/>
                </a:solidFill>
              </a:rPr>
              <a:t>Jacob Mesot Liljehult</a:t>
            </a:r>
          </a:p>
        </p:txBody>
      </p:sp>
      <p:sp>
        <p:nvSpPr>
          <p:cNvPr id="19" name="text" descr="{&quot;templafy&quot;:{&quot;id&quot;:&quot;bfad4177-7db4-4050-911e-b820302a882b&quot;}}" title="Form.Manuel_dato">
            <a:extLst>
              <a:ext uri="{FF2B5EF4-FFF2-40B4-BE49-F238E27FC236}">
                <a16:creationId xmlns:a16="http://schemas.microsoft.com/office/drawing/2014/main" id="{73E438A8-24A6-4089-B3E3-BA20ED58AD16}"/>
              </a:ext>
            </a:extLst>
          </p:cNvPr>
          <p:cNvSpPr txBox="1"/>
          <p:nvPr userDrawn="1"/>
        </p:nvSpPr>
        <p:spPr>
          <a:xfrm>
            <a:off x="5918400" y="6289200"/>
            <a:ext cx="2300400" cy="140400"/>
          </a:xfrm>
          <a:prstGeom prst="rect">
            <a:avLst/>
          </a:prstGeom>
          <a:noFill/>
        </p:spPr>
        <p:txBody>
          <a:bodyPr wrap="square" lIns="0" tIns="0" rIns="0" bIns="0" rtlCol="0">
            <a:noAutofit/>
          </a:bodyPr>
          <a:lstStyle/>
          <a:p>
            <a:pPr algn="r"/>
            <a:endParaRPr lang="da-DK" sz="900" dirty="0" err="1">
              <a:solidFill>
                <a:schemeClr val="bg1"/>
              </a:solidFill>
            </a:endParaRPr>
          </a:p>
        </p:txBody>
      </p:sp>
    </p:spTree>
    <p:extLst>
      <p:ext uri="{BB962C8B-B14F-4D97-AF65-F5344CB8AC3E}">
        <p14:creationId xmlns:p14="http://schemas.microsoft.com/office/powerpoint/2010/main" val="231861928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4" name="Rektangel 13"/>
          <p:cNvSpPr/>
          <p:nvPr/>
        </p:nvSpPr>
        <p:spPr>
          <a:xfrm>
            <a:off x="611560" y="6174000"/>
            <a:ext cx="8532007"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3" name="Rektangel 12"/>
          <p:cNvSpPr/>
          <p:nvPr/>
        </p:nvSpPr>
        <p:spPr>
          <a:xfrm>
            <a:off x="8460000"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Rektangel 7"/>
          <p:cNvSpPr/>
          <p:nvPr/>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11" name="Rektangel" descr="{&quot;templafy&quot;:{&quot;id&quot;:&quot;3595da72-2351-4d39-909a-eb28adc77268&quot;}}" title="image"/>
          <p:cNvSpPr/>
          <p:nvPr/>
        </p:nvSpPr>
        <p:spPr>
          <a:xfrm>
            <a:off x="0" y="6174197"/>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Pladsholder til titel 1"/>
          <p:cNvSpPr>
            <a:spLocks noGrp="1"/>
          </p:cNvSpPr>
          <p:nvPr>
            <p:ph type="title"/>
          </p:nvPr>
        </p:nvSpPr>
        <p:spPr>
          <a:xfrm>
            <a:off x="1368000" y="908719"/>
            <a:ext cx="7092000" cy="1125943"/>
          </a:xfrm>
          <a:prstGeom prst="rect">
            <a:avLst/>
          </a:prstGeom>
        </p:spPr>
        <p:txBody>
          <a:bodyPr vert="horz" lIns="0" tIns="0" rIns="0" bIns="0" rtlCol="0" anchor="b" anchorCtr="0">
            <a:noAutofit/>
          </a:bodyPr>
          <a:lstStyle/>
          <a:p>
            <a:r>
              <a:rPr lang="da-DK" dirty="0"/>
              <a:t>Overskrift 27pt i to eller flere linjer </a:t>
            </a:r>
            <a:br>
              <a:rPr lang="da-DK" dirty="0"/>
            </a:br>
            <a:r>
              <a:rPr lang="da-DK" dirty="0"/>
              <a:t>teksten vokser opad</a:t>
            </a:r>
          </a:p>
        </p:txBody>
      </p:sp>
      <p:sp>
        <p:nvSpPr>
          <p:cNvPr id="3" name="Pladsholder til tekst 2"/>
          <p:cNvSpPr>
            <a:spLocks noGrp="1"/>
          </p:cNvSpPr>
          <p:nvPr>
            <p:ph type="body" idx="1"/>
          </p:nvPr>
        </p:nvSpPr>
        <p:spPr>
          <a:xfrm>
            <a:off x="1368000" y="2329200"/>
            <a:ext cx="7092000" cy="31587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8459788" y="6288074"/>
            <a:ext cx="684211" cy="144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25" name="Footer" hidden="1">
            <a:extLst>
              <a:ext uri="{FF2B5EF4-FFF2-40B4-BE49-F238E27FC236}">
                <a16:creationId xmlns:a16="http://schemas.microsoft.com/office/drawing/2014/main" id="{07DCFC77-11FA-44DE-8384-D9D4E585CC0E}"/>
              </a:ext>
            </a:extLst>
          </p:cNvPr>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r>
              <a:rPr lang="en-GB"/>
              <a:t>Apopleksi og sundhedsadfærd</a:t>
            </a:r>
          </a:p>
        </p:txBody>
      </p:sp>
      <p:sp>
        <p:nvSpPr>
          <p:cNvPr id="26" name="Dato" hidden="1">
            <a:extLst>
              <a:ext uri="{FF2B5EF4-FFF2-40B4-BE49-F238E27FC236}">
                <a16:creationId xmlns:a16="http://schemas.microsoft.com/office/drawing/2014/main" id="{97CC762B-B09C-4496-9EFB-E1C56435B0AD}"/>
              </a:ext>
            </a:extLst>
          </p:cNvPr>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9" r:id="rId3"/>
    <p:sldLayoutId id="2147483660" r:id="rId4"/>
    <p:sldLayoutId id="2147483664" r:id="rId5"/>
    <p:sldLayoutId id="2147483665" r:id="rId6"/>
    <p:sldLayoutId id="2147483662" r:id="rId7"/>
    <p:sldLayoutId id="2147483658" r:id="rId8"/>
    <p:sldLayoutId id="2147483655" r:id="rId9"/>
    <p:sldLayoutId id="2147483663" r:id="rId10"/>
    <p:sldLayoutId id="2147483667" r:id="rId11"/>
  </p:sldLayoutIdLst>
  <p:hf hdr="0"/>
  <p:txStyles>
    <p:title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pos="849" userDrawn="1">
          <p15:clr>
            <a:srgbClr val="F26B43"/>
          </p15:clr>
        </p15:guide>
        <p15:guide id="4" pos="5330" userDrawn="1">
          <p15:clr>
            <a:srgbClr val="F26B43"/>
          </p15:clr>
        </p15:guide>
        <p15:guide id="5" orient="horz" pos="1284" userDrawn="1">
          <p15:clr>
            <a:srgbClr val="F26B43"/>
          </p15:clr>
        </p15:guide>
        <p15:guide id="6" orient="horz" pos="1467" userDrawn="1">
          <p15:clr>
            <a:srgbClr val="F26B43"/>
          </p15:clr>
        </p15:guide>
        <p15:guide id="7" orient="horz" pos="3455" userDrawn="1">
          <p15:clr>
            <a:srgbClr val="F26B43"/>
          </p15:clr>
        </p15:guide>
        <p15:guide id="8" pos="2947" userDrawn="1">
          <p15:clr>
            <a:srgbClr val="F26B43"/>
          </p15:clr>
        </p15:guide>
        <p15:guide id="9" pos="3078"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tags" Target="../tags/tag1.xml"/><Relationship Id="rId7" Type="http://schemas.openxmlformats.org/officeDocument/2006/relationships/image" Target="../media/image13.png"/><Relationship Id="rId2" Type="http://schemas.openxmlformats.org/officeDocument/2006/relationships/customXml" Target="../../customXml/item4.xml"/><Relationship Id="rId1" Type="http://schemas.openxmlformats.org/officeDocument/2006/relationships/customXml" Target="../../customXml/item2.xml"/><Relationship Id="rId6" Type="http://schemas.openxmlformats.org/officeDocument/2006/relationships/image" Target="../media/image12.png"/><Relationship Id="rId5" Type="http://schemas.openxmlformats.org/officeDocument/2006/relationships/notesSlide" Target="../notesSlides/notesSlide1.xml"/><Relationship Id="rId4" Type="http://schemas.openxmlformats.org/officeDocument/2006/relationships/slideLayout" Target="../slideLayouts/slideLayout1.xml"/><Relationship Id="rId9" Type="http://schemas.openxmlformats.org/officeDocument/2006/relationships/image" Target="../media/image15.png"/></Relationships>
</file>

<file path=ppt/slides/_rels/slide10.xml.rels><?xml version="1.0" encoding="UTF-8" standalone="yes"?>
<Relationships xmlns="http://schemas.openxmlformats.org/package/2006/relationships"><Relationship Id="rId2" Type="http://schemas.openxmlformats.org/officeDocument/2006/relationships/image" Target="../media/image23.tmp"/><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6.tmp"/><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tags" Target="../tags/tag2.xml"/><Relationship Id="rId7" Type="http://schemas.openxmlformats.org/officeDocument/2006/relationships/image" Target="../media/image17.png"/><Relationship Id="rId2" Type="http://schemas.openxmlformats.org/officeDocument/2006/relationships/customXml" Target="../../customXml/item5.xml"/><Relationship Id="rId1" Type="http://schemas.openxmlformats.org/officeDocument/2006/relationships/customXml" Target="../../customXml/item6.xml"/><Relationship Id="rId6" Type="http://schemas.openxmlformats.org/officeDocument/2006/relationships/image" Target="../media/image16.png"/><Relationship Id="rId5" Type="http://schemas.openxmlformats.org/officeDocument/2006/relationships/notesSlide" Target="../notesSlides/notesSlide2.xml"/><Relationship Id="rId4"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9.xml"/></Relationships>
</file>

<file path=ppt/slides/_rels/slide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9.xml"/></Relationships>
</file>

<file path=ppt/slides/_rels/slide40.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Billede 13">
            <a:extLst>
              <a:ext uri="{FF2B5EF4-FFF2-40B4-BE49-F238E27FC236}">
                <a16:creationId xmlns:a16="http://schemas.microsoft.com/office/drawing/2014/main" id="{8DFC98AE-7BD9-4CD4-BD14-BCB1E1E160FF}"/>
              </a:ext>
            </a:extLst>
          </p:cNvPr>
          <p:cNvPicPr>
            <a:picLocks noChangeAspect="1"/>
          </p:cNvPicPr>
          <p:nvPr/>
        </p:nvPicPr>
        <p:blipFill rotWithShape="1">
          <a:blip r:embed="rId6"/>
          <a:srcRect t="1977" b="28880"/>
          <a:stretch/>
        </p:blipFill>
        <p:spPr>
          <a:xfrm>
            <a:off x="1702355" y="2055208"/>
            <a:ext cx="5739290" cy="4802792"/>
          </a:xfrm>
          <a:prstGeom prst="rect">
            <a:avLst/>
          </a:prstGeom>
        </p:spPr>
      </p:pic>
      <p:sp>
        <p:nvSpPr>
          <p:cNvPr id="8" name="Title 7">
            <a:extLst>
              <a:ext uri="{FF2B5EF4-FFF2-40B4-BE49-F238E27FC236}">
                <a16:creationId xmlns:a16="http://schemas.microsoft.com/office/drawing/2014/main" id="{6831F943-58BC-4D23-9EFB-858A77C80C59}"/>
              </a:ext>
            </a:extLst>
          </p:cNvPr>
          <p:cNvSpPr>
            <a:spLocks noGrp="1"/>
          </p:cNvSpPr>
          <p:nvPr>
            <p:ph type="title"/>
          </p:nvPr>
        </p:nvSpPr>
        <p:spPr>
          <a:xfrm>
            <a:off x="899592" y="2720891"/>
            <a:ext cx="7560196" cy="1981738"/>
          </a:xfrm>
        </p:spPr>
        <p:txBody>
          <a:bodyPr/>
          <a:lstStyle/>
          <a:p>
            <a:pPr algn="ctr"/>
            <a:r>
              <a:rPr lang="da-DK" dirty="0"/>
              <a:t>Sundhedsadfærd hos patienter med mild apopleksi eller transitorisk cerebral iskæmi</a:t>
            </a:r>
          </a:p>
        </p:txBody>
      </p:sp>
      <p:sp>
        <p:nvSpPr>
          <p:cNvPr id="9" name="Subtitle 8">
            <a:extLst>
              <a:ext uri="{FF2B5EF4-FFF2-40B4-BE49-F238E27FC236}">
                <a16:creationId xmlns:a16="http://schemas.microsoft.com/office/drawing/2014/main" id="{54E83C61-BEA1-4276-AB84-BD5DE940F04B}"/>
              </a:ext>
            </a:extLst>
          </p:cNvPr>
          <p:cNvSpPr>
            <a:spLocks noGrp="1"/>
          </p:cNvSpPr>
          <p:nvPr>
            <p:ph type="subTitle" idx="1"/>
          </p:nvPr>
        </p:nvSpPr>
        <p:spPr>
          <a:xfrm>
            <a:off x="1388910" y="5288754"/>
            <a:ext cx="6400800" cy="888504"/>
          </a:xfrm>
        </p:spPr>
        <p:txBody>
          <a:bodyPr/>
          <a:lstStyle/>
          <a:p>
            <a:pPr>
              <a:spcAft>
                <a:spcPts val="0"/>
              </a:spcAft>
            </a:pPr>
            <a:r>
              <a:rPr lang="da-DK" dirty="0"/>
              <a:t>Jacob Mesot Liljehult</a:t>
            </a:r>
          </a:p>
          <a:p>
            <a:pPr>
              <a:spcAft>
                <a:spcPts val="0"/>
              </a:spcAft>
            </a:pPr>
            <a:r>
              <a:rPr lang="da-DK" dirty="0"/>
              <a:t>Sygeplejerske, ph.d.-studerende</a:t>
            </a:r>
          </a:p>
          <a:p>
            <a:endParaRPr lang="da-DK" dirty="0"/>
          </a:p>
        </p:txBody>
      </p:sp>
      <p:sp>
        <p:nvSpPr>
          <p:cNvPr id="5" name="USR_Name"/>
          <p:cNvSpPr>
            <a:spLocks noGrp="1"/>
          </p:cNvSpPr>
          <p:nvPr>
            <p:ph type="dt" sz="half" idx="10"/>
          </p:nvPr>
        </p:nvSpPr>
        <p:spPr/>
        <p:txBody>
          <a:bodyPr/>
          <a:lstStyle/>
          <a:p>
            <a:endParaRPr lang="da-DK" dirty="0"/>
          </a:p>
        </p:txBody>
      </p:sp>
      <p:sp>
        <p:nvSpPr>
          <p:cNvPr id="6" name="FLD_PresentationTitle"/>
          <p:cNvSpPr>
            <a:spLocks noGrp="1"/>
          </p:cNvSpPr>
          <p:nvPr>
            <p:ph type="ftr" sz="quarter" idx="11"/>
          </p:nvPr>
        </p:nvSpPr>
        <p:spPr/>
        <p:txBody>
          <a:bodyPr/>
          <a:lstStyle/>
          <a:p>
            <a:r>
              <a:rPr lang="da-DK"/>
              <a:t>Apopleksi og sundhedsadfærd</a:t>
            </a:r>
            <a:endParaRPr lang="da-DK" dirty="0"/>
          </a:p>
        </p:txBody>
      </p:sp>
      <p:sp>
        <p:nvSpPr>
          <p:cNvPr id="7" name="Slide Number Placeholder 6"/>
          <p:cNvSpPr>
            <a:spLocks noGrp="1"/>
          </p:cNvSpPr>
          <p:nvPr>
            <p:ph type="sldNum" sz="quarter" idx="12"/>
          </p:nvPr>
        </p:nvSpPr>
        <p:spPr/>
        <p:txBody>
          <a:bodyPr/>
          <a:lstStyle/>
          <a:p>
            <a:fld id="{667EC89C-17A0-4E64-A6D2-B825673CEEDF}" type="slidenum">
              <a:rPr lang="da-DK" smtClean="0"/>
              <a:pPr/>
              <a:t>1</a:t>
            </a:fld>
            <a:endParaRPr lang="da-DK" dirty="0"/>
          </a:p>
        </p:txBody>
      </p:sp>
      <p:pic>
        <p:nvPicPr>
          <p:cNvPr id="10" name="Picture 3">
            <a:extLst>
              <a:ext uri="{FF2B5EF4-FFF2-40B4-BE49-F238E27FC236}">
                <a16:creationId xmlns:a16="http://schemas.microsoft.com/office/drawing/2014/main" id="{ED53CE0F-90CF-49DC-A813-0F112F0B3F7E}"/>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051720" y="1031005"/>
            <a:ext cx="2218289" cy="644085"/>
          </a:xfrm>
          <a:prstGeom prst="rect">
            <a:avLst/>
          </a:prstGeom>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 name="Picture 4">
            <a:extLst>
              <a:ext uri="{FF2B5EF4-FFF2-40B4-BE49-F238E27FC236}">
                <a16:creationId xmlns:a16="http://schemas.microsoft.com/office/drawing/2014/main" id="{4E251821-DF52-4FD4-A244-32584AEDAADD}"/>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4327090" y="827390"/>
            <a:ext cx="1036998" cy="995315"/>
          </a:xfrm>
          <a:prstGeom prst="rect">
            <a:avLst/>
          </a:prstGeom>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Billede 11">
            <a:extLst>
              <a:ext uri="{FF2B5EF4-FFF2-40B4-BE49-F238E27FC236}">
                <a16:creationId xmlns:a16="http://schemas.microsoft.com/office/drawing/2014/main" id="{B4CACD91-2403-4039-88D0-22FD5DD0557F}"/>
              </a:ext>
            </a:extLst>
          </p:cNvPr>
          <p:cNvPicPr>
            <a:picLocks noChangeAspect="1"/>
          </p:cNvPicPr>
          <p:nvPr/>
        </p:nvPicPr>
        <p:blipFill rotWithShape="1">
          <a:blip r:embed="rId9"/>
          <a:srcRect r="928"/>
          <a:stretch/>
        </p:blipFill>
        <p:spPr>
          <a:xfrm>
            <a:off x="5362826" y="1124994"/>
            <a:ext cx="2233286" cy="414879"/>
          </a:xfrm>
          <a:prstGeom prst="rect">
            <a:avLst/>
          </a:prstGeom>
        </p:spPr>
      </p:pic>
    </p:spTree>
    <p:custDataLst>
      <p:custData r:id="rId1"/>
      <p:custData r:id="rId2"/>
      <p:tags r:id="rId3"/>
    </p:custDataLst>
    <p:extLst>
      <p:ext uri="{BB962C8B-B14F-4D97-AF65-F5344CB8AC3E}">
        <p14:creationId xmlns:p14="http://schemas.microsoft.com/office/powerpoint/2010/main" val="39562503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38E9296-DC03-418E-9B1D-ED04E3E41D25}"/>
              </a:ext>
            </a:extLst>
          </p:cNvPr>
          <p:cNvSpPr>
            <a:spLocks noGrp="1"/>
          </p:cNvSpPr>
          <p:nvPr>
            <p:ph type="title"/>
          </p:nvPr>
        </p:nvSpPr>
        <p:spPr>
          <a:xfrm>
            <a:off x="1368000" y="872715"/>
            <a:ext cx="7092000" cy="684077"/>
          </a:xfrm>
        </p:spPr>
        <p:txBody>
          <a:bodyPr/>
          <a:lstStyle/>
          <a:p>
            <a:pPr algn="ctr"/>
            <a:r>
              <a:rPr lang="da-DK" dirty="0"/>
              <a:t>Risikofaktorer</a:t>
            </a:r>
          </a:p>
        </p:txBody>
      </p:sp>
      <p:sp>
        <p:nvSpPr>
          <p:cNvPr id="4" name="Pladsholder til dato 3">
            <a:extLst>
              <a:ext uri="{FF2B5EF4-FFF2-40B4-BE49-F238E27FC236}">
                <a16:creationId xmlns:a16="http://schemas.microsoft.com/office/drawing/2014/main" id="{8185EC16-9551-42BF-BAEB-ED14CA77675A}"/>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7382812B-254B-476F-ABAB-E6A5E66A1B2B}"/>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D0E2DD28-9CB6-448F-A734-D69FDBC21E72}"/>
              </a:ext>
            </a:extLst>
          </p:cNvPr>
          <p:cNvSpPr>
            <a:spLocks noGrp="1"/>
          </p:cNvSpPr>
          <p:nvPr>
            <p:ph type="sldNum" sz="quarter" idx="16"/>
          </p:nvPr>
        </p:nvSpPr>
        <p:spPr/>
        <p:txBody>
          <a:bodyPr/>
          <a:lstStyle/>
          <a:p>
            <a:fld id="{0DAB5548-7253-48D6-B95B-F3D312A72220}" type="slidenum">
              <a:rPr lang="da-DK" smtClean="0"/>
              <a:pPr/>
              <a:t>10</a:t>
            </a:fld>
            <a:endParaRPr lang="da-DK" dirty="0"/>
          </a:p>
        </p:txBody>
      </p:sp>
      <p:pic>
        <p:nvPicPr>
          <p:cNvPr id="7" name="Billede 6" descr="Et billede, der indeholder tekst&#10;&#10;Automatisk genereret beskrivelse">
            <a:extLst>
              <a:ext uri="{FF2B5EF4-FFF2-40B4-BE49-F238E27FC236}">
                <a16:creationId xmlns:a16="http://schemas.microsoft.com/office/drawing/2014/main" id="{7A1E09F2-2892-43FA-B374-18BF8C890CB3}"/>
              </a:ext>
            </a:extLst>
          </p:cNvPr>
          <p:cNvPicPr>
            <a:picLocks noChangeAspect="1"/>
          </p:cNvPicPr>
          <p:nvPr/>
        </p:nvPicPr>
        <p:blipFill rotWithShape="1">
          <a:blip r:embed="rId2">
            <a:extLst>
              <a:ext uri="{28A0092B-C50C-407E-A947-70E740481C1C}">
                <a14:useLocalDpi xmlns:a14="http://schemas.microsoft.com/office/drawing/2010/main" val="0"/>
              </a:ext>
            </a:extLst>
          </a:blip>
          <a:srcRect l="7484" t="17451" r="3009" b="2395"/>
          <a:stretch/>
        </p:blipFill>
        <p:spPr>
          <a:xfrm>
            <a:off x="944870" y="1789540"/>
            <a:ext cx="3744141" cy="3572814"/>
          </a:xfrm>
          <a:prstGeom prst="rect">
            <a:avLst/>
          </a:prstGeom>
          <a:ln>
            <a:solidFill>
              <a:schemeClr val="tx1"/>
            </a:solidFill>
          </a:ln>
        </p:spPr>
      </p:pic>
      <p:sp>
        <p:nvSpPr>
          <p:cNvPr id="17" name="Rektangel 16">
            <a:extLst>
              <a:ext uri="{FF2B5EF4-FFF2-40B4-BE49-F238E27FC236}">
                <a16:creationId xmlns:a16="http://schemas.microsoft.com/office/drawing/2014/main" id="{8DC4BDFA-E18C-43D8-AFC9-AF7B0EAD6CEC}"/>
              </a:ext>
            </a:extLst>
          </p:cNvPr>
          <p:cNvSpPr/>
          <p:nvPr/>
        </p:nvSpPr>
        <p:spPr>
          <a:xfrm>
            <a:off x="4848616" y="1787027"/>
            <a:ext cx="3600000" cy="360000"/>
          </a:xfrm>
          <a:prstGeom prst="rect">
            <a:avLst/>
          </a:prstGeom>
          <a:solidFill>
            <a:schemeClr val="accent3">
              <a:lumMod val="20000"/>
              <a:lumOff val="80000"/>
            </a:schemeClr>
          </a:solidFill>
          <a:ln w="9525">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8" name="Rektangel 17">
            <a:extLst>
              <a:ext uri="{FF2B5EF4-FFF2-40B4-BE49-F238E27FC236}">
                <a16:creationId xmlns:a16="http://schemas.microsoft.com/office/drawing/2014/main" id="{DF81D3D2-E96C-4EE9-9787-6D5ABFF2D33A}"/>
              </a:ext>
            </a:extLst>
          </p:cNvPr>
          <p:cNvSpPr/>
          <p:nvPr/>
        </p:nvSpPr>
        <p:spPr>
          <a:xfrm>
            <a:off x="4848616" y="1787027"/>
            <a:ext cx="1245600" cy="360000"/>
          </a:xfrm>
          <a:prstGeom prst="rect">
            <a:avLst/>
          </a:prstGeom>
          <a:solidFill>
            <a:schemeClr val="accent3">
              <a:lumMod val="60000"/>
              <a:lumOff val="40000"/>
            </a:schemeClr>
          </a:solidFill>
          <a:ln w="9525">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8" name="Tekstfelt 7">
            <a:extLst>
              <a:ext uri="{FF2B5EF4-FFF2-40B4-BE49-F238E27FC236}">
                <a16:creationId xmlns:a16="http://schemas.microsoft.com/office/drawing/2014/main" id="{00F9FAA2-2492-4962-95A2-A6575BDBA1AE}"/>
              </a:ext>
            </a:extLst>
          </p:cNvPr>
          <p:cNvSpPr txBox="1"/>
          <p:nvPr/>
        </p:nvSpPr>
        <p:spPr>
          <a:xfrm>
            <a:off x="4914000" y="1823727"/>
            <a:ext cx="3402141" cy="288032"/>
          </a:xfrm>
          <a:prstGeom prst="rect">
            <a:avLst/>
          </a:prstGeom>
          <a:noFill/>
        </p:spPr>
        <p:txBody>
          <a:bodyPr wrap="square" lIns="0" tIns="0" rIns="0" bIns="0" rtlCol="0">
            <a:noAutofit/>
          </a:bodyPr>
          <a:lstStyle/>
          <a:p>
            <a:r>
              <a:rPr lang="da-DK" dirty="0"/>
              <a:t>Hypertension </a:t>
            </a:r>
            <a:r>
              <a:rPr lang="da-DK" sz="1300" dirty="0"/>
              <a:t>(</a:t>
            </a:r>
            <a:r>
              <a:rPr lang="da-DK" sz="1300" b="1" dirty="0"/>
              <a:t>OR 2.64 </a:t>
            </a:r>
            <a:r>
              <a:rPr lang="da-DK" sz="1300" dirty="0"/>
              <a:t>[2.26-3.08]*)</a:t>
            </a:r>
          </a:p>
        </p:txBody>
      </p:sp>
      <p:sp>
        <p:nvSpPr>
          <p:cNvPr id="19" name="Rektangel 18">
            <a:extLst>
              <a:ext uri="{FF2B5EF4-FFF2-40B4-BE49-F238E27FC236}">
                <a16:creationId xmlns:a16="http://schemas.microsoft.com/office/drawing/2014/main" id="{B19075C1-A707-493D-9689-715B0958755F}"/>
              </a:ext>
            </a:extLst>
          </p:cNvPr>
          <p:cNvSpPr/>
          <p:nvPr/>
        </p:nvSpPr>
        <p:spPr>
          <a:xfrm>
            <a:off x="4839625" y="2724337"/>
            <a:ext cx="3600000" cy="360000"/>
          </a:xfrm>
          <a:prstGeom prst="rect">
            <a:avLst/>
          </a:prstGeom>
          <a:solidFill>
            <a:srgbClr val="DDF0C8"/>
          </a:solidFill>
          <a:ln w="952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0" name="Rektangel 19">
            <a:extLst>
              <a:ext uri="{FF2B5EF4-FFF2-40B4-BE49-F238E27FC236}">
                <a16:creationId xmlns:a16="http://schemas.microsoft.com/office/drawing/2014/main" id="{919583A2-E34E-4B60-88A9-8A7DA3C17574}"/>
              </a:ext>
            </a:extLst>
          </p:cNvPr>
          <p:cNvSpPr/>
          <p:nvPr/>
        </p:nvSpPr>
        <p:spPr>
          <a:xfrm>
            <a:off x="4839625" y="2724337"/>
            <a:ext cx="684000" cy="360000"/>
          </a:xfrm>
          <a:prstGeom prst="rect">
            <a:avLst/>
          </a:prstGeom>
          <a:solidFill>
            <a:srgbClr val="92D050"/>
          </a:solidFill>
          <a:ln w="9525">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 name="Tekstfelt 8">
            <a:extLst>
              <a:ext uri="{FF2B5EF4-FFF2-40B4-BE49-F238E27FC236}">
                <a16:creationId xmlns:a16="http://schemas.microsoft.com/office/drawing/2014/main" id="{210381AC-4F3F-4633-82D7-03B6BA202E40}"/>
              </a:ext>
            </a:extLst>
          </p:cNvPr>
          <p:cNvSpPr txBox="1"/>
          <p:nvPr/>
        </p:nvSpPr>
        <p:spPr>
          <a:xfrm>
            <a:off x="4895046" y="2758641"/>
            <a:ext cx="3258400" cy="288032"/>
          </a:xfrm>
          <a:prstGeom prst="rect">
            <a:avLst/>
          </a:prstGeom>
          <a:noFill/>
        </p:spPr>
        <p:txBody>
          <a:bodyPr wrap="square" lIns="0" tIns="0" rIns="0" bIns="0" rtlCol="0">
            <a:noAutofit/>
          </a:bodyPr>
          <a:lstStyle/>
          <a:p>
            <a:r>
              <a:rPr lang="da-DK" dirty="0"/>
              <a:t>Rygning </a:t>
            </a:r>
            <a:r>
              <a:rPr lang="da-DK" sz="1300" dirty="0"/>
              <a:t>(</a:t>
            </a:r>
            <a:r>
              <a:rPr lang="da-DK" sz="1300" b="1" dirty="0"/>
              <a:t>OR 2.09 </a:t>
            </a:r>
            <a:r>
              <a:rPr lang="da-DK" sz="1300" dirty="0"/>
              <a:t>[1.75-2.51]*)</a:t>
            </a:r>
          </a:p>
        </p:txBody>
      </p:sp>
      <p:sp>
        <p:nvSpPr>
          <p:cNvPr id="21" name="Rektangel 20">
            <a:extLst>
              <a:ext uri="{FF2B5EF4-FFF2-40B4-BE49-F238E27FC236}">
                <a16:creationId xmlns:a16="http://schemas.microsoft.com/office/drawing/2014/main" id="{060B001A-01C0-4293-B779-226833ED7D00}"/>
              </a:ext>
            </a:extLst>
          </p:cNvPr>
          <p:cNvSpPr/>
          <p:nvPr/>
        </p:nvSpPr>
        <p:spPr>
          <a:xfrm>
            <a:off x="4839625" y="3188775"/>
            <a:ext cx="3600000" cy="360000"/>
          </a:xfrm>
          <a:prstGeom prst="rect">
            <a:avLst/>
          </a:prstGeom>
          <a:solidFill>
            <a:srgbClr val="FFFF99"/>
          </a:solidFill>
          <a:ln w="9525">
            <a:solidFill>
              <a:srgbClr val="D1CC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2" name="Rektangel 21">
            <a:extLst>
              <a:ext uri="{FF2B5EF4-FFF2-40B4-BE49-F238E27FC236}">
                <a16:creationId xmlns:a16="http://schemas.microsoft.com/office/drawing/2014/main" id="{E4A0E385-65B7-48B7-8E77-6F153F448DA6}"/>
              </a:ext>
            </a:extLst>
          </p:cNvPr>
          <p:cNvSpPr/>
          <p:nvPr/>
        </p:nvSpPr>
        <p:spPr>
          <a:xfrm>
            <a:off x="4839625" y="3188775"/>
            <a:ext cx="954000" cy="360000"/>
          </a:xfrm>
          <a:prstGeom prst="rect">
            <a:avLst/>
          </a:prstGeom>
          <a:solidFill>
            <a:srgbClr val="FFFF0D"/>
          </a:solidFill>
          <a:ln w="9525">
            <a:solidFill>
              <a:srgbClr val="D1CC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Tekstfelt 9">
            <a:extLst>
              <a:ext uri="{FF2B5EF4-FFF2-40B4-BE49-F238E27FC236}">
                <a16:creationId xmlns:a16="http://schemas.microsoft.com/office/drawing/2014/main" id="{98EC92F7-8C7E-4838-BF9D-FFFF701C24BC}"/>
              </a:ext>
            </a:extLst>
          </p:cNvPr>
          <p:cNvSpPr txBox="1"/>
          <p:nvPr/>
        </p:nvSpPr>
        <p:spPr>
          <a:xfrm>
            <a:off x="4895046" y="3225898"/>
            <a:ext cx="3545788" cy="288032"/>
          </a:xfrm>
          <a:prstGeom prst="rect">
            <a:avLst/>
          </a:prstGeom>
          <a:noFill/>
        </p:spPr>
        <p:txBody>
          <a:bodyPr wrap="square" lIns="0" tIns="0" rIns="0" bIns="0" rtlCol="0">
            <a:noAutofit/>
          </a:bodyPr>
          <a:lstStyle/>
          <a:p>
            <a:r>
              <a:rPr lang="da-DK" dirty="0"/>
              <a:t>Talje/hofte ratio </a:t>
            </a:r>
            <a:r>
              <a:rPr lang="da-DK" sz="1300" dirty="0"/>
              <a:t>(</a:t>
            </a:r>
            <a:r>
              <a:rPr lang="da-DK" sz="1300" b="1" dirty="0"/>
              <a:t>OR 1.65 </a:t>
            </a:r>
            <a:r>
              <a:rPr lang="da-DK" sz="1300" dirty="0"/>
              <a:t>[1.36-1.99]*)</a:t>
            </a:r>
          </a:p>
        </p:txBody>
      </p:sp>
      <p:sp>
        <p:nvSpPr>
          <p:cNvPr id="23" name="Rektangel 22">
            <a:extLst>
              <a:ext uri="{FF2B5EF4-FFF2-40B4-BE49-F238E27FC236}">
                <a16:creationId xmlns:a16="http://schemas.microsoft.com/office/drawing/2014/main" id="{24BC1E4B-E206-4E14-A223-7409804C4C3B}"/>
              </a:ext>
            </a:extLst>
          </p:cNvPr>
          <p:cNvSpPr/>
          <p:nvPr/>
        </p:nvSpPr>
        <p:spPr>
          <a:xfrm>
            <a:off x="4846361" y="4580854"/>
            <a:ext cx="3600000" cy="360000"/>
          </a:xfrm>
          <a:prstGeom prst="rect">
            <a:avLst/>
          </a:prstGeom>
          <a:solidFill>
            <a:srgbClr val="FF6699">
              <a:alpha val="30196"/>
            </a:srgbClr>
          </a:solidFill>
          <a:ln w="9525">
            <a:solidFill>
              <a:srgbClr val="FF006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4" name="Rektangel 23">
            <a:extLst>
              <a:ext uri="{FF2B5EF4-FFF2-40B4-BE49-F238E27FC236}">
                <a16:creationId xmlns:a16="http://schemas.microsoft.com/office/drawing/2014/main" id="{1E26DA5D-B045-47CA-8A56-70403606AA90}"/>
              </a:ext>
            </a:extLst>
          </p:cNvPr>
          <p:cNvSpPr/>
          <p:nvPr/>
        </p:nvSpPr>
        <p:spPr>
          <a:xfrm>
            <a:off x="4846361" y="4580854"/>
            <a:ext cx="676800" cy="360000"/>
          </a:xfrm>
          <a:prstGeom prst="rect">
            <a:avLst/>
          </a:prstGeom>
          <a:solidFill>
            <a:srgbClr val="FF6699"/>
          </a:solid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Tekstfelt 10">
            <a:extLst>
              <a:ext uri="{FF2B5EF4-FFF2-40B4-BE49-F238E27FC236}">
                <a16:creationId xmlns:a16="http://schemas.microsoft.com/office/drawing/2014/main" id="{F4B0BC89-8D51-4941-B51E-B4E830A3B0BD}"/>
              </a:ext>
            </a:extLst>
          </p:cNvPr>
          <p:cNvSpPr txBox="1"/>
          <p:nvPr/>
        </p:nvSpPr>
        <p:spPr>
          <a:xfrm>
            <a:off x="4893353" y="4619035"/>
            <a:ext cx="3258400" cy="288032"/>
          </a:xfrm>
          <a:prstGeom prst="rect">
            <a:avLst/>
          </a:prstGeom>
          <a:noFill/>
        </p:spPr>
        <p:txBody>
          <a:bodyPr wrap="square" lIns="0" tIns="0" rIns="0" bIns="0" rtlCol="0">
            <a:noAutofit/>
          </a:bodyPr>
          <a:lstStyle/>
          <a:p>
            <a:r>
              <a:rPr lang="da-DK" dirty="0"/>
              <a:t>Diæt </a:t>
            </a:r>
            <a:r>
              <a:rPr lang="da-DK" sz="1300" dirty="0"/>
              <a:t>(</a:t>
            </a:r>
            <a:r>
              <a:rPr lang="da-DK" sz="1300" b="1" dirty="0"/>
              <a:t>OR 1.35 </a:t>
            </a:r>
            <a:r>
              <a:rPr lang="da-DK" sz="1300" dirty="0"/>
              <a:t>[1.11-1.64]*)</a:t>
            </a:r>
          </a:p>
        </p:txBody>
      </p:sp>
      <p:sp>
        <p:nvSpPr>
          <p:cNvPr id="25" name="Rektangel 24">
            <a:extLst>
              <a:ext uri="{FF2B5EF4-FFF2-40B4-BE49-F238E27FC236}">
                <a16:creationId xmlns:a16="http://schemas.microsoft.com/office/drawing/2014/main" id="{6BB7CABA-43AB-4325-BF75-BB71CD6D377F}"/>
              </a:ext>
            </a:extLst>
          </p:cNvPr>
          <p:cNvSpPr/>
          <p:nvPr/>
        </p:nvSpPr>
        <p:spPr>
          <a:xfrm>
            <a:off x="4845152" y="4118279"/>
            <a:ext cx="3600000" cy="360000"/>
          </a:xfrm>
          <a:prstGeom prst="rect">
            <a:avLst/>
          </a:prstGeom>
          <a:solidFill>
            <a:srgbClr val="FFE3E1"/>
          </a:solid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6" name="Rektangel 25">
            <a:extLst>
              <a:ext uri="{FF2B5EF4-FFF2-40B4-BE49-F238E27FC236}">
                <a16:creationId xmlns:a16="http://schemas.microsoft.com/office/drawing/2014/main" id="{B39661BD-0067-452A-8A84-782AE46E0344}"/>
              </a:ext>
            </a:extLst>
          </p:cNvPr>
          <p:cNvSpPr/>
          <p:nvPr/>
        </p:nvSpPr>
        <p:spPr>
          <a:xfrm>
            <a:off x="4845152" y="4118279"/>
            <a:ext cx="1026000" cy="360000"/>
          </a:xfrm>
          <a:prstGeom prst="rect">
            <a:avLst/>
          </a:prstGeom>
          <a:solidFill>
            <a:srgbClr val="FF8277"/>
          </a:solid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2" name="Tekstfelt 11">
            <a:extLst>
              <a:ext uri="{FF2B5EF4-FFF2-40B4-BE49-F238E27FC236}">
                <a16:creationId xmlns:a16="http://schemas.microsoft.com/office/drawing/2014/main" id="{FB04A40D-7CD1-48FD-898A-14635160DB0B}"/>
              </a:ext>
            </a:extLst>
          </p:cNvPr>
          <p:cNvSpPr txBox="1"/>
          <p:nvPr/>
        </p:nvSpPr>
        <p:spPr>
          <a:xfrm>
            <a:off x="4900573" y="4147489"/>
            <a:ext cx="3545788" cy="288032"/>
          </a:xfrm>
          <a:prstGeom prst="rect">
            <a:avLst/>
          </a:prstGeom>
          <a:noFill/>
        </p:spPr>
        <p:txBody>
          <a:bodyPr wrap="square" lIns="0" tIns="0" rIns="0" bIns="0" rtlCol="0">
            <a:noAutofit/>
          </a:bodyPr>
          <a:lstStyle/>
          <a:p>
            <a:r>
              <a:rPr lang="da-DK" dirty="0"/>
              <a:t>Fysisk inaktivitet </a:t>
            </a:r>
            <a:r>
              <a:rPr lang="da-DK" sz="1300" dirty="0"/>
              <a:t>(</a:t>
            </a:r>
            <a:r>
              <a:rPr lang="da-DK" sz="1300" b="1" dirty="0"/>
              <a:t>OR 1.45 </a:t>
            </a:r>
            <a:r>
              <a:rPr lang="da-DK" sz="1300" dirty="0"/>
              <a:t>[1.11-1.89]*) </a:t>
            </a:r>
          </a:p>
        </p:txBody>
      </p:sp>
      <p:sp>
        <p:nvSpPr>
          <p:cNvPr id="27" name="Rektangel 26">
            <a:extLst>
              <a:ext uri="{FF2B5EF4-FFF2-40B4-BE49-F238E27FC236}">
                <a16:creationId xmlns:a16="http://schemas.microsoft.com/office/drawing/2014/main" id="{440619DD-0000-4854-9A51-AE7ED5112D43}"/>
              </a:ext>
            </a:extLst>
          </p:cNvPr>
          <p:cNvSpPr/>
          <p:nvPr/>
        </p:nvSpPr>
        <p:spPr>
          <a:xfrm>
            <a:off x="4846361" y="3653213"/>
            <a:ext cx="3600000" cy="360000"/>
          </a:xfrm>
          <a:prstGeom prst="rect">
            <a:avLst/>
          </a:prstGeom>
          <a:solidFill>
            <a:srgbClr val="FFC000">
              <a:alpha val="40000"/>
            </a:srgbClr>
          </a:solidFill>
          <a:ln w="9525">
            <a:solidFill>
              <a:srgbClr val="D2A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8" name="Rektangel 27">
            <a:extLst>
              <a:ext uri="{FF2B5EF4-FFF2-40B4-BE49-F238E27FC236}">
                <a16:creationId xmlns:a16="http://schemas.microsoft.com/office/drawing/2014/main" id="{0036EEBC-773A-4901-A587-E293A9D1F847}"/>
              </a:ext>
            </a:extLst>
          </p:cNvPr>
          <p:cNvSpPr/>
          <p:nvPr/>
        </p:nvSpPr>
        <p:spPr>
          <a:xfrm>
            <a:off x="4846361" y="3653213"/>
            <a:ext cx="136800" cy="360000"/>
          </a:xfrm>
          <a:prstGeom prst="rect">
            <a:avLst/>
          </a:prstGeom>
          <a:solidFill>
            <a:srgbClr val="FFC000"/>
          </a:solidFill>
          <a:ln w="9525">
            <a:solidFill>
              <a:srgbClr val="D2A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Tekstfelt 12">
            <a:extLst>
              <a:ext uri="{FF2B5EF4-FFF2-40B4-BE49-F238E27FC236}">
                <a16:creationId xmlns:a16="http://schemas.microsoft.com/office/drawing/2014/main" id="{26E02F0C-33BF-4BBC-B457-37E4751F41EC}"/>
              </a:ext>
            </a:extLst>
          </p:cNvPr>
          <p:cNvSpPr txBox="1"/>
          <p:nvPr/>
        </p:nvSpPr>
        <p:spPr>
          <a:xfrm>
            <a:off x="4914124" y="3692862"/>
            <a:ext cx="3258400" cy="288032"/>
          </a:xfrm>
          <a:prstGeom prst="rect">
            <a:avLst/>
          </a:prstGeom>
          <a:noFill/>
        </p:spPr>
        <p:txBody>
          <a:bodyPr wrap="square" lIns="0" tIns="0" rIns="0" bIns="0" rtlCol="0">
            <a:noAutofit/>
          </a:bodyPr>
          <a:lstStyle/>
          <a:p>
            <a:r>
              <a:rPr lang="da-DK" dirty="0"/>
              <a:t>Alkohol </a:t>
            </a:r>
            <a:r>
              <a:rPr lang="da-DK" sz="1300" dirty="0"/>
              <a:t>(</a:t>
            </a:r>
            <a:r>
              <a:rPr lang="da-DK" sz="1300" b="1" dirty="0"/>
              <a:t>OR 1.51 </a:t>
            </a:r>
            <a:r>
              <a:rPr lang="da-DK" sz="1300" dirty="0"/>
              <a:t>[1.18-1.92]*)</a:t>
            </a:r>
          </a:p>
        </p:txBody>
      </p:sp>
      <p:sp>
        <p:nvSpPr>
          <p:cNvPr id="29" name="Rektangel 28">
            <a:extLst>
              <a:ext uri="{FF2B5EF4-FFF2-40B4-BE49-F238E27FC236}">
                <a16:creationId xmlns:a16="http://schemas.microsoft.com/office/drawing/2014/main" id="{FDE25B3C-12CF-47F0-BC33-C8F5CFDD34B8}"/>
              </a:ext>
            </a:extLst>
          </p:cNvPr>
          <p:cNvSpPr/>
          <p:nvPr/>
        </p:nvSpPr>
        <p:spPr>
          <a:xfrm>
            <a:off x="4846361" y="5496452"/>
            <a:ext cx="3600000" cy="360000"/>
          </a:xfrm>
          <a:prstGeom prst="rect">
            <a:avLst/>
          </a:prstGeom>
          <a:solidFill>
            <a:srgbClr val="8BB9FD">
              <a:alpha val="38824"/>
            </a:srgbClr>
          </a:solidFill>
          <a:ln w="9525">
            <a:solidFill>
              <a:srgbClr val="0D6DF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0" name="Rektangel 29">
            <a:extLst>
              <a:ext uri="{FF2B5EF4-FFF2-40B4-BE49-F238E27FC236}">
                <a16:creationId xmlns:a16="http://schemas.microsoft.com/office/drawing/2014/main" id="{E8EB4CEA-B1C0-48BE-90B4-53F0BCE2B69A}"/>
              </a:ext>
            </a:extLst>
          </p:cNvPr>
          <p:cNvSpPr/>
          <p:nvPr/>
        </p:nvSpPr>
        <p:spPr>
          <a:xfrm>
            <a:off x="4846361" y="5496452"/>
            <a:ext cx="165600" cy="360000"/>
          </a:xfrm>
          <a:prstGeom prst="rect">
            <a:avLst/>
          </a:prstGeom>
          <a:solidFill>
            <a:srgbClr val="8BB9FD"/>
          </a:solidFill>
          <a:ln w="9525">
            <a:solidFill>
              <a:srgbClr val="0D6DF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Tekstfelt 13">
            <a:extLst>
              <a:ext uri="{FF2B5EF4-FFF2-40B4-BE49-F238E27FC236}">
                <a16:creationId xmlns:a16="http://schemas.microsoft.com/office/drawing/2014/main" id="{CBCB45C3-93DA-4135-8A34-B1A807476753}"/>
              </a:ext>
            </a:extLst>
          </p:cNvPr>
          <p:cNvSpPr txBox="1"/>
          <p:nvPr/>
        </p:nvSpPr>
        <p:spPr>
          <a:xfrm>
            <a:off x="4904892" y="5522907"/>
            <a:ext cx="3258400" cy="288032"/>
          </a:xfrm>
          <a:prstGeom prst="rect">
            <a:avLst/>
          </a:prstGeom>
          <a:noFill/>
        </p:spPr>
        <p:txBody>
          <a:bodyPr wrap="square" lIns="0" tIns="0" rIns="0" bIns="0" rtlCol="0">
            <a:noAutofit/>
          </a:bodyPr>
          <a:lstStyle/>
          <a:p>
            <a:r>
              <a:rPr lang="da-DK" dirty="0"/>
              <a:t>Stress </a:t>
            </a:r>
            <a:r>
              <a:rPr lang="da-DK" sz="1300" dirty="0"/>
              <a:t>(</a:t>
            </a:r>
            <a:r>
              <a:rPr lang="da-DK" sz="1300" b="1" dirty="0"/>
              <a:t>OR 1.30 </a:t>
            </a:r>
            <a:r>
              <a:rPr lang="da-DK" sz="1300" dirty="0"/>
              <a:t>[1.06-1.60]*)</a:t>
            </a:r>
          </a:p>
        </p:txBody>
      </p:sp>
      <p:sp>
        <p:nvSpPr>
          <p:cNvPr id="31" name="Rektangel 30">
            <a:extLst>
              <a:ext uri="{FF2B5EF4-FFF2-40B4-BE49-F238E27FC236}">
                <a16:creationId xmlns:a16="http://schemas.microsoft.com/office/drawing/2014/main" id="{A88CCC24-170B-43B6-923C-80C399F5B64A}"/>
              </a:ext>
            </a:extLst>
          </p:cNvPr>
          <p:cNvSpPr/>
          <p:nvPr/>
        </p:nvSpPr>
        <p:spPr>
          <a:xfrm>
            <a:off x="4846361" y="5038653"/>
            <a:ext cx="3600000" cy="360000"/>
          </a:xfrm>
          <a:prstGeom prst="rect">
            <a:avLst/>
          </a:prstGeom>
          <a:solidFill>
            <a:srgbClr val="9966FF">
              <a:alpha val="34118"/>
            </a:srgbClr>
          </a:solidFill>
          <a:ln w="9525">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2" name="Rektangel 31">
            <a:extLst>
              <a:ext uri="{FF2B5EF4-FFF2-40B4-BE49-F238E27FC236}">
                <a16:creationId xmlns:a16="http://schemas.microsoft.com/office/drawing/2014/main" id="{1DA1E3A1-AA8D-4900-A9D7-523433A3FD87}"/>
              </a:ext>
            </a:extLst>
          </p:cNvPr>
          <p:cNvSpPr/>
          <p:nvPr/>
        </p:nvSpPr>
        <p:spPr>
          <a:xfrm>
            <a:off x="4846361" y="5038653"/>
            <a:ext cx="187200" cy="360000"/>
          </a:xfrm>
          <a:prstGeom prst="rect">
            <a:avLst/>
          </a:prstGeom>
          <a:solidFill>
            <a:srgbClr val="9966FF"/>
          </a:solidFill>
          <a:ln w="9525">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Tekstfelt 14">
            <a:extLst>
              <a:ext uri="{FF2B5EF4-FFF2-40B4-BE49-F238E27FC236}">
                <a16:creationId xmlns:a16="http://schemas.microsoft.com/office/drawing/2014/main" id="{967C77CC-0C5E-4856-9580-7B8A4DC444B9}"/>
              </a:ext>
            </a:extLst>
          </p:cNvPr>
          <p:cNvSpPr txBox="1"/>
          <p:nvPr/>
        </p:nvSpPr>
        <p:spPr>
          <a:xfrm>
            <a:off x="4905133" y="5075326"/>
            <a:ext cx="3258400" cy="288032"/>
          </a:xfrm>
          <a:prstGeom prst="rect">
            <a:avLst/>
          </a:prstGeom>
          <a:noFill/>
        </p:spPr>
        <p:txBody>
          <a:bodyPr wrap="square" lIns="0" tIns="0" rIns="0" bIns="0" rtlCol="0">
            <a:noAutofit/>
          </a:bodyPr>
          <a:lstStyle/>
          <a:p>
            <a:r>
              <a:rPr lang="da-DK" dirty="0"/>
              <a:t>Depression </a:t>
            </a:r>
            <a:r>
              <a:rPr lang="da-DK" sz="1300" dirty="0"/>
              <a:t>(</a:t>
            </a:r>
            <a:r>
              <a:rPr lang="da-DK" sz="1300" b="1" dirty="0"/>
              <a:t>OR 1.35 </a:t>
            </a:r>
            <a:r>
              <a:rPr lang="da-DK" sz="1300" dirty="0"/>
              <a:t>[1.10-1.66]*)</a:t>
            </a:r>
          </a:p>
        </p:txBody>
      </p:sp>
      <p:sp>
        <p:nvSpPr>
          <p:cNvPr id="33" name="Rektangel 32">
            <a:extLst>
              <a:ext uri="{FF2B5EF4-FFF2-40B4-BE49-F238E27FC236}">
                <a16:creationId xmlns:a16="http://schemas.microsoft.com/office/drawing/2014/main" id="{06350F39-E869-4F4B-B48A-17D3F7D1E6D3}"/>
              </a:ext>
            </a:extLst>
          </p:cNvPr>
          <p:cNvSpPr/>
          <p:nvPr/>
        </p:nvSpPr>
        <p:spPr>
          <a:xfrm>
            <a:off x="4848616" y="2250206"/>
            <a:ext cx="3600000" cy="360000"/>
          </a:xfrm>
          <a:prstGeom prst="rect">
            <a:avLst/>
          </a:prstGeom>
          <a:solidFill>
            <a:srgbClr val="DDFDFF"/>
          </a:solidFill>
          <a:ln w="9525">
            <a:solidFill>
              <a:srgbClr val="00DDEE"/>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4" name="Rektangel 33">
            <a:extLst>
              <a:ext uri="{FF2B5EF4-FFF2-40B4-BE49-F238E27FC236}">
                <a16:creationId xmlns:a16="http://schemas.microsoft.com/office/drawing/2014/main" id="{961776FB-4243-4720-9BC8-7402268E6711}"/>
              </a:ext>
            </a:extLst>
          </p:cNvPr>
          <p:cNvSpPr/>
          <p:nvPr/>
        </p:nvSpPr>
        <p:spPr>
          <a:xfrm>
            <a:off x="4848616" y="2250206"/>
            <a:ext cx="241200" cy="360000"/>
          </a:xfrm>
          <a:prstGeom prst="rect">
            <a:avLst/>
          </a:prstGeom>
          <a:solidFill>
            <a:srgbClr val="9BF8FF"/>
          </a:solidFill>
          <a:ln w="9525">
            <a:solidFill>
              <a:srgbClr val="00DDEE"/>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6" name="Tekstfelt 15">
            <a:extLst>
              <a:ext uri="{FF2B5EF4-FFF2-40B4-BE49-F238E27FC236}">
                <a16:creationId xmlns:a16="http://schemas.microsoft.com/office/drawing/2014/main" id="{7ABB3260-2118-4F41-A786-077729774A7C}"/>
              </a:ext>
            </a:extLst>
          </p:cNvPr>
          <p:cNvSpPr txBox="1"/>
          <p:nvPr/>
        </p:nvSpPr>
        <p:spPr>
          <a:xfrm>
            <a:off x="4918463" y="2286190"/>
            <a:ext cx="3834464" cy="288032"/>
          </a:xfrm>
          <a:prstGeom prst="rect">
            <a:avLst/>
          </a:prstGeom>
          <a:noFill/>
        </p:spPr>
        <p:txBody>
          <a:bodyPr wrap="square" lIns="0" tIns="0" rIns="0" bIns="0" rtlCol="0">
            <a:noAutofit/>
          </a:bodyPr>
          <a:lstStyle/>
          <a:p>
            <a:r>
              <a:rPr lang="da-DK" dirty="0" err="1"/>
              <a:t>Kardielle</a:t>
            </a:r>
            <a:r>
              <a:rPr lang="da-DK" dirty="0"/>
              <a:t> årsager </a:t>
            </a:r>
            <a:r>
              <a:rPr lang="da-DK" sz="1300" dirty="0"/>
              <a:t>(</a:t>
            </a:r>
            <a:r>
              <a:rPr lang="da-DK" sz="1300" b="1" dirty="0"/>
              <a:t>OR 2.38 </a:t>
            </a:r>
            <a:r>
              <a:rPr lang="da-DK" sz="1300" dirty="0"/>
              <a:t>[1.77-3.20]*)</a:t>
            </a:r>
          </a:p>
        </p:txBody>
      </p:sp>
      <p:sp>
        <p:nvSpPr>
          <p:cNvPr id="36" name="Tekstfelt 35">
            <a:extLst>
              <a:ext uri="{FF2B5EF4-FFF2-40B4-BE49-F238E27FC236}">
                <a16:creationId xmlns:a16="http://schemas.microsoft.com/office/drawing/2014/main" id="{DF051E56-CAEF-4113-AC92-570D43C037A9}"/>
              </a:ext>
            </a:extLst>
          </p:cNvPr>
          <p:cNvSpPr txBox="1"/>
          <p:nvPr/>
        </p:nvSpPr>
        <p:spPr>
          <a:xfrm>
            <a:off x="2265625" y="5526204"/>
            <a:ext cx="2503602" cy="534904"/>
          </a:xfrm>
          <a:prstGeom prst="rect">
            <a:avLst/>
          </a:prstGeom>
          <a:noFill/>
        </p:spPr>
        <p:txBody>
          <a:bodyPr wrap="square" lIns="0" tIns="0" rIns="0" bIns="0" rtlCol="0">
            <a:noAutofit/>
          </a:bodyPr>
          <a:lstStyle/>
          <a:p>
            <a:r>
              <a:rPr lang="da-DK" sz="1600" dirty="0"/>
              <a:t>De mørke områder angiver </a:t>
            </a:r>
            <a:r>
              <a:rPr lang="da-DK" sz="1600" i="1" dirty="0"/>
              <a:t>population </a:t>
            </a:r>
            <a:r>
              <a:rPr lang="da-DK" sz="1600" i="1" dirty="0" err="1"/>
              <a:t>attributional</a:t>
            </a:r>
            <a:r>
              <a:rPr lang="da-DK" sz="1600" i="1" dirty="0"/>
              <a:t> </a:t>
            </a:r>
            <a:r>
              <a:rPr lang="da-DK" sz="1600" i="1" dirty="0" err="1"/>
              <a:t>risk</a:t>
            </a:r>
            <a:endParaRPr lang="da-DK" sz="1600" i="1" dirty="0"/>
          </a:p>
        </p:txBody>
      </p:sp>
      <p:sp>
        <p:nvSpPr>
          <p:cNvPr id="3" name="Tekstfelt 2">
            <a:extLst>
              <a:ext uri="{FF2B5EF4-FFF2-40B4-BE49-F238E27FC236}">
                <a16:creationId xmlns:a16="http://schemas.microsoft.com/office/drawing/2014/main" id="{51C89B26-F5DD-4D86-9E3D-E2CA52B89C28}"/>
              </a:ext>
            </a:extLst>
          </p:cNvPr>
          <p:cNvSpPr txBox="1"/>
          <p:nvPr/>
        </p:nvSpPr>
        <p:spPr>
          <a:xfrm>
            <a:off x="6423401" y="5909757"/>
            <a:ext cx="2016224" cy="302701"/>
          </a:xfrm>
          <a:prstGeom prst="rect">
            <a:avLst/>
          </a:prstGeom>
          <a:noFill/>
        </p:spPr>
        <p:txBody>
          <a:bodyPr wrap="square" lIns="0" tIns="0" rIns="0" bIns="0" rtlCol="0">
            <a:noAutofit/>
          </a:bodyPr>
          <a:lstStyle/>
          <a:p>
            <a:pPr algn="r"/>
            <a:r>
              <a:rPr lang="da-DK" sz="1200" dirty="0"/>
              <a:t>* 99% Konfidensinterval</a:t>
            </a:r>
            <a:endParaRPr lang="da-DK" sz="1600" dirty="0"/>
          </a:p>
        </p:txBody>
      </p:sp>
    </p:spTree>
    <p:extLst>
      <p:ext uri="{BB962C8B-B14F-4D97-AF65-F5344CB8AC3E}">
        <p14:creationId xmlns:p14="http://schemas.microsoft.com/office/powerpoint/2010/main" val="27399504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DDFAD8A-15DD-41F8-B198-0633D256780A}"/>
              </a:ext>
            </a:extLst>
          </p:cNvPr>
          <p:cNvSpPr>
            <a:spLocks noGrp="1"/>
          </p:cNvSpPr>
          <p:nvPr>
            <p:ph type="title"/>
          </p:nvPr>
        </p:nvSpPr>
        <p:spPr>
          <a:xfrm>
            <a:off x="1368000" y="872715"/>
            <a:ext cx="7092000" cy="756085"/>
          </a:xfrm>
        </p:spPr>
        <p:txBody>
          <a:bodyPr/>
          <a:lstStyle/>
          <a:p>
            <a:pPr algn="ctr"/>
            <a:r>
              <a:rPr lang="da-DK" dirty="0"/>
              <a:t>Risiko for ny apopleksi</a:t>
            </a:r>
          </a:p>
        </p:txBody>
      </p:sp>
      <p:sp>
        <p:nvSpPr>
          <p:cNvPr id="4" name="Pladsholder til dato 3">
            <a:extLst>
              <a:ext uri="{FF2B5EF4-FFF2-40B4-BE49-F238E27FC236}">
                <a16:creationId xmlns:a16="http://schemas.microsoft.com/office/drawing/2014/main" id="{390628BC-A063-4771-A023-4610982C7920}"/>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E782BC94-35D1-43C3-B21E-F5ADC247F589}"/>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FAD46616-20AD-4D33-A4C8-463525C3E5BE}"/>
              </a:ext>
            </a:extLst>
          </p:cNvPr>
          <p:cNvSpPr>
            <a:spLocks noGrp="1"/>
          </p:cNvSpPr>
          <p:nvPr>
            <p:ph type="sldNum" sz="quarter" idx="16"/>
          </p:nvPr>
        </p:nvSpPr>
        <p:spPr/>
        <p:txBody>
          <a:bodyPr/>
          <a:lstStyle/>
          <a:p>
            <a:fld id="{0DAB5548-7253-48D6-B95B-F3D312A72220}" type="slidenum">
              <a:rPr lang="da-DK" smtClean="0"/>
              <a:pPr/>
              <a:t>11</a:t>
            </a:fld>
            <a:endParaRPr lang="da-DK" dirty="0"/>
          </a:p>
        </p:txBody>
      </p:sp>
      <p:sp>
        <p:nvSpPr>
          <p:cNvPr id="11" name="Tekstfelt 10">
            <a:extLst>
              <a:ext uri="{FF2B5EF4-FFF2-40B4-BE49-F238E27FC236}">
                <a16:creationId xmlns:a16="http://schemas.microsoft.com/office/drawing/2014/main" id="{0A0F5863-9A3E-4F42-98D3-8BCD00BA470D}"/>
              </a:ext>
            </a:extLst>
          </p:cNvPr>
          <p:cNvSpPr txBox="1"/>
          <p:nvPr/>
        </p:nvSpPr>
        <p:spPr>
          <a:xfrm>
            <a:off x="1205880" y="1883217"/>
            <a:ext cx="3599004" cy="432048"/>
          </a:xfrm>
          <a:prstGeom prst="rect">
            <a:avLst/>
          </a:prstGeom>
          <a:noFill/>
        </p:spPr>
        <p:txBody>
          <a:bodyPr wrap="square" lIns="0" tIns="0" rIns="0" bIns="0" rtlCol="0">
            <a:noAutofit/>
          </a:bodyPr>
          <a:lstStyle/>
          <a:p>
            <a:pPr algn="ctr"/>
            <a:r>
              <a:rPr lang="da-DK" dirty="0"/>
              <a:t>Mortalitet og </a:t>
            </a:r>
            <a:r>
              <a:rPr lang="da-DK" i="1" dirty="0" err="1"/>
              <a:t>recurrence</a:t>
            </a:r>
            <a:endParaRPr lang="da-DK" i="1" dirty="0"/>
          </a:p>
        </p:txBody>
      </p:sp>
      <p:sp>
        <p:nvSpPr>
          <p:cNvPr id="12" name="Tekstfelt 11">
            <a:extLst>
              <a:ext uri="{FF2B5EF4-FFF2-40B4-BE49-F238E27FC236}">
                <a16:creationId xmlns:a16="http://schemas.microsoft.com/office/drawing/2014/main" id="{00009EE9-F1FC-4D0C-B127-815505DBA97C}"/>
              </a:ext>
            </a:extLst>
          </p:cNvPr>
          <p:cNvSpPr txBox="1"/>
          <p:nvPr/>
        </p:nvSpPr>
        <p:spPr>
          <a:xfrm>
            <a:off x="5332138" y="2736373"/>
            <a:ext cx="3599004" cy="432048"/>
          </a:xfrm>
          <a:prstGeom prst="rect">
            <a:avLst/>
          </a:prstGeom>
          <a:noFill/>
        </p:spPr>
        <p:txBody>
          <a:bodyPr wrap="square" lIns="0" tIns="0" rIns="0" bIns="0" rtlCol="0">
            <a:noAutofit/>
          </a:bodyPr>
          <a:lstStyle/>
          <a:p>
            <a:pPr algn="ctr"/>
            <a:r>
              <a:rPr lang="da-DK" dirty="0"/>
              <a:t>Genindlæggelse med apopleksi</a:t>
            </a:r>
          </a:p>
        </p:txBody>
      </p:sp>
      <p:sp>
        <p:nvSpPr>
          <p:cNvPr id="7" name="Rektangel: afrundede hjørner 6">
            <a:extLst>
              <a:ext uri="{FF2B5EF4-FFF2-40B4-BE49-F238E27FC236}">
                <a16:creationId xmlns:a16="http://schemas.microsoft.com/office/drawing/2014/main" id="{180613FC-D0B4-4453-98C5-64DB08915567}"/>
              </a:ext>
            </a:extLst>
          </p:cNvPr>
          <p:cNvSpPr/>
          <p:nvPr/>
        </p:nvSpPr>
        <p:spPr>
          <a:xfrm>
            <a:off x="1150386" y="4850446"/>
            <a:ext cx="3642795" cy="695531"/>
          </a:xfrm>
          <a:prstGeom prst="roundRect">
            <a:avLst/>
          </a:prstGeom>
          <a:solidFill>
            <a:srgbClr val="09FF38">
              <a:alpha val="32157"/>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4" name="Billede 13">
            <a:extLst>
              <a:ext uri="{FF2B5EF4-FFF2-40B4-BE49-F238E27FC236}">
                <a16:creationId xmlns:a16="http://schemas.microsoft.com/office/drawing/2014/main" id="{CD194C40-D4FE-4837-A345-4DDAE8031DF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2910" y="2160854"/>
            <a:ext cx="4021974" cy="2682210"/>
          </a:xfrm>
          <a:prstGeom prst="rect">
            <a:avLst/>
          </a:prstGeom>
        </p:spPr>
      </p:pic>
      <p:sp>
        <p:nvSpPr>
          <p:cNvPr id="15" name="Rektangel 14">
            <a:extLst>
              <a:ext uri="{FF2B5EF4-FFF2-40B4-BE49-F238E27FC236}">
                <a16:creationId xmlns:a16="http://schemas.microsoft.com/office/drawing/2014/main" id="{E639867C-BB1A-4CC0-8DCC-32DF77C8E77F}"/>
              </a:ext>
            </a:extLst>
          </p:cNvPr>
          <p:cNvSpPr/>
          <p:nvPr/>
        </p:nvSpPr>
        <p:spPr>
          <a:xfrm>
            <a:off x="1205880" y="2306066"/>
            <a:ext cx="3366120" cy="646331"/>
          </a:xfrm>
          <a:prstGeom prst="rect">
            <a:avLst/>
          </a:prstGeom>
        </p:spPr>
        <p:txBody>
          <a:bodyPr wrap="square">
            <a:spAutoFit/>
          </a:bodyPr>
          <a:lstStyle/>
          <a:p>
            <a:r>
              <a:rPr lang="da-DK" sz="1200" dirty="0">
                <a:solidFill>
                  <a:srgbClr val="0000FF"/>
                </a:solidFill>
                <a:sym typeface="Wingdings 2" panose="05020102010507070707" pitchFamily="18" charset="2"/>
              </a:rPr>
              <a:t></a:t>
            </a:r>
            <a:r>
              <a:rPr lang="da-DK" sz="1200" dirty="0">
                <a:sym typeface="Wingdings 2" panose="05020102010507070707" pitchFamily="18" charset="2"/>
              </a:rPr>
              <a:t> Minor stroke (</a:t>
            </a:r>
            <a:r>
              <a:rPr lang="da-DK" sz="1200" dirty="0" err="1">
                <a:sym typeface="Wingdings 2" panose="05020102010507070707" pitchFamily="18" charset="2"/>
              </a:rPr>
              <a:t>sss</a:t>
            </a:r>
            <a:r>
              <a:rPr lang="da-DK" sz="1200" dirty="0">
                <a:sym typeface="Wingdings 2" panose="05020102010507070707" pitchFamily="18" charset="2"/>
              </a:rPr>
              <a:t> &gt;45)</a:t>
            </a:r>
          </a:p>
          <a:p>
            <a:r>
              <a:rPr lang="da-DK" sz="1200" dirty="0">
                <a:solidFill>
                  <a:srgbClr val="00B050"/>
                </a:solidFill>
                <a:sym typeface="Wingdings 2" panose="05020102010507070707" pitchFamily="18" charset="2"/>
              </a:rPr>
              <a:t></a:t>
            </a:r>
            <a:r>
              <a:rPr lang="da-DK" sz="1200" dirty="0">
                <a:sym typeface="Wingdings 2" panose="05020102010507070707" pitchFamily="18" charset="2"/>
              </a:rPr>
              <a:t> Moderate stroke (</a:t>
            </a:r>
            <a:r>
              <a:rPr lang="da-DK" sz="1200" dirty="0" err="1">
                <a:sym typeface="Wingdings 2" panose="05020102010507070707" pitchFamily="18" charset="2"/>
              </a:rPr>
              <a:t>sss</a:t>
            </a:r>
            <a:r>
              <a:rPr lang="da-DK" sz="1200" dirty="0">
                <a:sym typeface="Wingdings 2" panose="05020102010507070707" pitchFamily="18" charset="2"/>
              </a:rPr>
              <a:t> 45-31)</a:t>
            </a:r>
          </a:p>
          <a:p>
            <a:r>
              <a:rPr lang="da-DK" sz="1200" dirty="0">
                <a:solidFill>
                  <a:srgbClr val="FF0000"/>
                </a:solidFill>
                <a:sym typeface="Wingdings 2" panose="05020102010507070707" pitchFamily="18" charset="2"/>
              </a:rPr>
              <a:t></a:t>
            </a:r>
            <a:r>
              <a:rPr lang="da-DK" sz="1200" dirty="0">
                <a:sym typeface="Wingdings 2" panose="05020102010507070707" pitchFamily="18" charset="2"/>
              </a:rPr>
              <a:t> </a:t>
            </a:r>
            <a:r>
              <a:rPr lang="da-DK" sz="1200" dirty="0" err="1">
                <a:sym typeface="Wingdings 2" panose="05020102010507070707" pitchFamily="18" charset="2"/>
              </a:rPr>
              <a:t>Severe</a:t>
            </a:r>
            <a:r>
              <a:rPr lang="da-DK" sz="1200" dirty="0">
                <a:sym typeface="Wingdings 2" panose="05020102010507070707" pitchFamily="18" charset="2"/>
              </a:rPr>
              <a:t> stroke (</a:t>
            </a:r>
            <a:r>
              <a:rPr lang="da-DK" sz="1200" dirty="0" err="1">
                <a:sym typeface="Wingdings 2" panose="05020102010507070707" pitchFamily="18" charset="2"/>
              </a:rPr>
              <a:t>sss</a:t>
            </a:r>
            <a:r>
              <a:rPr lang="da-DK" sz="1200" dirty="0">
                <a:sym typeface="Wingdings 2" panose="05020102010507070707" pitchFamily="18" charset="2"/>
              </a:rPr>
              <a:t> &lt;31)</a:t>
            </a:r>
            <a:endParaRPr lang="da-DK" sz="1100" dirty="0"/>
          </a:p>
        </p:txBody>
      </p:sp>
      <p:pic>
        <p:nvPicPr>
          <p:cNvPr id="19" name="Billede 18">
            <a:extLst>
              <a:ext uri="{FF2B5EF4-FFF2-40B4-BE49-F238E27FC236}">
                <a16:creationId xmlns:a16="http://schemas.microsoft.com/office/drawing/2014/main" id="{736542F7-CC30-4156-8FC7-D139484F25E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24046" y="3038986"/>
            <a:ext cx="4021974" cy="2682210"/>
          </a:xfrm>
          <a:prstGeom prst="rect">
            <a:avLst/>
          </a:prstGeom>
        </p:spPr>
      </p:pic>
      <p:cxnSp>
        <p:nvCxnSpPr>
          <p:cNvPr id="18" name="Lige forbindelse 17">
            <a:extLst>
              <a:ext uri="{FF2B5EF4-FFF2-40B4-BE49-F238E27FC236}">
                <a16:creationId xmlns:a16="http://schemas.microsoft.com/office/drawing/2014/main" id="{4BADE7C0-0471-49E3-A445-49844C0CF8B9}"/>
              </a:ext>
            </a:extLst>
          </p:cNvPr>
          <p:cNvCxnSpPr>
            <a:cxnSpLocks/>
          </p:cNvCxnSpPr>
          <p:nvPr/>
        </p:nvCxnSpPr>
        <p:spPr>
          <a:xfrm flipH="1" flipV="1">
            <a:off x="4572000" y="4509120"/>
            <a:ext cx="864096" cy="792088"/>
          </a:xfrm>
          <a:prstGeom prst="line">
            <a:avLst/>
          </a:prstGeom>
          <a:ln w="19050">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7" name="Lige forbindelse 16">
            <a:extLst>
              <a:ext uri="{FF2B5EF4-FFF2-40B4-BE49-F238E27FC236}">
                <a16:creationId xmlns:a16="http://schemas.microsoft.com/office/drawing/2014/main" id="{FE395856-9214-4BAD-B5C6-2DA64E79C892}"/>
              </a:ext>
            </a:extLst>
          </p:cNvPr>
          <p:cNvCxnSpPr>
            <a:cxnSpLocks/>
          </p:cNvCxnSpPr>
          <p:nvPr/>
        </p:nvCxnSpPr>
        <p:spPr>
          <a:xfrm flipH="1">
            <a:off x="4572000" y="3212976"/>
            <a:ext cx="864096" cy="929989"/>
          </a:xfrm>
          <a:prstGeom prst="line">
            <a:avLst/>
          </a:prstGeom>
          <a:ln w="19050">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sp>
        <p:nvSpPr>
          <p:cNvPr id="3" name="Tekstfelt 2">
            <a:extLst>
              <a:ext uri="{FF2B5EF4-FFF2-40B4-BE49-F238E27FC236}">
                <a16:creationId xmlns:a16="http://schemas.microsoft.com/office/drawing/2014/main" id="{F7D12479-49D4-46E0-A1B5-50F4500AB252}"/>
              </a:ext>
            </a:extLst>
          </p:cNvPr>
          <p:cNvSpPr txBox="1"/>
          <p:nvPr/>
        </p:nvSpPr>
        <p:spPr>
          <a:xfrm>
            <a:off x="1259419" y="5618543"/>
            <a:ext cx="3699011" cy="504056"/>
          </a:xfrm>
          <a:prstGeom prst="rect">
            <a:avLst/>
          </a:prstGeom>
          <a:noFill/>
        </p:spPr>
        <p:txBody>
          <a:bodyPr wrap="square" lIns="0" tIns="0" rIns="0" bIns="0" rtlCol="0">
            <a:noAutofit/>
          </a:bodyPr>
          <a:lstStyle/>
          <a:p>
            <a:r>
              <a:rPr lang="da-DK" sz="1000" b="0" i="0" dirty="0">
                <a:solidFill>
                  <a:srgbClr val="212121"/>
                </a:solidFill>
                <a:effectLst/>
                <a:latin typeface="BlinkMacSystemFont"/>
              </a:rPr>
              <a:t>Liljehult J, Christensen T, Christensen KB. </a:t>
            </a:r>
            <a:r>
              <a:rPr lang="da-DK" sz="1000" b="0" i="0" dirty="0" err="1">
                <a:solidFill>
                  <a:srgbClr val="212121"/>
                </a:solidFill>
                <a:effectLst/>
                <a:latin typeface="BlinkMacSystemFont"/>
              </a:rPr>
              <a:t>Early</a:t>
            </a:r>
            <a:r>
              <a:rPr lang="da-DK" sz="1000" b="0" i="0" dirty="0">
                <a:solidFill>
                  <a:srgbClr val="212121"/>
                </a:solidFill>
                <a:effectLst/>
                <a:latin typeface="BlinkMacSystemFont"/>
              </a:rPr>
              <a:t> </a:t>
            </a:r>
            <a:r>
              <a:rPr lang="da-DK" sz="1000" b="0" i="0" dirty="0" err="1">
                <a:solidFill>
                  <a:srgbClr val="212121"/>
                </a:solidFill>
                <a:effectLst/>
                <a:latin typeface="BlinkMacSystemFont"/>
              </a:rPr>
              <a:t>Prediction</a:t>
            </a:r>
            <a:r>
              <a:rPr lang="da-DK" sz="1000" b="0" i="0" dirty="0">
                <a:solidFill>
                  <a:srgbClr val="212121"/>
                </a:solidFill>
                <a:effectLst/>
                <a:latin typeface="BlinkMacSystemFont"/>
              </a:rPr>
              <a:t> of One-Year </a:t>
            </a:r>
            <a:r>
              <a:rPr lang="da-DK" sz="1000" b="0" i="0" dirty="0" err="1">
                <a:solidFill>
                  <a:srgbClr val="212121"/>
                </a:solidFill>
                <a:effectLst/>
                <a:latin typeface="BlinkMacSystemFont"/>
              </a:rPr>
              <a:t>Mortality</a:t>
            </a:r>
            <a:r>
              <a:rPr lang="da-DK" sz="1000" b="0" i="0" dirty="0">
                <a:solidFill>
                  <a:srgbClr val="212121"/>
                </a:solidFill>
                <a:effectLst/>
                <a:latin typeface="BlinkMacSystemFont"/>
              </a:rPr>
              <a:t> in </a:t>
            </a:r>
            <a:r>
              <a:rPr lang="da-DK" sz="1000" b="0" i="0" dirty="0" err="1">
                <a:solidFill>
                  <a:srgbClr val="212121"/>
                </a:solidFill>
                <a:effectLst/>
                <a:latin typeface="BlinkMacSystemFont"/>
              </a:rPr>
              <a:t>Ischemic</a:t>
            </a:r>
            <a:r>
              <a:rPr lang="da-DK" sz="1000" b="0" i="0" dirty="0">
                <a:solidFill>
                  <a:srgbClr val="212121"/>
                </a:solidFill>
                <a:effectLst/>
                <a:latin typeface="BlinkMacSystemFont"/>
              </a:rPr>
              <a:t> and </a:t>
            </a:r>
            <a:r>
              <a:rPr lang="da-DK" sz="1000" b="0" i="0" dirty="0" err="1">
                <a:solidFill>
                  <a:srgbClr val="212121"/>
                </a:solidFill>
                <a:effectLst/>
                <a:latin typeface="BlinkMacSystemFont"/>
              </a:rPr>
              <a:t>Haemorrhagic</a:t>
            </a:r>
            <a:r>
              <a:rPr lang="da-DK" sz="1000" b="0" i="0" dirty="0">
                <a:solidFill>
                  <a:srgbClr val="212121"/>
                </a:solidFill>
                <a:effectLst/>
                <a:latin typeface="BlinkMacSystemFont"/>
              </a:rPr>
              <a:t> Stroke. J Stroke </a:t>
            </a:r>
            <a:r>
              <a:rPr lang="da-DK" sz="1000" b="0" i="0" dirty="0" err="1">
                <a:solidFill>
                  <a:srgbClr val="212121"/>
                </a:solidFill>
                <a:effectLst/>
                <a:latin typeface="BlinkMacSystemFont"/>
              </a:rPr>
              <a:t>Cerebrovasc</a:t>
            </a:r>
            <a:r>
              <a:rPr lang="da-DK" sz="1000" b="0" i="0" dirty="0">
                <a:solidFill>
                  <a:srgbClr val="212121"/>
                </a:solidFill>
                <a:effectLst/>
                <a:latin typeface="BlinkMacSystemFont"/>
              </a:rPr>
              <a:t> Dis. 2020 Apr;29(4):104667. PMID: 32044222. </a:t>
            </a:r>
            <a:r>
              <a:rPr lang="da-DK" sz="1000" i="1" dirty="0">
                <a:solidFill>
                  <a:srgbClr val="212121"/>
                </a:solidFill>
                <a:latin typeface="BlinkMacSystemFont"/>
              </a:rPr>
              <a:t>(Ikke-publicerede data)</a:t>
            </a:r>
            <a:endParaRPr lang="da-DK" sz="1000" i="1" dirty="0"/>
          </a:p>
        </p:txBody>
      </p:sp>
      <p:sp>
        <p:nvSpPr>
          <p:cNvPr id="13" name="Tekstfelt 12">
            <a:extLst>
              <a:ext uri="{FF2B5EF4-FFF2-40B4-BE49-F238E27FC236}">
                <a16:creationId xmlns:a16="http://schemas.microsoft.com/office/drawing/2014/main" id="{8E262C36-B9C1-4589-A628-CA36D297EC5F}"/>
              </a:ext>
            </a:extLst>
          </p:cNvPr>
          <p:cNvSpPr txBox="1"/>
          <p:nvPr/>
        </p:nvSpPr>
        <p:spPr>
          <a:xfrm>
            <a:off x="1259419" y="4866680"/>
            <a:ext cx="3855105" cy="646331"/>
          </a:xfrm>
          <a:prstGeom prst="rect">
            <a:avLst/>
          </a:prstGeom>
          <a:noFill/>
        </p:spPr>
        <p:txBody>
          <a:bodyPr wrap="square" lIns="0" tIns="0" rIns="0" bIns="0" rtlCol="0">
            <a:noAutofit/>
          </a:bodyPr>
          <a:lstStyle/>
          <a:p>
            <a:r>
              <a:rPr lang="da-DK" sz="2000" dirty="0"/>
              <a:t>Fast linje angiver mortalitet</a:t>
            </a:r>
          </a:p>
          <a:p>
            <a:r>
              <a:rPr lang="da-DK" sz="2000" dirty="0"/>
              <a:t>Stiplet linje angiver </a:t>
            </a:r>
            <a:r>
              <a:rPr lang="da-DK" sz="2000" i="1" dirty="0" err="1"/>
              <a:t>recurrence</a:t>
            </a:r>
            <a:endParaRPr lang="da-DK" sz="2000" i="1" dirty="0"/>
          </a:p>
          <a:p>
            <a:endParaRPr lang="da-DK" sz="700" dirty="0"/>
          </a:p>
        </p:txBody>
      </p:sp>
    </p:spTree>
    <p:extLst>
      <p:ext uri="{BB962C8B-B14F-4D97-AF65-F5344CB8AC3E}">
        <p14:creationId xmlns:p14="http://schemas.microsoft.com/office/powerpoint/2010/main" val="226358890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554016F-DC17-453E-9111-5431794A1046}"/>
              </a:ext>
            </a:extLst>
          </p:cNvPr>
          <p:cNvSpPr>
            <a:spLocks noGrp="1"/>
          </p:cNvSpPr>
          <p:nvPr>
            <p:ph type="title"/>
          </p:nvPr>
        </p:nvSpPr>
        <p:spPr>
          <a:xfrm>
            <a:off x="1368000" y="872715"/>
            <a:ext cx="7092000" cy="1188133"/>
          </a:xfrm>
        </p:spPr>
        <p:txBody>
          <a:bodyPr/>
          <a:lstStyle/>
          <a:p>
            <a:pPr algn="ctr"/>
            <a:r>
              <a:rPr lang="da-DK" dirty="0"/>
              <a:t>Vedvarende symptomer</a:t>
            </a:r>
            <a:br>
              <a:rPr lang="da-DK" dirty="0"/>
            </a:br>
            <a:r>
              <a:rPr lang="da-DK" sz="2000" i="1" dirty="0"/>
              <a:t>Små ændringer af stor betydning</a:t>
            </a:r>
          </a:p>
        </p:txBody>
      </p:sp>
      <p:sp>
        <p:nvSpPr>
          <p:cNvPr id="3" name="Pladsholder til indhold 2">
            <a:extLst>
              <a:ext uri="{FF2B5EF4-FFF2-40B4-BE49-F238E27FC236}">
                <a16:creationId xmlns:a16="http://schemas.microsoft.com/office/drawing/2014/main" id="{A5E4B076-6BD1-4400-8348-8007EE16C54F}"/>
              </a:ext>
            </a:extLst>
          </p:cNvPr>
          <p:cNvSpPr>
            <a:spLocks noGrp="1"/>
          </p:cNvSpPr>
          <p:nvPr>
            <p:ph sz="quarter" idx="13"/>
          </p:nvPr>
        </p:nvSpPr>
        <p:spPr>
          <a:xfrm>
            <a:off x="1368425" y="2162717"/>
            <a:ext cx="7091363" cy="3160713"/>
          </a:xfrm>
        </p:spPr>
        <p:txBody>
          <a:bodyPr/>
          <a:lstStyle/>
          <a:p>
            <a:r>
              <a:rPr lang="da-DK" dirty="0"/>
              <a:t>Forekomst tre måneder efter </a:t>
            </a:r>
            <a:r>
              <a:rPr lang="da-DK" dirty="0" err="1"/>
              <a:t>minor</a:t>
            </a:r>
            <a:r>
              <a:rPr lang="da-DK" dirty="0"/>
              <a:t> stroke eller TCI</a:t>
            </a:r>
          </a:p>
          <a:p>
            <a:pPr lvl="1"/>
            <a:r>
              <a:rPr lang="da-DK" dirty="0"/>
              <a:t>48% oplever kognitive problemer, </a:t>
            </a:r>
            <a:br>
              <a:rPr lang="da-DK" dirty="0"/>
            </a:br>
            <a:r>
              <a:rPr lang="da-DK" dirty="0"/>
              <a:t>fx med </a:t>
            </a:r>
            <a:r>
              <a:rPr lang="da-DK" dirty="0">
                <a:solidFill>
                  <a:srgbClr val="FF0000"/>
                </a:solidFill>
              </a:rPr>
              <a:t>hukommelse, koncentration, overblik</a:t>
            </a:r>
          </a:p>
          <a:p>
            <a:pPr lvl="1"/>
            <a:r>
              <a:rPr lang="da-DK" dirty="0"/>
              <a:t>40% oplever problemer med at </a:t>
            </a:r>
            <a:r>
              <a:rPr lang="da-DK" dirty="0">
                <a:solidFill>
                  <a:srgbClr val="FF0000"/>
                </a:solidFill>
              </a:rPr>
              <a:t>læse, skrive, kommunikere </a:t>
            </a:r>
            <a:r>
              <a:rPr lang="da-DK" dirty="0"/>
              <a:t>eller </a:t>
            </a:r>
            <a:r>
              <a:rPr lang="da-DK" dirty="0">
                <a:solidFill>
                  <a:srgbClr val="FF0000"/>
                </a:solidFill>
              </a:rPr>
              <a:t>følge med i en samtale</a:t>
            </a:r>
          </a:p>
          <a:p>
            <a:r>
              <a:rPr lang="da-DK" dirty="0"/>
              <a:t>Påvirker alle aspekter af deres liv</a:t>
            </a:r>
          </a:p>
          <a:p>
            <a:pPr lvl="1"/>
            <a:r>
              <a:rPr lang="da-DK" dirty="0"/>
              <a:t>Krop, aktivitet, deltagelse</a:t>
            </a:r>
          </a:p>
          <a:p>
            <a:r>
              <a:rPr lang="da-DK" dirty="0"/>
              <a:t>Overses let – men kan stadig være begrænsende</a:t>
            </a:r>
          </a:p>
        </p:txBody>
      </p:sp>
      <p:sp>
        <p:nvSpPr>
          <p:cNvPr id="4" name="Pladsholder til dato 3">
            <a:extLst>
              <a:ext uri="{FF2B5EF4-FFF2-40B4-BE49-F238E27FC236}">
                <a16:creationId xmlns:a16="http://schemas.microsoft.com/office/drawing/2014/main" id="{C1051790-CDF4-4E00-B164-A3E83B5C042A}"/>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A46069C3-20E2-4E8A-B457-20CC08FDCBFC}"/>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C418395A-36E2-400A-921F-7068DD911D93}"/>
              </a:ext>
            </a:extLst>
          </p:cNvPr>
          <p:cNvSpPr>
            <a:spLocks noGrp="1"/>
          </p:cNvSpPr>
          <p:nvPr>
            <p:ph type="sldNum" sz="quarter" idx="16"/>
          </p:nvPr>
        </p:nvSpPr>
        <p:spPr/>
        <p:txBody>
          <a:bodyPr/>
          <a:lstStyle/>
          <a:p>
            <a:fld id="{0DAB5548-7253-48D6-B95B-F3D312A72220}" type="slidenum">
              <a:rPr lang="da-DK" smtClean="0"/>
              <a:pPr/>
              <a:t>12</a:t>
            </a:fld>
            <a:endParaRPr lang="da-DK" dirty="0"/>
          </a:p>
        </p:txBody>
      </p:sp>
    </p:spTree>
    <p:extLst>
      <p:ext uri="{BB962C8B-B14F-4D97-AF65-F5344CB8AC3E}">
        <p14:creationId xmlns:p14="http://schemas.microsoft.com/office/powerpoint/2010/main" val="393067897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E03B74-0A01-425E-87CF-BB8AF3A28B57}"/>
              </a:ext>
            </a:extLst>
          </p:cNvPr>
          <p:cNvSpPr>
            <a:spLocks noGrp="1"/>
          </p:cNvSpPr>
          <p:nvPr>
            <p:ph type="title"/>
          </p:nvPr>
        </p:nvSpPr>
        <p:spPr/>
        <p:txBody>
          <a:bodyPr/>
          <a:lstStyle/>
          <a:p>
            <a:pPr algn="ctr"/>
            <a:r>
              <a:rPr lang="da-DK" dirty="0"/>
              <a:t>Sundhedsadfærd efter apopleksi</a:t>
            </a:r>
            <a:br>
              <a:rPr lang="da-DK" dirty="0"/>
            </a:br>
            <a:r>
              <a:rPr lang="da-DK" sz="2400" b="0" i="1" dirty="0"/>
              <a:t>Facilitatorer og barrierer</a:t>
            </a:r>
            <a:endParaRPr lang="da-DK" b="0" i="1" dirty="0"/>
          </a:p>
        </p:txBody>
      </p:sp>
      <p:sp>
        <p:nvSpPr>
          <p:cNvPr id="4" name="Pladsholder til dato 3">
            <a:extLst>
              <a:ext uri="{FF2B5EF4-FFF2-40B4-BE49-F238E27FC236}">
                <a16:creationId xmlns:a16="http://schemas.microsoft.com/office/drawing/2014/main" id="{4950CB1A-CB3C-4E3F-BA55-183DD1E06326}"/>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DE047D28-0AB3-4F90-9363-86DC1DC08E05}"/>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2974E286-8DC7-4DC0-A128-8EE92BBEB909}"/>
              </a:ext>
            </a:extLst>
          </p:cNvPr>
          <p:cNvSpPr>
            <a:spLocks noGrp="1"/>
          </p:cNvSpPr>
          <p:nvPr>
            <p:ph type="sldNum" sz="quarter" idx="16"/>
          </p:nvPr>
        </p:nvSpPr>
        <p:spPr/>
        <p:txBody>
          <a:bodyPr/>
          <a:lstStyle/>
          <a:p>
            <a:fld id="{0DAB5548-7253-48D6-B95B-F3D312A72220}" type="slidenum">
              <a:rPr lang="da-DK" smtClean="0"/>
              <a:pPr/>
              <a:t>13</a:t>
            </a:fld>
            <a:endParaRPr lang="da-DK" dirty="0"/>
          </a:p>
        </p:txBody>
      </p:sp>
      <p:sp>
        <p:nvSpPr>
          <p:cNvPr id="12" name="Rektangel: afrundede hjørner 11">
            <a:extLst>
              <a:ext uri="{FF2B5EF4-FFF2-40B4-BE49-F238E27FC236}">
                <a16:creationId xmlns:a16="http://schemas.microsoft.com/office/drawing/2014/main" id="{1C2AF089-5E45-4401-8BB7-72247033A881}"/>
              </a:ext>
            </a:extLst>
          </p:cNvPr>
          <p:cNvSpPr/>
          <p:nvPr/>
        </p:nvSpPr>
        <p:spPr>
          <a:xfrm>
            <a:off x="1835696" y="2132856"/>
            <a:ext cx="2918229" cy="1673357"/>
          </a:xfrm>
          <a:prstGeom prst="roundRect">
            <a:avLst/>
          </a:prstGeom>
          <a:solidFill>
            <a:schemeClr val="accent1">
              <a:lumMod val="20000"/>
              <a:lumOff val="80000"/>
            </a:schemeClr>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afrundede hjørner 14">
            <a:extLst>
              <a:ext uri="{FF2B5EF4-FFF2-40B4-BE49-F238E27FC236}">
                <a16:creationId xmlns:a16="http://schemas.microsoft.com/office/drawing/2014/main" id="{7385CDA6-E377-4F4E-A4DD-7771587F72EC}"/>
              </a:ext>
            </a:extLst>
          </p:cNvPr>
          <p:cNvSpPr/>
          <p:nvPr/>
        </p:nvSpPr>
        <p:spPr>
          <a:xfrm>
            <a:off x="5055691" y="4012954"/>
            <a:ext cx="2908459" cy="1673357"/>
          </a:xfrm>
          <a:prstGeom prst="roundRect">
            <a:avLst/>
          </a:prstGeom>
          <a:solidFill>
            <a:srgbClr val="FFBDD3"/>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DFB1FCAC-F538-4E00-9EC4-93AF3190BCD0}"/>
              </a:ext>
            </a:extLst>
          </p:cNvPr>
          <p:cNvSpPr/>
          <p:nvPr/>
        </p:nvSpPr>
        <p:spPr>
          <a:xfrm>
            <a:off x="5079275" y="2113269"/>
            <a:ext cx="2884875" cy="1673357"/>
          </a:xfrm>
          <a:prstGeom prst="roundRect">
            <a:avLst/>
          </a:prstGeom>
          <a:solidFill>
            <a:srgbClr val="C7E6A4"/>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Rektangel: afrundede hjørner 13">
            <a:extLst>
              <a:ext uri="{FF2B5EF4-FFF2-40B4-BE49-F238E27FC236}">
                <a16:creationId xmlns:a16="http://schemas.microsoft.com/office/drawing/2014/main" id="{D2013218-27DE-4A09-B7DB-47D48F5D7F06}"/>
              </a:ext>
            </a:extLst>
          </p:cNvPr>
          <p:cNvSpPr/>
          <p:nvPr/>
        </p:nvSpPr>
        <p:spPr>
          <a:xfrm>
            <a:off x="1835697" y="4008103"/>
            <a:ext cx="2908459" cy="1673357"/>
          </a:xfrm>
          <a:prstGeom prst="roundRect">
            <a:avLst/>
          </a:prstGeom>
          <a:solidFill>
            <a:srgbClr val="FFE697"/>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 name="Tekstfelt 6">
            <a:extLst>
              <a:ext uri="{FF2B5EF4-FFF2-40B4-BE49-F238E27FC236}">
                <a16:creationId xmlns:a16="http://schemas.microsoft.com/office/drawing/2014/main" id="{5DA55D28-9A27-4403-A74E-0F2A29A55C2D}"/>
              </a:ext>
            </a:extLst>
          </p:cNvPr>
          <p:cNvSpPr txBox="1"/>
          <p:nvPr/>
        </p:nvSpPr>
        <p:spPr>
          <a:xfrm>
            <a:off x="3101180" y="3203158"/>
            <a:ext cx="1728192" cy="674258"/>
          </a:xfrm>
          <a:prstGeom prst="rect">
            <a:avLst/>
          </a:prstGeom>
          <a:solidFill>
            <a:schemeClr val="bg2"/>
          </a:solidFill>
          <a:ln>
            <a:solidFill>
              <a:schemeClr val="bg1">
                <a:lumMod val="50000"/>
              </a:schemeClr>
            </a:solidFill>
          </a:ln>
        </p:spPr>
        <p:txBody>
          <a:bodyPr wrap="square" lIns="0" tIns="0" rIns="0" bIns="0" rtlCol="0" anchor="ctr">
            <a:noAutofit/>
          </a:bodyPr>
          <a:lstStyle/>
          <a:p>
            <a:pPr algn="ctr"/>
            <a:r>
              <a:rPr lang="da-DK" dirty="0"/>
              <a:t>Patienten forudsætninger</a:t>
            </a:r>
          </a:p>
        </p:txBody>
      </p:sp>
      <p:sp>
        <p:nvSpPr>
          <p:cNvPr id="8" name="Tekstfelt 7">
            <a:extLst>
              <a:ext uri="{FF2B5EF4-FFF2-40B4-BE49-F238E27FC236}">
                <a16:creationId xmlns:a16="http://schemas.microsoft.com/office/drawing/2014/main" id="{7A2FD6B4-CEE0-4DAF-B599-E1D5AC33DAD5}"/>
              </a:ext>
            </a:extLst>
          </p:cNvPr>
          <p:cNvSpPr txBox="1"/>
          <p:nvPr/>
        </p:nvSpPr>
        <p:spPr>
          <a:xfrm>
            <a:off x="4979978" y="3197349"/>
            <a:ext cx="1728192" cy="674258"/>
          </a:xfrm>
          <a:prstGeom prst="rect">
            <a:avLst/>
          </a:prstGeom>
          <a:solidFill>
            <a:srgbClr val="92D050"/>
          </a:solidFill>
          <a:ln>
            <a:solidFill>
              <a:schemeClr val="bg1">
                <a:lumMod val="50000"/>
              </a:schemeClr>
            </a:solidFill>
          </a:ln>
        </p:spPr>
        <p:txBody>
          <a:bodyPr wrap="square" lIns="0" tIns="0" rIns="0" bIns="0" rtlCol="0" anchor="ctr">
            <a:noAutofit/>
          </a:bodyPr>
          <a:lstStyle/>
          <a:p>
            <a:pPr algn="ctr"/>
            <a:r>
              <a:rPr lang="da-DK" dirty="0"/>
              <a:t>Oplevelse af situationen</a:t>
            </a:r>
          </a:p>
        </p:txBody>
      </p:sp>
      <p:sp>
        <p:nvSpPr>
          <p:cNvPr id="9" name="Tekstfelt 8">
            <a:extLst>
              <a:ext uri="{FF2B5EF4-FFF2-40B4-BE49-F238E27FC236}">
                <a16:creationId xmlns:a16="http://schemas.microsoft.com/office/drawing/2014/main" id="{0E0DCF1E-262C-4C6C-8821-76C7D90D5DF8}"/>
              </a:ext>
            </a:extLst>
          </p:cNvPr>
          <p:cNvSpPr txBox="1"/>
          <p:nvPr/>
        </p:nvSpPr>
        <p:spPr>
          <a:xfrm>
            <a:off x="3093691" y="3964278"/>
            <a:ext cx="1728193" cy="616621"/>
          </a:xfrm>
          <a:prstGeom prst="rect">
            <a:avLst/>
          </a:prstGeom>
          <a:solidFill>
            <a:srgbClr val="FFC000"/>
          </a:solidFill>
          <a:ln>
            <a:solidFill>
              <a:schemeClr val="bg1">
                <a:lumMod val="50000"/>
              </a:schemeClr>
            </a:solidFill>
          </a:ln>
        </p:spPr>
        <p:txBody>
          <a:bodyPr wrap="square" lIns="0" tIns="0" rIns="0" bIns="0" rtlCol="0" anchor="ctr">
            <a:noAutofit/>
          </a:bodyPr>
          <a:lstStyle/>
          <a:p>
            <a:pPr algn="ctr"/>
            <a:r>
              <a:rPr lang="da-DK" dirty="0"/>
              <a:t>Omgivelses-</a:t>
            </a:r>
          </a:p>
          <a:p>
            <a:pPr algn="ctr"/>
            <a:r>
              <a:rPr lang="da-DK" dirty="0"/>
              <a:t>faktorer</a:t>
            </a:r>
          </a:p>
        </p:txBody>
      </p:sp>
      <p:sp>
        <p:nvSpPr>
          <p:cNvPr id="10" name="Tekstfelt 9">
            <a:extLst>
              <a:ext uri="{FF2B5EF4-FFF2-40B4-BE49-F238E27FC236}">
                <a16:creationId xmlns:a16="http://schemas.microsoft.com/office/drawing/2014/main" id="{98CFF0C2-0E56-42CC-80BB-EAE1A985ECF9}"/>
              </a:ext>
            </a:extLst>
          </p:cNvPr>
          <p:cNvSpPr txBox="1"/>
          <p:nvPr/>
        </p:nvSpPr>
        <p:spPr>
          <a:xfrm>
            <a:off x="4977963" y="3960433"/>
            <a:ext cx="1728192" cy="620466"/>
          </a:xfrm>
          <a:prstGeom prst="rect">
            <a:avLst/>
          </a:prstGeom>
          <a:solidFill>
            <a:srgbClr val="FF6699"/>
          </a:solidFill>
          <a:ln>
            <a:solidFill>
              <a:schemeClr val="bg1">
                <a:lumMod val="50000"/>
              </a:schemeClr>
            </a:solidFill>
          </a:ln>
        </p:spPr>
        <p:txBody>
          <a:bodyPr wrap="square" lIns="0" tIns="0" rIns="0" bIns="0" rtlCol="0" anchor="ctr">
            <a:noAutofit/>
          </a:bodyPr>
          <a:lstStyle/>
          <a:p>
            <a:pPr algn="ctr"/>
            <a:r>
              <a:rPr lang="da-DK" dirty="0"/>
              <a:t>Social kontekst</a:t>
            </a:r>
          </a:p>
        </p:txBody>
      </p:sp>
      <p:sp>
        <p:nvSpPr>
          <p:cNvPr id="11" name="Tekstfelt 10">
            <a:extLst>
              <a:ext uri="{FF2B5EF4-FFF2-40B4-BE49-F238E27FC236}">
                <a16:creationId xmlns:a16="http://schemas.microsoft.com/office/drawing/2014/main" id="{19F97B95-65D7-4863-B6A4-477FBE868CB3}"/>
              </a:ext>
            </a:extLst>
          </p:cNvPr>
          <p:cNvSpPr txBox="1"/>
          <p:nvPr/>
        </p:nvSpPr>
        <p:spPr>
          <a:xfrm>
            <a:off x="2271535" y="3359744"/>
            <a:ext cx="792038" cy="324036"/>
          </a:xfrm>
          <a:prstGeom prst="rect">
            <a:avLst/>
          </a:prstGeom>
          <a:noFill/>
        </p:spPr>
        <p:txBody>
          <a:bodyPr wrap="square" lIns="0" tIns="0" rIns="0" bIns="0" rtlCol="0">
            <a:noAutofit/>
          </a:bodyPr>
          <a:lstStyle/>
          <a:p>
            <a:r>
              <a:rPr lang="da-DK" sz="1400" dirty="0"/>
              <a:t>Viden</a:t>
            </a:r>
          </a:p>
        </p:txBody>
      </p:sp>
      <p:sp>
        <p:nvSpPr>
          <p:cNvPr id="16" name="Tekstfelt 15">
            <a:extLst>
              <a:ext uri="{FF2B5EF4-FFF2-40B4-BE49-F238E27FC236}">
                <a16:creationId xmlns:a16="http://schemas.microsoft.com/office/drawing/2014/main" id="{2E4D4AEA-1A45-49CA-A73C-11E2BF93FA3A}"/>
              </a:ext>
            </a:extLst>
          </p:cNvPr>
          <p:cNvSpPr txBox="1"/>
          <p:nvPr/>
        </p:nvSpPr>
        <p:spPr>
          <a:xfrm>
            <a:off x="3422462" y="2277019"/>
            <a:ext cx="1017377" cy="324036"/>
          </a:xfrm>
          <a:prstGeom prst="rect">
            <a:avLst/>
          </a:prstGeom>
          <a:noFill/>
        </p:spPr>
        <p:txBody>
          <a:bodyPr wrap="square" lIns="0" tIns="0" rIns="0" bIns="0" rtlCol="0">
            <a:noAutofit/>
          </a:bodyPr>
          <a:lstStyle/>
          <a:p>
            <a:r>
              <a:rPr lang="da-DK" sz="1400" dirty="0"/>
              <a:t>Færdigheder</a:t>
            </a:r>
          </a:p>
        </p:txBody>
      </p:sp>
      <p:sp>
        <p:nvSpPr>
          <p:cNvPr id="17" name="Tekstfelt 16">
            <a:extLst>
              <a:ext uri="{FF2B5EF4-FFF2-40B4-BE49-F238E27FC236}">
                <a16:creationId xmlns:a16="http://schemas.microsoft.com/office/drawing/2014/main" id="{FB944095-AF0F-40B1-98CA-8616C041F8D4}"/>
              </a:ext>
            </a:extLst>
          </p:cNvPr>
          <p:cNvSpPr txBox="1"/>
          <p:nvPr/>
        </p:nvSpPr>
        <p:spPr>
          <a:xfrm>
            <a:off x="1956083" y="2776550"/>
            <a:ext cx="1233760" cy="324036"/>
          </a:xfrm>
          <a:prstGeom prst="rect">
            <a:avLst/>
          </a:prstGeom>
          <a:noFill/>
        </p:spPr>
        <p:txBody>
          <a:bodyPr wrap="square" lIns="0" tIns="0" rIns="0" bIns="0" rtlCol="0">
            <a:noAutofit/>
          </a:bodyPr>
          <a:lstStyle/>
          <a:p>
            <a:pPr algn="ctr"/>
            <a:r>
              <a:rPr lang="da-DK" sz="1400" b="1" dirty="0"/>
              <a:t>Neurologiske udfald</a:t>
            </a:r>
          </a:p>
        </p:txBody>
      </p:sp>
      <p:sp>
        <p:nvSpPr>
          <p:cNvPr id="18" name="Tekstfelt 17">
            <a:extLst>
              <a:ext uri="{FF2B5EF4-FFF2-40B4-BE49-F238E27FC236}">
                <a16:creationId xmlns:a16="http://schemas.microsoft.com/office/drawing/2014/main" id="{C9BC3806-6735-4B68-8C54-0808488EA9A6}"/>
              </a:ext>
            </a:extLst>
          </p:cNvPr>
          <p:cNvSpPr txBox="1"/>
          <p:nvPr/>
        </p:nvSpPr>
        <p:spPr>
          <a:xfrm>
            <a:off x="6783384" y="3213523"/>
            <a:ext cx="1041594" cy="324036"/>
          </a:xfrm>
          <a:prstGeom prst="rect">
            <a:avLst/>
          </a:prstGeom>
          <a:noFill/>
        </p:spPr>
        <p:txBody>
          <a:bodyPr wrap="square" lIns="0" tIns="0" rIns="0" bIns="0" rtlCol="0">
            <a:noAutofit/>
          </a:bodyPr>
          <a:lstStyle/>
          <a:p>
            <a:pPr algn="ctr"/>
            <a:r>
              <a:rPr lang="da-DK" sz="1400" dirty="0"/>
              <a:t>Holdninger</a:t>
            </a:r>
          </a:p>
        </p:txBody>
      </p:sp>
      <p:sp>
        <p:nvSpPr>
          <p:cNvPr id="19" name="Tekstfelt 18">
            <a:extLst>
              <a:ext uri="{FF2B5EF4-FFF2-40B4-BE49-F238E27FC236}">
                <a16:creationId xmlns:a16="http://schemas.microsoft.com/office/drawing/2014/main" id="{3B0FF106-8860-44F8-B655-433F4D41EE6E}"/>
              </a:ext>
            </a:extLst>
          </p:cNvPr>
          <p:cNvSpPr txBox="1"/>
          <p:nvPr/>
        </p:nvSpPr>
        <p:spPr>
          <a:xfrm>
            <a:off x="3486252" y="2626626"/>
            <a:ext cx="792038" cy="324036"/>
          </a:xfrm>
          <a:prstGeom prst="rect">
            <a:avLst/>
          </a:prstGeom>
          <a:noFill/>
        </p:spPr>
        <p:txBody>
          <a:bodyPr wrap="square" lIns="0" tIns="0" rIns="0" bIns="0" rtlCol="0">
            <a:noAutofit/>
          </a:bodyPr>
          <a:lstStyle/>
          <a:p>
            <a:pPr algn="ctr"/>
            <a:r>
              <a:rPr lang="da-DK" sz="1400" dirty="0"/>
              <a:t>Tidligere vaner</a:t>
            </a:r>
          </a:p>
        </p:txBody>
      </p:sp>
      <p:sp>
        <p:nvSpPr>
          <p:cNvPr id="20" name="Tekstfelt 19">
            <a:extLst>
              <a:ext uri="{FF2B5EF4-FFF2-40B4-BE49-F238E27FC236}">
                <a16:creationId xmlns:a16="http://schemas.microsoft.com/office/drawing/2014/main" id="{C1362900-7C68-47C0-85CC-50E325E45F42}"/>
              </a:ext>
            </a:extLst>
          </p:cNvPr>
          <p:cNvSpPr txBox="1"/>
          <p:nvPr/>
        </p:nvSpPr>
        <p:spPr>
          <a:xfrm>
            <a:off x="1972989" y="2271517"/>
            <a:ext cx="1161486" cy="324036"/>
          </a:xfrm>
          <a:prstGeom prst="rect">
            <a:avLst/>
          </a:prstGeom>
          <a:noFill/>
        </p:spPr>
        <p:txBody>
          <a:bodyPr wrap="square" lIns="0" tIns="0" rIns="0" bIns="0" rtlCol="0">
            <a:noAutofit/>
          </a:bodyPr>
          <a:lstStyle/>
          <a:p>
            <a:pPr algn="ctr"/>
            <a:r>
              <a:rPr lang="da-DK" sz="1400" dirty="0"/>
              <a:t>Psykologiske faktorer</a:t>
            </a:r>
          </a:p>
        </p:txBody>
      </p:sp>
      <p:sp>
        <p:nvSpPr>
          <p:cNvPr id="21" name="Tekstfelt 20">
            <a:extLst>
              <a:ext uri="{FF2B5EF4-FFF2-40B4-BE49-F238E27FC236}">
                <a16:creationId xmlns:a16="http://schemas.microsoft.com/office/drawing/2014/main" id="{CB8B2071-CED4-41F6-9D60-6473668FFF26}"/>
              </a:ext>
            </a:extLst>
          </p:cNvPr>
          <p:cNvSpPr txBox="1"/>
          <p:nvPr/>
        </p:nvSpPr>
        <p:spPr>
          <a:xfrm>
            <a:off x="1873656" y="4150954"/>
            <a:ext cx="1105602" cy="447633"/>
          </a:xfrm>
          <a:prstGeom prst="rect">
            <a:avLst/>
          </a:prstGeom>
          <a:noFill/>
        </p:spPr>
        <p:txBody>
          <a:bodyPr wrap="square" lIns="0" tIns="0" rIns="0" bIns="0" rtlCol="0">
            <a:noAutofit/>
          </a:bodyPr>
          <a:lstStyle/>
          <a:p>
            <a:pPr algn="ctr"/>
            <a:r>
              <a:rPr lang="da-DK" sz="1400" b="1" dirty="0"/>
              <a:t>Sikre omgivelser</a:t>
            </a:r>
          </a:p>
        </p:txBody>
      </p:sp>
      <p:sp>
        <p:nvSpPr>
          <p:cNvPr id="22" name="Tekstfelt 21">
            <a:extLst>
              <a:ext uri="{FF2B5EF4-FFF2-40B4-BE49-F238E27FC236}">
                <a16:creationId xmlns:a16="http://schemas.microsoft.com/office/drawing/2014/main" id="{5EDB99EB-F5EB-4DF9-8FE5-AC3FD5AF571D}"/>
              </a:ext>
            </a:extLst>
          </p:cNvPr>
          <p:cNvSpPr txBox="1"/>
          <p:nvPr/>
        </p:nvSpPr>
        <p:spPr>
          <a:xfrm>
            <a:off x="1876139" y="4742129"/>
            <a:ext cx="1105602" cy="447633"/>
          </a:xfrm>
          <a:prstGeom prst="rect">
            <a:avLst/>
          </a:prstGeom>
          <a:noFill/>
        </p:spPr>
        <p:txBody>
          <a:bodyPr wrap="square" lIns="0" tIns="0" rIns="0" bIns="0" rtlCol="0">
            <a:noAutofit/>
          </a:bodyPr>
          <a:lstStyle/>
          <a:p>
            <a:pPr algn="ctr"/>
            <a:r>
              <a:rPr lang="da-DK" sz="1400" b="1" dirty="0"/>
              <a:t>Transport</a:t>
            </a:r>
          </a:p>
        </p:txBody>
      </p:sp>
      <p:sp>
        <p:nvSpPr>
          <p:cNvPr id="23" name="Tekstfelt 22">
            <a:extLst>
              <a:ext uri="{FF2B5EF4-FFF2-40B4-BE49-F238E27FC236}">
                <a16:creationId xmlns:a16="http://schemas.microsoft.com/office/drawing/2014/main" id="{F25E7759-5A8E-484B-9F60-B311E3E4237F}"/>
              </a:ext>
            </a:extLst>
          </p:cNvPr>
          <p:cNvSpPr txBox="1"/>
          <p:nvPr/>
        </p:nvSpPr>
        <p:spPr>
          <a:xfrm>
            <a:off x="3252906" y="4782789"/>
            <a:ext cx="1105602" cy="616621"/>
          </a:xfrm>
          <a:prstGeom prst="rect">
            <a:avLst/>
          </a:prstGeom>
          <a:noFill/>
        </p:spPr>
        <p:txBody>
          <a:bodyPr wrap="square" lIns="0" tIns="0" rIns="0" bIns="0" rtlCol="0">
            <a:noAutofit/>
          </a:bodyPr>
          <a:lstStyle/>
          <a:p>
            <a:pPr algn="ctr"/>
            <a:r>
              <a:rPr lang="da-DK" sz="1400" dirty="0"/>
              <a:t>Adgang til faciliteter og services</a:t>
            </a:r>
          </a:p>
        </p:txBody>
      </p:sp>
      <p:sp>
        <p:nvSpPr>
          <p:cNvPr id="24" name="Tekstfelt 23">
            <a:extLst>
              <a:ext uri="{FF2B5EF4-FFF2-40B4-BE49-F238E27FC236}">
                <a16:creationId xmlns:a16="http://schemas.microsoft.com/office/drawing/2014/main" id="{961ED742-F733-4F06-90BB-FC437A5694BE}"/>
              </a:ext>
            </a:extLst>
          </p:cNvPr>
          <p:cNvSpPr txBox="1"/>
          <p:nvPr/>
        </p:nvSpPr>
        <p:spPr>
          <a:xfrm>
            <a:off x="1908332" y="5127175"/>
            <a:ext cx="1105602" cy="447633"/>
          </a:xfrm>
          <a:prstGeom prst="rect">
            <a:avLst/>
          </a:prstGeom>
          <a:noFill/>
        </p:spPr>
        <p:txBody>
          <a:bodyPr wrap="square" lIns="0" tIns="0" rIns="0" bIns="0" rtlCol="0">
            <a:noAutofit/>
          </a:bodyPr>
          <a:lstStyle/>
          <a:p>
            <a:pPr algn="ctr"/>
            <a:r>
              <a:rPr lang="da-DK" sz="1400" dirty="0"/>
              <a:t>Professionel støtte</a:t>
            </a:r>
          </a:p>
        </p:txBody>
      </p:sp>
      <p:sp>
        <p:nvSpPr>
          <p:cNvPr id="25" name="Tekstfelt 24">
            <a:extLst>
              <a:ext uri="{FF2B5EF4-FFF2-40B4-BE49-F238E27FC236}">
                <a16:creationId xmlns:a16="http://schemas.microsoft.com/office/drawing/2014/main" id="{2C975C92-E284-40EA-B7C0-7D1430553ED6}"/>
              </a:ext>
            </a:extLst>
          </p:cNvPr>
          <p:cNvSpPr txBox="1"/>
          <p:nvPr/>
        </p:nvSpPr>
        <p:spPr>
          <a:xfrm>
            <a:off x="5335702" y="4761608"/>
            <a:ext cx="1016743" cy="489474"/>
          </a:xfrm>
          <a:prstGeom prst="rect">
            <a:avLst/>
          </a:prstGeom>
          <a:noFill/>
        </p:spPr>
        <p:txBody>
          <a:bodyPr wrap="square" lIns="0" tIns="0" rIns="0" bIns="0" rtlCol="0">
            <a:noAutofit/>
          </a:bodyPr>
          <a:lstStyle/>
          <a:p>
            <a:pPr algn="ctr"/>
            <a:r>
              <a:rPr lang="da-DK" sz="1400" dirty="0"/>
              <a:t>Social støtte</a:t>
            </a:r>
          </a:p>
        </p:txBody>
      </p:sp>
      <p:sp>
        <p:nvSpPr>
          <p:cNvPr id="26" name="Tekstfelt 25">
            <a:extLst>
              <a:ext uri="{FF2B5EF4-FFF2-40B4-BE49-F238E27FC236}">
                <a16:creationId xmlns:a16="http://schemas.microsoft.com/office/drawing/2014/main" id="{E47505E9-2BAF-4361-BD28-1745E8453E3B}"/>
              </a:ext>
            </a:extLst>
          </p:cNvPr>
          <p:cNvSpPr txBox="1"/>
          <p:nvPr/>
        </p:nvSpPr>
        <p:spPr>
          <a:xfrm>
            <a:off x="5335702" y="2299838"/>
            <a:ext cx="1016743" cy="489474"/>
          </a:xfrm>
          <a:prstGeom prst="rect">
            <a:avLst/>
          </a:prstGeom>
          <a:noFill/>
        </p:spPr>
        <p:txBody>
          <a:bodyPr wrap="square" lIns="0" tIns="0" rIns="0" bIns="0" rtlCol="0">
            <a:noAutofit/>
          </a:bodyPr>
          <a:lstStyle/>
          <a:p>
            <a:pPr algn="ctr"/>
            <a:r>
              <a:rPr lang="da-DK" sz="1400" b="1" dirty="0"/>
              <a:t>Oplevelse af risiko og udsathed</a:t>
            </a:r>
          </a:p>
        </p:txBody>
      </p:sp>
      <p:sp>
        <p:nvSpPr>
          <p:cNvPr id="27" name="Tekstfelt 26">
            <a:extLst>
              <a:ext uri="{FF2B5EF4-FFF2-40B4-BE49-F238E27FC236}">
                <a16:creationId xmlns:a16="http://schemas.microsoft.com/office/drawing/2014/main" id="{F794732B-4D33-46A0-AAFB-8A7C17B03236}"/>
              </a:ext>
            </a:extLst>
          </p:cNvPr>
          <p:cNvSpPr txBox="1"/>
          <p:nvPr/>
        </p:nvSpPr>
        <p:spPr>
          <a:xfrm>
            <a:off x="6609725" y="2287076"/>
            <a:ext cx="1016743" cy="489474"/>
          </a:xfrm>
          <a:prstGeom prst="rect">
            <a:avLst/>
          </a:prstGeom>
          <a:noFill/>
        </p:spPr>
        <p:txBody>
          <a:bodyPr wrap="square" lIns="0" tIns="0" rIns="0" bIns="0" rtlCol="0">
            <a:noAutofit/>
          </a:bodyPr>
          <a:lstStyle/>
          <a:p>
            <a:pPr algn="ctr"/>
            <a:r>
              <a:rPr lang="da-DK" sz="1400" dirty="0"/>
              <a:t>Oplevelse af adfærdens betydning</a:t>
            </a:r>
          </a:p>
        </p:txBody>
      </p:sp>
      <p:sp>
        <p:nvSpPr>
          <p:cNvPr id="28" name="Tekstfelt 27">
            <a:extLst>
              <a:ext uri="{FF2B5EF4-FFF2-40B4-BE49-F238E27FC236}">
                <a16:creationId xmlns:a16="http://schemas.microsoft.com/office/drawing/2014/main" id="{1A326BFE-7094-4122-88CF-8EDBCEA0B6DC}"/>
              </a:ext>
            </a:extLst>
          </p:cNvPr>
          <p:cNvSpPr txBox="1"/>
          <p:nvPr/>
        </p:nvSpPr>
        <p:spPr>
          <a:xfrm>
            <a:off x="6769851" y="4272588"/>
            <a:ext cx="1016743" cy="489474"/>
          </a:xfrm>
          <a:prstGeom prst="rect">
            <a:avLst/>
          </a:prstGeom>
          <a:noFill/>
        </p:spPr>
        <p:txBody>
          <a:bodyPr wrap="square" lIns="0" tIns="0" rIns="0" bIns="0" rtlCol="0">
            <a:noAutofit/>
          </a:bodyPr>
          <a:lstStyle/>
          <a:p>
            <a:pPr algn="ctr"/>
            <a:r>
              <a:rPr lang="da-DK" sz="1400" dirty="0"/>
              <a:t>Sociale roller</a:t>
            </a:r>
          </a:p>
        </p:txBody>
      </p:sp>
      <p:sp>
        <p:nvSpPr>
          <p:cNvPr id="29" name="Tekstfelt 28">
            <a:extLst>
              <a:ext uri="{FF2B5EF4-FFF2-40B4-BE49-F238E27FC236}">
                <a16:creationId xmlns:a16="http://schemas.microsoft.com/office/drawing/2014/main" id="{BE8D8E1C-5EE2-4204-B17F-83C25FE81585}"/>
              </a:ext>
            </a:extLst>
          </p:cNvPr>
          <p:cNvSpPr txBox="1"/>
          <p:nvPr/>
        </p:nvSpPr>
        <p:spPr>
          <a:xfrm>
            <a:off x="6709090" y="4840533"/>
            <a:ext cx="1016743" cy="489474"/>
          </a:xfrm>
          <a:prstGeom prst="rect">
            <a:avLst/>
          </a:prstGeom>
          <a:noFill/>
        </p:spPr>
        <p:txBody>
          <a:bodyPr wrap="square" lIns="0" tIns="0" rIns="0" bIns="0" rtlCol="0">
            <a:noAutofit/>
          </a:bodyPr>
          <a:lstStyle/>
          <a:p>
            <a:pPr algn="ctr"/>
            <a:r>
              <a:rPr lang="da-DK" sz="1400" dirty="0"/>
              <a:t>Netværk</a:t>
            </a:r>
          </a:p>
        </p:txBody>
      </p:sp>
      <p:sp>
        <p:nvSpPr>
          <p:cNvPr id="30" name="Tekstfelt 29">
            <a:extLst>
              <a:ext uri="{FF2B5EF4-FFF2-40B4-BE49-F238E27FC236}">
                <a16:creationId xmlns:a16="http://schemas.microsoft.com/office/drawing/2014/main" id="{EF6C7A1B-73FC-4048-82D5-C2818EFBF7C0}"/>
              </a:ext>
            </a:extLst>
          </p:cNvPr>
          <p:cNvSpPr txBox="1"/>
          <p:nvPr/>
        </p:nvSpPr>
        <p:spPr>
          <a:xfrm>
            <a:off x="6709090" y="5236073"/>
            <a:ext cx="1016743" cy="489474"/>
          </a:xfrm>
          <a:prstGeom prst="rect">
            <a:avLst/>
          </a:prstGeom>
          <a:noFill/>
        </p:spPr>
        <p:txBody>
          <a:bodyPr wrap="square" lIns="0" tIns="0" rIns="0" bIns="0" rtlCol="0">
            <a:noAutofit/>
          </a:bodyPr>
          <a:lstStyle/>
          <a:p>
            <a:pPr algn="ctr"/>
            <a:r>
              <a:rPr lang="da-DK" sz="1400" dirty="0"/>
              <a:t>Ressourcer</a:t>
            </a:r>
          </a:p>
        </p:txBody>
      </p:sp>
      <p:sp>
        <p:nvSpPr>
          <p:cNvPr id="31" name="Tekstfelt 30">
            <a:extLst>
              <a:ext uri="{FF2B5EF4-FFF2-40B4-BE49-F238E27FC236}">
                <a16:creationId xmlns:a16="http://schemas.microsoft.com/office/drawing/2014/main" id="{7BB25AFD-1730-4127-866C-F939C7688A28}"/>
              </a:ext>
            </a:extLst>
          </p:cNvPr>
          <p:cNvSpPr txBox="1"/>
          <p:nvPr/>
        </p:nvSpPr>
        <p:spPr>
          <a:xfrm>
            <a:off x="5343958" y="5127175"/>
            <a:ext cx="1016743" cy="489474"/>
          </a:xfrm>
          <a:prstGeom prst="rect">
            <a:avLst/>
          </a:prstGeom>
          <a:noFill/>
        </p:spPr>
        <p:txBody>
          <a:bodyPr wrap="square" lIns="0" tIns="0" rIns="0" bIns="0" rtlCol="0">
            <a:noAutofit/>
          </a:bodyPr>
          <a:lstStyle/>
          <a:p>
            <a:pPr algn="ctr"/>
            <a:r>
              <a:rPr lang="da-DK" sz="1400" dirty="0"/>
              <a:t>Adgang til</a:t>
            </a:r>
          </a:p>
          <a:p>
            <a:pPr algn="ctr"/>
            <a:r>
              <a:rPr lang="da-DK" sz="1400" dirty="0"/>
              <a:t>social støtte</a:t>
            </a:r>
          </a:p>
        </p:txBody>
      </p:sp>
      <p:sp>
        <p:nvSpPr>
          <p:cNvPr id="3" name="Tekstfelt 2">
            <a:extLst>
              <a:ext uri="{FF2B5EF4-FFF2-40B4-BE49-F238E27FC236}">
                <a16:creationId xmlns:a16="http://schemas.microsoft.com/office/drawing/2014/main" id="{96EC5023-76F9-4547-838D-007941EB699E}"/>
              </a:ext>
            </a:extLst>
          </p:cNvPr>
          <p:cNvSpPr txBox="1"/>
          <p:nvPr/>
        </p:nvSpPr>
        <p:spPr>
          <a:xfrm>
            <a:off x="1368000" y="5725285"/>
            <a:ext cx="7092000" cy="425602"/>
          </a:xfrm>
          <a:prstGeom prst="rect">
            <a:avLst/>
          </a:prstGeom>
          <a:noFill/>
        </p:spPr>
        <p:txBody>
          <a:bodyPr wrap="square" lIns="0" tIns="0" rIns="0" bIns="0" rtlCol="0">
            <a:noAutofit/>
          </a:bodyPr>
          <a:lstStyle/>
          <a:p>
            <a:pPr algn="ctr"/>
            <a:r>
              <a:rPr lang="da-DK" sz="2400" dirty="0">
                <a:solidFill>
                  <a:srgbClr val="FF0000"/>
                </a:solidFill>
              </a:rPr>
              <a:t>Høj kompleksitet </a:t>
            </a:r>
            <a:r>
              <a:rPr lang="da-DK" sz="2400" dirty="0">
                <a:solidFill>
                  <a:srgbClr val="FF0000"/>
                </a:solidFill>
                <a:sym typeface="Wingdings 3" panose="05040102010807070707" pitchFamily="18" charset="2"/>
              </a:rPr>
              <a:t></a:t>
            </a:r>
            <a:r>
              <a:rPr lang="da-DK" sz="2400" dirty="0">
                <a:solidFill>
                  <a:srgbClr val="FF0000"/>
                </a:solidFill>
              </a:rPr>
              <a:t> Ingen </a:t>
            </a:r>
            <a:r>
              <a:rPr lang="da-DK" sz="2400" i="1" dirty="0" err="1">
                <a:solidFill>
                  <a:srgbClr val="FF0000"/>
                </a:solidFill>
              </a:rPr>
              <a:t>one</a:t>
            </a:r>
            <a:r>
              <a:rPr lang="da-DK" sz="2400" i="1" dirty="0">
                <a:solidFill>
                  <a:srgbClr val="FF0000"/>
                </a:solidFill>
              </a:rPr>
              <a:t>-</a:t>
            </a:r>
            <a:r>
              <a:rPr lang="da-DK" sz="2400" i="1" dirty="0" err="1">
                <a:solidFill>
                  <a:srgbClr val="FF0000"/>
                </a:solidFill>
              </a:rPr>
              <a:t>fits</a:t>
            </a:r>
            <a:r>
              <a:rPr lang="da-DK" sz="2400" i="1" dirty="0">
                <a:solidFill>
                  <a:srgbClr val="FF0000"/>
                </a:solidFill>
              </a:rPr>
              <a:t>-all </a:t>
            </a:r>
            <a:r>
              <a:rPr lang="da-DK" sz="2400" dirty="0">
                <a:solidFill>
                  <a:srgbClr val="FF0000"/>
                </a:solidFill>
              </a:rPr>
              <a:t>løsninger</a:t>
            </a:r>
          </a:p>
        </p:txBody>
      </p:sp>
    </p:spTree>
    <p:extLst>
      <p:ext uri="{BB962C8B-B14F-4D97-AF65-F5344CB8AC3E}">
        <p14:creationId xmlns:p14="http://schemas.microsoft.com/office/powerpoint/2010/main" val="31874336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E03B74-0A01-425E-87CF-BB8AF3A28B57}"/>
              </a:ext>
            </a:extLst>
          </p:cNvPr>
          <p:cNvSpPr>
            <a:spLocks noGrp="1"/>
          </p:cNvSpPr>
          <p:nvPr>
            <p:ph type="title"/>
          </p:nvPr>
        </p:nvSpPr>
        <p:spPr/>
        <p:txBody>
          <a:bodyPr/>
          <a:lstStyle/>
          <a:p>
            <a:pPr algn="ctr"/>
            <a:r>
              <a:rPr lang="da-DK" dirty="0"/>
              <a:t>Sundhedsadfærd efter apopleksi</a:t>
            </a:r>
            <a:br>
              <a:rPr lang="da-DK" dirty="0"/>
            </a:br>
            <a:r>
              <a:rPr lang="da-DK" sz="2400" b="0" i="1" dirty="0"/>
              <a:t>Facilitatorer og barrierer</a:t>
            </a:r>
            <a:endParaRPr lang="da-DK" b="0" i="1" dirty="0"/>
          </a:p>
        </p:txBody>
      </p:sp>
      <p:sp>
        <p:nvSpPr>
          <p:cNvPr id="4" name="Pladsholder til dato 3">
            <a:extLst>
              <a:ext uri="{FF2B5EF4-FFF2-40B4-BE49-F238E27FC236}">
                <a16:creationId xmlns:a16="http://schemas.microsoft.com/office/drawing/2014/main" id="{4950CB1A-CB3C-4E3F-BA55-183DD1E06326}"/>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DE047D28-0AB3-4F90-9363-86DC1DC08E05}"/>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2974E286-8DC7-4DC0-A128-8EE92BBEB909}"/>
              </a:ext>
            </a:extLst>
          </p:cNvPr>
          <p:cNvSpPr>
            <a:spLocks noGrp="1"/>
          </p:cNvSpPr>
          <p:nvPr>
            <p:ph type="sldNum" sz="quarter" idx="16"/>
          </p:nvPr>
        </p:nvSpPr>
        <p:spPr/>
        <p:txBody>
          <a:bodyPr/>
          <a:lstStyle/>
          <a:p>
            <a:fld id="{0DAB5548-7253-48D6-B95B-F3D312A72220}" type="slidenum">
              <a:rPr lang="da-DK" smtClean="0"/>
              <a:pPr/>
              <a:t>14</a:t>
            </a:fld>
            <a:endParaRPr lang="da-DK" dirty="0"/>
          </a:p>
        </p:txBody>
      </p:sp>
      <p:sp>
        <p:nvSpPr>
          <p:cNvPr id="12" name="Rektangel: afrundede hjørner 11">
            <a:extLst>
              <a:ext uri="{FF2B5EF4-FFF2-40B4-BE49-F238E27FC236}">
                <a16:creationId xmlns:a16="http://schemas.microsoft.com/office/drawing/2014/main" id="{1C2AF089-5E45-4401-8BB7-72247033A881}"/>
              </a:ext>
            </a:extLst>
          </p:cNvPr>
          <p:cNvSpPr/>
          <p:nvPr/>
        </p:nvSpPr>
        <p:spPr>
          <a:xfrm>
            <a:off x="1835696" y="2132856"/>
            <a:ext cx="2918229" cy="1673357"/>
          </a:xfrm>
          <a:prstGeom prst="roundRect">
            <a:avLst/>
          </a:prstGeom>
          <a:solidFill>
            <a:schemeClr val="accent1">
              <a:lumMod val="20000"/>
              <a:lumOff val="80000"/>
            </a:schemeClr>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afrundede hjørner 14">
            <a:extLst>
              <a:ext uri="{FF2B5EF4-FFF2-40B4-BE49-F238E27FC236}">
                <a16:creationId xmlns:a16="http://schemas.microsoft.com/office/drawing/2014/main" id="{7385CDA6-E377-4F4E-A4DD-7771587F72EC}"/>
              </a:ext>
            </a:extLst>
          </p:cNvPr>
          <p:cNvSpPr/>
          <p:nvPr/>
        </p:nvSpPr>
        <p:spPr>
          <a:xfrm>
            <a:off x="5055691" y="4012954"/>
            <a:ext cx="2908459" cy="1673357"/>
          </a:xfrm>
          <a:prstGeom prst="roundRect">
            <a:avLst/>
          </a:prstGeom>
          <a:solidFill>
            <a:srgbClr val="FFBDD3"/>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DFB1FCAC-F538-4E00-9EC4-93AF3190BCD0}"/>
              </a:ext>
            </a:extLst>
          </p:cNvPr>
          <p:cNvSpPr/>
          <p:nvPr/>
        </p:nvSpPr>
        <p:spPr>
          <a:xfrm>
            <a:off x="5079275" y="2113269"/>
            <a:ext cx="2884875" cy="1673357"/>
          </a:xfrm>
          <a:prstGeom prst="roundRect">
            <a:avLst/>
          </a:prstGeom>
          <a:solidFill>
            <a:srgbClr val="C7E6A4"/>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Rektangel: afrundede hjørner 13">
            <a:extLst>
              <a:ext uri="{FF2B5EF4-FFF2-40B4-BE49-F238E27FC236}">
                <a16:creationId xmlns:a16="http://schemas.microsoft.com/office/drawing/2014/main" id="{D2013218-27DE-4A09-B7DB-47D48F5D7F06}"/>
              </a:ext>
            </a:extLst>
          </p:cNvPr>
          <p:cNvSpPr/>
          <p:nvPr/>
        </p:nvSpPr>
        <p:spPr>
          <a:xfrm>
            <a:off x="1835697" y="4008103"/>
            <a:ext cx="2908459" cy="1673357"/>
          </a:xfrm>
          <a:prstGeom prst="roundRect">
            <a:avLst/>
          </a:prstGeom>
          <a:solidFill>
            <a:srgbClr val="FFE697"/>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 name="Tekstfelt 6">
            <a:extLst>
              <a:ext uri="{FF2B5EF4-FFF2-40B4-BE49-F238E27FC236}">
                <a16:creationId xmlns:a16="http://schemas.microsoft.com/office/drawing/2014/main" id="{5DA55D28-9A27-4403-A74E-0F2A29A55C2D}"/>
              </a:ext>
            </a:extLst>
          </p:cNvPr>
          <p:cNvSpPr txBox="1"/>
          <p:nvPr/>
        </p:nvSpPr>
        <p:spPr>
          <a:xfrm>
            <a:off x="3101180" y="3203158"/>
            <a:ext cx="1728192" cy="674258"/>
          </a:xfrm>
          <a:prstGeom prst="rect">
            <a:avLst/>
          </a:prstGeom>
          <a:solidFill>
            <a:schemeClr val="bg2"/>
          </a:solidFill>
          <a:ln>
            <a:solidFill>
              <a:schemeClr val="bg1">
                <a:lumMod val="50000"/>
              </a:schemeClr>
            </a:solidFill>
          </a:ln>
        </p:spPr>
        <p:txBody>
          <a:bodyPr wrap="square" lIns="0" tIns="0" rIns="0" bIns="0" rtlCol="0" anchor="ctr">
            <a:noAutofit/>
          </a:bodyPr>
          <a:lstStyle/>
          <a:p>
            <a:pPr algn="ctr"/>
            <a:r>
              <a:rPr lang="da-DK" dirty="0"/>
              <a:t>Patienten forudsætninger</a:t>
            </a:r>
          </a:p>
        </p:txBody>
      </p:sp>
      <p:sp>
        <p:nvSpPr>
          <p:cNvPr id="8" name="Tekstfelt 7">
            <a:extLst>
              <a:ext uri="{FF2B5EF4-FFF2-40B4-BE49-F238E27FC236}">
                <a16:creationId xmlns:a16="http://schemas.microsoft.com/office/drawing/2014/main" id="{7A2FD6B4-CEE0-4DAF-B599-E1D5AC33DAD5}"/>
              </a:ext>
            </a:extLst>
          </p:cNvPr>
          <p:cNvSpPr txBox="1"/>
          <p:nvPr/>
        </p:nvSpPr>
        <p:spPr>
          <a:xfrm>
            <a:off x="4979978" y="3197349"/>
            <a:ext cx="1728192" cy="674258"/>
          </a:xfrm>
          <a:prstGeom prst="rect">
            <a:avLst/>
          </a:prstGeom>
          <a:solidFill>
            <a:srgbClr val="92D050"/>
          </a:solidFill>
          <a:ln>
            <a:solidFill>
              <a:schemeClr val="bg1">
                <a:lumMod val="50000"/>
              </a:schemeClr>
            </a:solidFill>
          </a:ln>
        </p:spPr>
        <p:txBody>
          <a:bodyPr wrap="square" lIns="0" tIns="0" rIns="0" bIns="0" rtlCol="0" anchor="ctr">
            <a:noAutofit/>
          </a:bodyPr>
          <a:lstStyle/>
          <a:p>
            <a:pPr algn="ctr"/>
            <a:r>
              <a:rPr lang="da-DK" dirty="0"/>
              <a:t>Oplevelse af situationen</a:t>
            </a:r>
          </a:p>
        </p:txBody>
      </p:sp>
      <p:sp>
        <p:nvSpPr>
          <p:cNvPr id="9" name="Tekstfelt 8">
            <a:extLst>
              <a:ext uri="{FF2B5EF4-FFF2-40B4-BE49-F238E27FC236}">
                <a16:creationId xmlns:a16="http://schemas.microsoft.com/office/drawing/2014/main" id="{0E0DCF1E-262C-4C6C-8821-76C7D90D5DF8}"/>
              </a:ext>
            </a:extLst>
          </p:cNvPr>
          <p:cNvSpPr txBox="1"/>
          <p:nvPr/>
        </p:nvSpPr>
        <p:spPr>
          <a:xfrm>
            <a:off x="3093691" y="3964278"/>
            <a:ext cx="1728193" cy="616621"/>
          </a:xfrm>
          <a:prstGeom prst="rect">
            <a:avLst/>
          </a:prstGeom>
          <a:solidFill>
            <a:srgbClr val="FFC000"/>
          </a:solidFill>
          <a:ln>
            <a:solidFill>
              <a:schemeClr val="bg1">
                <a:lumMod val="50000"/>
              </a:schemeClr>
            </a:solidFill>
          </a:ln>
        </p:spPr>
        <p:txBody>
          <a:bodyPr wrap="square" lIns="0" tIns="0" rIns="0" bIns="0" rtlCol="0" anchor="ctr">
            <a:noAutofit/>
          </a:bodyPr>
          <a:lstStyle/>
          <a:p>
            <a:pPr algn="ctr"/>
            <a:r>
              <a:rPr lang="da-DK" dirty="0"/>
              <a:t>Omgivelses-</a:t>
            </a:r>
          </a:p>
          <a:p>
            <a:pPr algn="ctr"/>
            <a:r>
              <a:rPr lang="da-DK" dirty="0"/>
              <a:t>faktorer</a:t>
            </a:r>
          </a:p>
        </p:txBody>
      </p:sp>
      <p:sp>
        <p:nvSpPr>
          <p:cNvPr id="10" name="Tekstfelt 9">
            <a:extLst>
              <a:ext uri="{FF2B5EF4-FFF2-40B4-BE49-F238E27FC236}">
                <a16:creationId xmlns:a16="http://schemas.microsoft.com/office/drawing/2014/main" id="{98CFF0C2-0E56-42CC-80BB-EAE1A985ECF9}"/>
              </a:ext>
            </a:extLst>
          </p:cNvPr>
          <p:cNvSpPr txBox="1"/>
          <p:nvPr/>
        </p:nvSpPr>
        <p:spPr>
          <a:xfrm>
            <a:off x="4977963" y="3960433"/>
            <a:ext cx="1728192" cy="620466"/>
          </a:xfrm>
          <a:prstGeom prst="rect">
            <a:avLst/>
          </a:prstGeom>
          <a:solidFill>
            <a:srgbClr val="FF6699"/>
          </a:solidFill>
          <a:ln>
            <a:solidFill>
              <a:schemeClr val="bg1">
                <a:lumMod val="50000"/>
              </a:schemeClr>
            </a:solidFill>
          </a:ln>
        </p:spPr>
        <p:txBody>
          <a:bodyPr wrap="square" lIns="0" tIns="0" rIns="0" bIns="0" rtlCol="0" anchor="ctr">
            <a:noAutofit/>
          </a:bodyPr>
          <a:lstStyle/>
          <a:p>
            <a:pPr algn="ctr"/>
            <a:r>
              <a:rPr lang="da-DK" dirty="0"/>
              <a:t>Social kontekst</a:t>
            </a:r>
          </a:p>
        </p:txBody>
      </p:sp>
      <p:sp>
        <p:nvSpPr>
          <p:cNvPr id="11" name="Tekstfelt 10">
            <a:extLst>
              <a:ext uri="{FF2B5EF4-FFF2-40B4-BE49-F238E27FC236}">
                <a16:creationId xmlns:a16="http://schemas.microsoft.com/office/drawing/2014/main" id="{19F97B95-65D7-4863-B6A4-477FBE868CB3}"/>
              </a:ext>
            </a:extLst>
          </p:cNvPr>
          <p:cNvSpPr txBox="1"/>
          <p:nvPr/>
        </p:nvSpPr>
        <p:spPr>
          <a:xfrm>
            <a:off x="2271535" y="3359744"/>
            <a:ext cx="792038" cy="324036"/>
          </a:xfrm>
          <a:prstGeom prst="rect">
            <a:avLst/>
          </a:prstGeom>
          <a:noFill/>
        </p:spPr>
        <p:txBody>
          <a:bodyPr wrap="square" lIns="0" tIns="0" rIns="0" bIns="0" rtlCol="0">
            <a:noAutofit/>
          </a:bodyPr>
          <a:lstStyle/>
          <a:p>
            <a:r>
              <a:rPr lang="da-DK" sz="1400" dirty="0"/>
              <a:t>Viden</a:t>
            </a:r>
          </a:p>
        </p:txBody>
      </p:sp>
      <p:sp>
        <p:nvSpPr>
          <p:cNvPr id="16" name="Tekstfelt 15">
            <a:extLst>
              <a:ext uri="{FF2B5EF4-FFF2-40B4-BE49-F238E27FC236}">
                <a16:creationId xmlns:a16="http://schemas.microsoft.com/office/drawing/2014/main" id="{2E4D4AEA-1A45-49CA-A73C-11E2BF93FA3A}"/>
              </a:ext>
            </a:extLst>
          </p:cNvPr>
          <p:cNvSpPr txBox="1"/>
          <p:nvPr/>
        </p:nvSpPr>
        <p:spPr>
          <a:xfrm>
            <a:off x="3422462" y="2277019"/>
            <a:ext cx="1017377" cy="324036"/>
          </a:xfrm>
          <a:prstGeom prst="rect">
            <a:avLst/>
          </a:prstGeom>
          <a:noFill/>
        </p:spPr>
        <p:txBody>
          <a:bodyPr wrap="square" lIns="0" tIns="0" rIns="0" bIns="0" rtlCol="0">
            <a:noAutofit/>
          </a:bodyPr>
          <a:lstStyle/>
          <a:p>
            <a:r>
              <a:rPr lang="da-DK" sz="1400" dirty="0"/>
              <a:t>Færdigheder</a:t>
            </a:r>
          </a:p>
        </p:txBody>
      </p:sp>
      <p:sp>
        <p:nvSpPr>
          <p:cNvPr id="17" name="Tekstfelt 16">
            <a:extLst>
              <a:ext uri="{FF2B5EF4-FFF2-40B4-BE49-F238E27FC236}">
                <a16:creationId xmlns:a16="http://schemas.microsoft.com/office/drawing/2014/main" id="{FB944095-AF0F-40B1-98CA-8616C041F8D4}"/>
              </a:ext>
            </a:extLst>
          </p:cNvPr>
          <p:cNvSpPr txBox="1"/>
          <p:nvPr/>
        </p:nvSpPr>
        <p:spPr>
          <a:xfrm>
            <a:off x="1956083" y="2776550"/>
            <a:ext cx="1233760" cy="324036"/>
          </a:xfrm>
          <a:prstGeom prst="rect">
            <a:avLst/>
          </a:prstGeom>
          <a:noFill/>
        </p:spPr>
        <p:txBody>
          <a:bodyPr wrap="square" lIns="0" tIns="0" rIns="0" bIns="0" rtlCol="0">
            <a:noAutofit/>
          </a:bodyPr>
          <a:lstStyle/>
          <a:p>
            <a:pPr algn="ctr"/>
            <a:r>
              <a:rPr lang="da-DK" sz="1400" b="1" dirty="0"/>
              <a:t>Neurologiske udfald</a:t>
            </a:r>
          </a:p>
        </p:txBody>
      </p:sp>
      <p:sp>
        <p:nvSpPr>
          <p:cNvPr id="18" name="Tekstfelt 17">
            <a:extLst>
              <a:ext uri="{FF2B5EF4-FFF2-40B4-BE49-F238E27FC236}">
                <a16:creationId xmlns:a16="http://schemas.microsoft.com/office/drawing/2014/main" id="{C9BC3806-6735-4B68-8C54-0808488EA9A6}"/>
              </a:ext>
            </a:extLst>
          </p:cNvPr>
          <p:cNvSpPr txBox="1"/>
          <p:nvPr/>
        </p:nvSpPr>
        <p:spPr>
          <a:xfrm>
            <a:off x="6783384" y="3213523"/>
            <a:ext cx="1041594" cy="324036"/>
          </a:xfrm>
          <a:prstGeom prst="rect">
            <a:avLst/>
          </a:prstGeom>
          <a:noFill/>
        </p:spPr>
        <p:txBody>
          <a:bodyPr wrap="square" lIns="0" tIns="0" rIns="0" bIns="0" rtlCol="0">
            <a:noAutofit/>
          </a:bodyPr>
          <a:lstStyle/>
          <a:p>
            <a:pPr algn="ctr"/>
            <a:r>
              <a:rPr lang="da-DK" sz="1400" dirty="0"/>
              <a:t>Holdninger</a:t>
            </a:r>
          </a:p>
        </p:txBody>
      </p:sp>
      <p:sp>
        <p:nvSpPr>
          <p:cNvPr id="19" name="Tekstfelt 18">
            <a:extLst>
              <a:ext uri="{FF2B5EF4-FFF2-40B4-BE49-F238E27FC236}">
                <a16:creationId xmlns:a16="http://schemas.microsoft.com/office/drawing/2014/main" id="{3B0FF106-8860-44F8-B655-433F4D41EE6E}"/>
              </a:ext>
            </a:extLst>
          </p:cNvPr>
          <p:cNvSpPr txBox="1"/>
          <p:nvPr/>
        </p:nvSpPr>
        <p:spPr>
          <a:xfrm>
            <a:off x="3486252" y="2626626"/>
            <a:ext cx="792038" cy="324036"/>
          </a:xfrm>
          <a:prstGeom prst="rect">
            <a:avLst/>
          </a:prstGeom>
          <a:noFill/>
        </p:spPr>
        <p:txBody>
          <a:bodyPr wrap="square" lIns="0" tIns="0" rIns="0" bIns="0" rtlCol="0">
            <a:noAutofit/>
          </a:bodyPr>
          <a:lstStyle/>
          <a:p>
            <a:pPr algn="ctr"/>
            <a:r>
              <a:rPr lang="da-DK" sz="1400" dirty="0"/>
              <a:t>Tidligere vaner</a:t>
            </a:r>
          </a:p>
        </p:txBody>
      </p:sp>
      <p:sp>
        <p:nvSpPr>
          <p:cNvPr id="20" name="Tekstfelt 19">
            <a:extLst>
              <a:ext uri="{FF2B5EF4-FFF2-40B4-BE49-F238E27FC236}">
                <a16:creationId xmlns:a16="http://schemas.microsoft.com/office/drawing/2014/main" id="{C1362900-7C68-47C0-85CC-50E325E45F42}"/>
              </a:ext>
            </a:extLst>
          </p:cNvPr>
          <p:cNvSpPr txBox="1"/>
          <p:nvPr/>
        </p:nvSpPr>
        <p:spPr>
          <a:xfrm>
            <a:off x="1972989" y="2271517"/>
            <a:ext cx="1161486" cy="324036"/>
          </a:xfrm>
          <a:prstGeom prst="rect">
            <a:avLst/>
          </a:prstGeom>
          <a:noFill/>
        </p:spPr>
        <p:txBody>
          <a:bodyPr wrap="square" lIns="0" tIns="0" rIns="0" bIns="0" rtlCol="0">
            <a:noAutofit/>
          </a:bodyPr>
          <a:lstStyle/>
          <a:p>
            <a:pPr algn="ctr"/>
            <a:r>
              <a:rPr lang="da-DK" sz="1400" dirty="0"/>
              <a:t>Psykologiske faktorer</a:t>
            </a:r>
          </a:p>
        </p:txBody>
      </p:sp>
      <p:sp>
        <p:nvSpPr>
          <p:cNvPr id="21" name="Tekstfelt 20">
            <a:extLst>
              <a:ext uri="{FF2B5EF4-FFF2-40B4-BE49-F238E27FC236}">
                <a16:creationId xmlns:a16="http://schemas.microsoft.com/office/drawing/2014/main" id="{CB8B2071-CED4-41F6-9D60-6473668FFF26}"/>
              </a:ext>
            </a:extLst>
          </p:cNvPr>
          <p:cNvSpPr txBox="1"/>
          <p:nvPr/>
        </p:nvSpPr>
        <p:spPr>
          <a:xfrm>
            <a:off x="1873656" y="4150954"/>
            <a:ext cx="1105602" cy="447633"/>
          </a:xfrm>
          <a:prstGeom prst="rect">
            <a:avLst/>
          </a:prstGeom>
          <a:noFill/>
        </p:spPr>
        <p:txBody>
          <a:bodyPr wrap="square" lIns="0" tIns="0" rIns="0" bIns="0" rtlCol="0">
            <a:noAutofit/>
          </a:bodyPr>
          <a:lstStyle/>
          <a:p>
            <a:pPr algn="ctr"/>
            <a:r>
              <a:rPr lang="da-DK" sz="1400" b="1" dirty="0"/>
              <a:t>Sikre omgivelser</a:t>
            </a:r>
          </a:p>
        </p:txBody>
      </p:sp>
      <p:sp>
        <p:nvSpPr>
          <p:cNvPr id="22" name="Tekstfelt 21">
            <a:extLst>
              <a:ext uri="{FF2B5EF4-FFF2-40B4-BE49-F238E27FC236}">
                <a16:creationId xmlns:a16="http://schemas.microsoft.com/office/drawing/2014/main" id="{5EDB99EB-F5EB-4DF9-8FE5-AC3FD5AF571D}"/>
              </a:ext>
            </a:extLst>
          </p:cNvPr>
          <p:cNvSpPr txBox="1"/>
          <p:nvPr/>
        </p:nvSpPr>
        <p:spPr>
          <a:xfrm>
            <a:off x="1876139" y="4742129"/>
            <a:ext cx="1105602" cy="447633"/>
          </a:xfrm>
          <a:prstGeom prst="rect">
            <a:avLst/>
          </a:prstGeom>
          <a:noFill/>
        </p:spPr>
        <p:txBody>
          <a:bodyPr wrap="square" lIns="0" tIns="0" rIns="0" bIns="0" rtlCol="0">
            <a:noAutofit/>
          </a:bodyPr>
          <a:lstStyle/>
          <a:p>
            <a:pPr algn="ctr"/>
            <a:r>
              <a:rPr lang="da-DK" sz="1400" b="1" dirty="0"/>
              <a:t>Transport</a:t>
            </a:r>
          </a:p>
        </p:txBody>
      </p:sp>
      <p:sp>
        <p:nvSpPr>
          <p:cNvPr id="23" name="Tekstfelt 22">
            <a:extLst>
              <a:ext uri="{FF2B5EF4-FFF2-40B4-BE49-F238E27FC236}">
                <a16:creationId xmlns:a16="http://schemas.microsoft.com/office/drawing/2014/main" id="{F25E7759-5A8E-484B-9F60-B311E3E4237F}"/>
              </a:ext>
            </a:extLst>
          </p:cNvPr>
          <p:cNvSpPr txBox="1"/>
          <p:nvPr/>
        </p:nvSpPr>
        <p:spPr>
          <a:xfrm>
            <a:off x="3252906" y="4782789"/>
            <a:ext cx="1105602" cy="616621"/>
          </a:xfrm>
          <a:prstGeom prst="rect">
            <a:avLst/>
          </a:prstGeom>
          <a:noFill/>
        </p:spPr>
        <p:txBody>
          <a:bodyPr wrap="square" lIns="0" tIns="0" rIns="0" bIns="0" rtlCol="0">
            <a:noAutofit/>
          </a:bodyPr>
          <a:lstStyle/>
          <a:p>
            <a:pPr algn="ctr"/>
            <a:r>
              <a:rPr lang="da-DK" sz="1400" dirty="0"/>
              <a:t>Adgang til faciliteter og services</a:t>
            </a:r>
          </a:p>
        </p:txBody>
      </p:sp>
      <p:sp>
        <p:nvSpPr>
          <p:cNvPr id="24" name="Tekstfelt 23">
            <a:extLst>
              <a:ext uri="{FF2B5EF4-FFF2-40B4-BE49-F238E27FC236}">
                <a16:creationId xmlns:a16="http://schemas.microsoft.com/office/drawing/2014/main" id="{961ED742-F733-4F06-90BB-FC437A5694BE}"/>
              </a:ext>
            </a:extLst>
          </p:cNvPr>
          <p:cNvSpPr txBox="1"/>
          <p:nvPr/>
        </p:nvSpPr>
        <p:spPr>
          <a:xfrm>
            <a:off x="1908332" y="5127175"/>
            <a:ext cx="1105602" cy="447633"/>
          </a:xfrm>
          <a:prstGeom prst="rect">
            <a:avLst/>
          </a:prstGeom>
          <a:noFill/>
        </p:spPr>
        <p:txBody>
          <a:bodyPr wrap="square" lIns="0" tIns="0" rIns="0" bIns="0" rtlCol="0">
            <a:noAutofit/>
          </a:bodyPr>
          <a:lstStyle/>
          <a:p>
            <a:pPr algn="ctr"/>
            <a:r>
              <a:rPr lang="da-DK" sz="1400" dirty="0"/>
              <a:t>Professionel støtte</a:t>
            </a:r>
          </a:p>
        </p:txBody>
      </p:sp>
      <p:sp>
        <p:nvSpPr>
          <p:cNvPr id="25" name="Tekstfelt 24">
            <a:extLst>
              <a:ext uri="{FF2B5EF4-FFF2-40B4-BE49-F238E27FC236}">
                <a16:creationId xmlns:a16="http://schemas.microsoft.com/office/drawing/2014/main" id="{2C975C92-E284-40EA-B7C0-7D1430553ED6}"/>
              </a:ext>
            </a:extLst>
          </p:cNvPr>
          <p:cNvSpPr txBox="1"/>
          <p:nvPr/>
        </p:nvSpPr>
        <p:spPr>
          <a:xfrm>
            <a:off x="5335702" y="4761608"/>
            <a:ext cx="1016743" cy="489474"/>
          </a:xfrm>
          <a:prstGeom prst="rect">
            <a:avLst/>
          </a:prstGeom>
          <a:noFill/>
        </p:spPr>
        <p:txBody>
          <a:bodyPr wrap="square" lIns="0" tIns="0" rIns="0" bIns="0" rtlCol="0">
            <a:noAutofit/>
          </a:bodyPr>
          <a:lstStyle/>
          <a:p>
            <a:pPr algn="ctr"/>
            <a:r>
              <a:rPr lang="da-DK" sz="1400" dirty="0"/>
              <a:t>Social støtte</a:t>
            </a:r>
          </a:p>
        </p:txBody>
      </p:sp>
      <p:sp>
        <p:nvSpPr>
          <p:cNvPr id="26" name="Tekstfelt 25">
            <a:extLst>
              <a:ext uri="{FF2B5EF4-FFF2-40B4-BE49-F238E27FC236}">
                <a16:creationId xmlns:a16="http://schemas.microsoft.com/office/drawing/2014/main" id="{E47505E9-2BAF-4361-BD28-1745E8453E3B}"/>
              </a:ext>
            </a:extLst>
          </p:cNvPr>
          <p:cNvSpPr txBox="1"/>
          <p:nvPr/>
        </p:nvSpPr>
        <p:spPr>
          <a:xfrm>
            <a:off x="5335702" y="2299838"/>
            <a:ext cx="1016743" cy="489474"/>
          </a:xfrm>
          <a:prstGeom prst="rect">
            <a:avLst/>
          </a:prstGeom>
          <a:noFill/>
        </p:spPr>
        <p:txBody>
          <a:bodyPr wrap="square" lIns="0" tIns="0" rIns="0" bIns="0" rtlCol="0">
            <a:noAutofit/>
          </a:bodyPr>
          <a:lstStyle/>
          <a:p>
            <a:pPr algn="ctr"/>
            <a:r>
              <a:rPr lang="da-DK" sz="1400" b="1" dirty="0"/>
              <a:t>Oplevelse af risiko og udsathed</a:t>
            </a:r>
          </a:p>
        </p:txBody>
      </p:sp>
      <p:sp>
        <p:nvSpPr>
          <p:cNvPr id="27" name="Tekstfelt 26">
            <a:extLst>
              <a:ext uri="{FF2B5EF4-FFF2-40B4-BE49-F238E27FC236}">
                <a16:creationId xmlns:a16="http://schemas.microsoft.com/office/drawing/2014/main" id="{F794732B-4D33-46A0-AAFB-8A7C17B03236}"/>
              </a:ext>
            </a:extLst>
          </p:cNvPr>
          <p:cNvSpPr txBox="1"/>
          <p:nvPr/>
        </p:nvSpPr>
        <p:spPr>
          <a:xfrm>
            <a:off x="6609725" y="2287076"/>
            <a:ext cx="1016743" cy="489474"/>
          </a:xfrm>
          <a:prstGeom prst="rect">
            <a:avLst/>
          </a:prstGeom>
          <a:noFill/>
        </p:spPr>
        <p:txBody>
          <a:bodyPr wrap="square" lIns="0" tIns="0" rIns="0" bIns="0" rtlCol="0">
            <a:noAutofit/>
          </a:bodyPr>
          <a:lstStyle/>
          <a:p>
            <a:pPr algn="ctr"/>
            <a:r>
              <a:rPr lang="da-DK" sz="1400" dirty="0"/>
              <a:t>Oplevelse af adfærdens betydning</a:t>
            </a:r>
          </a:p>
        </p:txBody>
      </p:sp>
      <p:sp>
        <p:nvSpPr>
          <p:cNvPr id="28" name="Tekstfelt 27">
            <a:extLst>
              <a:ext uri="{FF2B5EF4-FFF2-40B4-BE49-F238E27FC236}">
                <a16:creationId xmlns:a16="http://schemas.microsoft.com/office/drawing/2014/main" id="{1A326BFE-7094-4122-88CF-8EDBCEA0B6DC}"/>
              </a:ext>
            </a:extLst>
          </p:cNvPr>
          <p:cNvSpPr txBox="1"/>
          <p:nvPr/>
        </p:nvSpPr>
        <p:spPr>
          <a:xfrm>
            <a:off x="6769851" y="4272588"/>
            <a:ext cx="1016743" cy="489474"/>
          </a:xfrm>
          <a:prstGeom prst="rect">
            <a:avLst/>
          </a:prstGeom>
          <a:noFill/>
        </p:spPr>
        <p:txBody>
          <a:bodyPr wrap="square" lIns="0" tIns="0" rIns="0" bIns="0" rtlCol="0">
            <a:noAutofit/>
          </a:bodyPr>
          <a:lstStyle/>
          <a:p>
            <a:pPr algn="ctr"/>
            <a:r>
              <a:rPr lang="da-DK" sz="1400" dirty="0"/>
              <a:t>Sociale roller</a:t>
            </a:r>
          </a:p>
        </p:txBody>
      </p:sp>
      <p:sp>
        <p:nvSpPr>
          <p:cNvPr id="29" name="Tekstfelt 28">
            <a:extLst>
              <a:ext uri="{FF2B5EF4-FFF2-40B4-BE49-F238E27FC236}">
                <a16:creationId xmlns:a16="http://schemas.microsoft.com/office/drawing/2014/main" id="{BE8D8E1C-5EE2-4204-B17F-83C25FE81585}"/>
              </a:ext>
            </a:extLst>
          </p:cNvPr>
          <p:cNvSpPr txBox="1"/>
          <p:nvPr/>
        </p:nvSpPr>
        <p:spPr>
          <a:xfrm>
            <a:off x="6709090" y="4840533"/>
            <a:ext cx="1016743" cy="489474"/>
          </a:xfrm>
          <a:prstGeom prst="rect">
            <a:avLst/>
          </a:prstGeom>
          <a:noFill/>
        </p:spPr>
        <p:txBody>
          <a:bodyPr wrap="square" lIns="0" tIns="0" rIns="0" bIns="0" rtlCol="0">
            <a:noAutofit/>
          </a:bodyPr>
          <a:lstStyle/>
          <a:p>
            <a:pPr algn="ctr"/>
            <a:r>
              <a:rPr lang="da-DK" sz="1400" dirty="0"/>
              <a:t>Netværk</a:t>
            </a:r>
          </a:p>
        </p:txBody>
      </p:sp>
      <p:sp>
        <p:nvSpPr>
          <p:cNvPr id="30" name="Tekstfelt 29">
            <a:extLst>
              <a:ext uri="{FF2B5EF4-FFF2-40B4-BE49-F238E27FC236}">
                <a16:creationId xmlns:a16="http://schemas.microsoft.com/office/drawing/2014/main" id="{EF6C7A1B-73FC-4048-82D5-C2818EFBF7C0}"/>
              </a:ext>
            </a:extLst>
          </p:cNvPr>
          <p:cNvSpPr txBox="1"/>
          <p:nvPr/>
        </p:nvSpPr>
        <p:spPr>
          <a:xfrm>
            <a:off x="6709090" y="5236073"/>
            <a:ext cx="1016743" cy="489474"/>
          </a:xfrm>
          <a:prstGeom prst="rect">
            <a:avLst/>
          </a:prstGeom>
          <a:noFill/>
        </p:spPr>
        <p:txBody>
          <a:bodyPr wrap="square" lIns="0" tIns="0" rIns="0" bIns="0" rtlCol="0">
            <a:noAutofit/>
          </a:bodyPr>
          <a:lstStyle/>
          <a:p>
            <a:pPr algn="ctr"/>
            <a:r>
              <a:rPr lang="da-DK" sz="1400" dirty="0"/>
              <a:t>Ressourcer</a:t>
            </a:r>
          </a:p>
        </p:txBody>
      </p:sp>
      <p:sp>
        <p:nvSpPr>
          <p:cNvPr id="31" name="Tekstfelt 30">
            <a:extLst>
              <a:ext uri="{FF2B5EF4-FFF2-40B4-BE49-F238E27FC236}">
                <a16:creationId xmlns:a16="http://schemas.microsoft.com/office/drawing/2014/main" id="{7BB25AFD-1730-4127-866C-F939C7688A28}"/>
              </a:ext>
            </a:extLst>
          </p:cNvPr>
          <p:cNvSpPr txBox="1"/>
          <p:nvPr/>
        </p:nvSpPr>
        <p:spPr>
          <a:xfrm>
            <a:off x="5343958" y="5127175"/>
            <a:ext cx="1016743" cy="489474"/>
          </a:xfrm>
          <a:prstGeom prst="rect">
            <a:avLst/>
          </a:prstGeom>
          <a:noFill/>
        </p:spPr>
        <p:txBody>
          <a:bodyPr wrap="square" lIns="0" tIns="0" rIns="0" bIns="0" rtlCol="0">
            <a:noAutofit/>
          </a:bodyPr>
          <a:lstStyle/>
          <a:p>
            <a:pPr algn="ctr"/>
            <a:r>
              <a:rPr lang="da-DK" sz="1400" dirty="0"/>
              <a:t>Adgang til</a:t>
            </a:r>
          </a:p>
          <a:p>
            <a:pPr algn="ctr"/>
            <a:r>
              <a:rPr lang="da-DK" sz="1400" dirty="0"/>
              <a:t>social støtte</a:t>
            </a:r>
          </a:p>
        </p:txBody>
      </p:sp>
      <p:sp>
        <p:nvSpPr>
          <p:cNvPr id="3" name="Tekstfelt 2">
            <a:extLst>
              <a:ext uri="{FF2B5EF4-FFF2-40B4-BE49-F238E27FC236}">
                <a16:creationId xmlns:a16="http://schemas.microsoft.com/office/drawing/2014/main" id="{96EC5023-76F9-4547-838D-007941EB699E}"/>
              </a:ext>
            </a:extLst>
          </p:cNvPr>
          <p:cNvSpPr txBox="1"/>
          <p:nvPr/>
        </p:nvSpPr>
        <p:spPr>
          <a:xfrm>
            <a:off x="1368000" y="5725285"/>
            <a:ext cx="7092000" cy="425602"/>
          </a:xfrm>
          <a:prstGeom prst="rect">
            <a:avLst/>
          </a:prstGeom>
          <a:noFill/>
        </p:spPr>
        <p:txBody>
          <a:bodyPr wrap="square" lIns="0" tIns="0" rIns="0" bIns="0" rtlCol="0">
            <a:noAutofit/>
          </a:bodyPr>
          <a:lstStyle/>
          <a:p>
            <a:pPr algn="ctr"/>
            <a:r>
              <a:rPr lang="da-DK" sz="2400" dirty="0">
                <a:solidFill>
                  <a:srgbClr val="FF0000"/>
                </a:solidFill>
              </a:rPr>
              <a:t>Høj kompleksitet </a:t>
            </a:r>
            <a:r>
              <a:rPr lang="da-DK" sz="2400" dirty="0">
                <a:solidFill>
                  <a:srgbClr val="FF0000"/>
                </a:solidFill>
                <a:sym typeface="Wingdings 3" panose="05040102010807070707" pitchFamily="18" charset="2"/>
              </a:rPr>
              <a:t></a:t>
            </a:r>
            <a:r>
              <a:rPr lang="da-DK" sz="2400" dirty="0">
                <a:solidFill>
                  <a:srgbClr val="FF0000"/>
                </a:solidFill>
              </a:rPr>
              <a:t> Ingen </a:t>
            </a:r>
            <a:r>
              <a:rPr lang="da-DK" sz="2400" i="1" dirty="0" err="1">
                <a:solidFill>
                  <a:srgbClr val="FF0000"/>
                </a:solidFill>
              </a:rPr>
              <a:t>one</a:t>
            </a:r>
            <a:r>
              <a:rPr lang="da-DK" sz="2400" i="1" dirty="0">
                <a:solidFill>
                  <a:srgbClr val="FF0000"/>
                </a:solidFill>
              </a:rPr>
              <a:t>-</a:t>
            </a:r>
            <a:r>
              <a:rPr lang="da-DK" sz="2400" i="1" dirty="0" err="1">
                <a:solidFill>
                  <a:srgbClr val="FF0000"/>
                </a:solidFill>
              </a:rPr>
              <a:t>fits</a:t>
            </a:r>
            <a:r>
              <a:rPr lang="da-DK" sz="2400" i="1" dirty="0">
                <a:solidFill>
                  <a:srgbClr val="FF0000"/>
                </a:solidFill>
              </a:rPr>
              <a:t>-all </a:t>
            </a:r>
            <a:r>
              <a:rPr lang="da-DK" sz="2400" dirty="0">
                <a:solidFill>
                  <a:srgbClr val="FF0000"/>
                </a:solidFill>
              </a:rPr>
              <a:t>løsninger</a:t>
            </a:r>
          </a:p>
        </p:txBody>
      </p:sp>
      <p:sp>
        <p:nvSpPr>
          <p:cNvPr id="32" name="Rektangel 31">
            <a:extLst>
              <a:ext uri="{FF2B5EF4-FFF2-40B4-BE49-F238E27FC236}">
                <a16:creationId xmlns:a16="http://schemas.microsoft.com/office/drawing/2014/main" id="{672D77EE-C194-45E0-82BB-6278CFBB3DDF}"/>
              </a:ext>
            </a:extLst>
          </p:cNvPr>
          <p:cNvSpPr/>
          <p:nvPr/>
        </p:nvSpPr>
        <p:spPr>
          <a:xfrm>
            <a:off x="1908332" y="2708920"/>
            <a:ext cx="1281511" cy="504603"/>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309827796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E03B74-0A01-425E-87CF-BB8AF3A28B57}"/>
              </a:ext>
            </a:extLst>
          </p:cNvPr>
          <p:cNvSpPr>
            <a:spLocks noGrp="1"/>
          </p:cNvSpPr>
          <p:nvPr>
            <p:ph type="title"/>
          </p:nvPr>
        </p:nvSpPr>
        <p:spPr/>
        <p:txBody>
          <a:bodyPr/>
          <a:lstStyle/>
          <a:p>
            <a:pPr algn="ctr"/>
            <a:r>
              <a:rPr lang="da-DK" dirty="0"/>
              <a:t>Sundhedsadfærd efter apopleksi</a:t>
            </a:r>
            <a:br>
              <a:rPr lang="da-DK" dirty="0"/>
            </a:br>
            <a:r>
              <a:rPr lang="da-DK" sz="2400" b="0" i="1" dirty="0"/>
              <a:t>Facilitatorer og barrierer</a:t>
            </a:r>
            <a:endParaRPr lang="da-DK" b="0" i="1" dirty="0"/>
          </a:p>
        </p:txBody>
      </p:sp>
      <p:sp>
        <p:nvSpPr>
          <p:cNvPr id="4" name="Pladsholder til dato 3">
            <a:extLst>
              <a:ext uri="{FF2B5EF4-FFF2-40B4-BE49-F238E27FC236}">
                <a16:creationId xmlns:a16="http://schemas.microsoft.com/office/drawing/2014/main" id="{4950CB1A-CB3C-4E3F-BA55-183DD1E06326}"/>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DE047D28-0AB3-4F90-9363-86DC1DC08E05}"/>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2974E286-8DC7-4DC0-A128-8EE92BBEB909}"/>
              </a:ext>
            </a:extLst>
          </p:cNvPr>
          <p:cNvSpPr>
            <a:spLocks noGrp="1"/>
          </p:cNvSpPr>
          <p:nvPr>
            <p:ph type="sldNum" sz="quarter" idx="16"/>
          </p:nvPr>
        </p:nvSpPr>
        <p:spPr/>
        <p:txBody>
          <a:bodyPr/>
          <a:lstStyle/>
          <a:p>
            <a:fld id="{0DAB5548-7253-48D6-B95B-F3D312A72220}" type="slidenum">
              <a:rPr lang="da-DK" smtClean="0"/>
              <a:pPr/>
              <a:t>15</a:t>
            </a:fld>
            <a:endParaRPr lang="da-DK" dirty="0"/>
          </a:p>
        </p:txBody>
      </p:sp>
      <p:sp>
        <p:nvSpPr>
          <p:cNvPr id="12" name="Rektangel: afrundede hjørner 11">
            <a:extLst>
              <a:ext uri="{FF2B5EF4-FFF2-40B4-BE49-F238E27FC236}">
                <a16:creationId xmlns:a16="http://schemas.microsoft.com/office/drawing/2014/main" id="{1C2AF089-5E45-4401-8BB7-72247033A881}"/>
              </a:ext>
            </a:extLst>
          </p:cNvPr>
          <p:cNvSpPr/>
          <p:nvPr/>
        </p:nvSpPr>
        <p:spPr>
          <a:xfrm>
            <a:off x="1835696" y="2132856"/>
            <a:ext cx="2918229" cy="1673357"/>
          </a:xfrm>
          <a:prstGeom prst="roundRect">
            <a:avLst/>
          </a:prstGeom>
          <a:solidFill>
            <a:schemeClr val="accent1">
              <a:lumMod val="20000"/>
              <a:lumOff val="80000"/>
            </a:schemeClr>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afrundede hjørner 14">
            <a:extLst>
              <a:ext uri="{FF2B5EF4-FFF2-40B4-BE49-F238E27FC236}">
                <a16:creationId xmlns:a16="http://schemas.microsoft.com/office/drawing/2014/main" id="{7385CDA6-E377-4F4E-A4DD-7771587F72EC}"/>
              </a:ext>
            </a:extLst>
          </p:cNvPr>
          <p:cNvSpPr/>
          <p:nvPr/>
        </p:nvSpPr>
        <p:spPr>
          <a:xfrm>
            <a:off x="5055691" y="4012954"/>
            <a:ext cx="2908459" cy="1673357"/>
          </a:xfrm>
          <a:prstGeom prst="roundRect">
            <a:avLst/>
          </a:prstGeom>
          <a:solidFill>
            <a:srgbClr val="FFBDD3"/>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DFB1FCAC-F538-4E00-9EC4-93AF3190BCD0}"/>
              </a:ext>
            </a:extLst>
          </p:cNvPr>
          <p:cNvSpPr/>
          <p:nvPr/>
        </p:nvSpPr>
        <p:spPr>
          <a:xfrm>
            <a:off x="5079275" y="2113269"/>
            <a:ext cx="2884875" cy="1673357"/>
          </a:xfrm>
          <a:prstGeom prst="roundRect">
            <a:avLst/>
          </a:prstGeom>
          <a:solidFill>
            <a:srgbClr val="C7E6A4"/>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Rektangel: afrundede hjørner 13">
            <a:extLst>
              <a:ext uri="{FF2B5EF4-FFF2-40B4-BE49-F238E27FC236}">
                <a16:creationId xmlns:a16="http://schemas.microsoft.com/office/drawing/2014/main" id="{D2013218-27DE-4A09-B7DB-47D48F5D7F06}"/>
              </a:ext>
            </a:extLst>
          </p:cNvPr>
          <p:cNvSpPr/>
          <p:nvPr/>
        </p:nvSpPr>
        <p:spPr>
          <a:xfrm>
            <a:off x="1835697" y="4008103"/>
            <a:ext cx="2908459" cy="1673357"/>
          </a:xfrm>
          <a:prstGeom prst="roundRect">
            <a:avLst/>
          </a:prstGeom>
          <a:solidFill>
            <a:srgbClr val="FFE697"/>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 name="Tekstfelt 6">
            <a:extLst>
              <a:ext uri="{FF2B5EF4-FFF2-40B4-BE49-F238E27FC236}">
                <a16:creationId xmlns:a16="http://schemas.microsoft.com/office/drawing/2014/main" id="{5DA55D28-9A27-4403-A74E-0F2A29A55C2D}"/>
              </a:ext>
            </a:extLst>
          </p:cNvPr>
          <p:cNvSpPr txBox="1"/>
          <p:nvPr/>
        </p:nvSpPr>
        <p:spPr>
          <a:xfrm>
            <a:off x="3101180" y="3203158"/>
            <a:ext cx="1728192" cy="674258"/>
          </a:xfrm>
          <a:prstGeom prst="rect">
            <a:avLst/>
          </a:prstGeom>
          <a:solidFill>
            <a:schemeClr val="bg2"/>
          </a:solidFill>
          <a:ln>
            <a:solidFill>
              <a:schemeClr val="bg1">
                <a:lumMod val="50000"/>
              </a:schemeClr>
            </a:solidFill>
          </a:ln>
        </p:spPr>
        <p:txBody>
          <a:bodyPr wrap="square" lIns="0" tIns="0" rIns="0" bIns="0" rtlCol="0" anchor="ctr">
            <a:noAutofit/>
          </a:bodyPr>
          <a:lstStyle/>
          <a:p>
            <a:pPr algn="ctr"/>
            <a:r>
              <a:rPr lang="da-DK" dirty="0"/>
              <a:t>Patienten forudsætninger</a:t>
            </a:r>
          </a:p>
        </p:txBody>
      </p:sp>
      <p:sp>
        <p:nvSpPr>
          <p:cNvPr id="8" name="Tekstfelt 7">
            <a:extLst>
              <a:ext uri="{FF2B5EF4-FFF2-40B4-BE49-F238E27FC236}">
                <a16:creationId xmlns:a16="http://schemas.microsoft.com/office/drawing/2014/main" id="{7A2FD6B4-CEE0-4DAF-B599-E1D5AC33DAD5}"/>
              </a:ext>
            </a:extLst>
          </p:cNvPr>
          <p:cNvSpPr txBox="1"/>
          <p:nvPr/>
        </p:nvSpPr>
        <p:spPr>
          <a:xfrm>
            <a:off x="4979978" y="3197349"/>
            <a:ext cx="1728192" cy="674258"/>
          </a:xfrm>
          <a:prstGeom prst="rect">
            <a:avLst/>
          </a:prstGeom>
          <a:solidFill>
            <a:srgbClr val="92D050"/>
          </a:solidFill>
          <a:ln>
            <a:solidFill>
              <a:schemeClr val="bg1">
                <a:lumMod val="50000"/>
              </a:schemeClr>
            </a:solidFill>
          </a:ln>
        </p:spPr>
        <p:txBody>
          <a:bodyPr wrap="square" lIns="0" tIns="0" rIns="0" bIns="0" rtlCol="0" anchor="ctr">
            <a:noAutofit/>
          </a:bodyPr>
          <a:lstStyle/>
          <a:p>
            <a:pPr algn="ctr"/>
            <a:r>
              <a:rPr lang="da-DK" dirty="0"/>
              <a:t>Oplevelse af situationen</a:t>
            </a:r>
          </a:p>
        </p:txBody>
      </p:sp>
      <p:sp>
        <p:nvSpPr>
          <p:cNvPr id="9" name="Tekstfelt 8">
            <a:extLst>
              <a:ext uri="{FF2B5EF4-FFF2-40B4-BE49-F238E27FC236}">
                <a16:creationId xmlns:a16="http://schemas.microsoft.com/office/drawing/2014/main" id="{0E0DCF1E-262C-4C6C-8821-76C7D90D5DF8}"/>
              </a:ext>
            </a:extLst>
          </p:cNvPr>
          <p:cNvSpPr txBox="1"/>
          <p:nvPr/>
        </p:nvSpPr>
        <p:spPr>
          <a:xfrm>
            <a:off x="3093691" y="3964278"/>
            <a:ext cx="1728193" cy="616621"/>
          </a:xfrm>
          <a:prstGeom prst="rect">
            <a:avLst/>
          </a:prstGeom>
          <a:solidFill>
            <a:srgbClr val="FFC000"/>
          </a:solidFill>
          <a:ln>
            <a:solidFill>
              <a:schemeClr val="bg1">
                <a:lumMod val="50000"/>
              </a:schemeClr>
            </a:solidFill>
          </a:ln>
        </p:spPr>
        <p:txBody>
          <a:bodyPr wrap="square" lIns="0" tIns="0" rIns="0" bIns="0" rtlCol="0" anchor="ctr">
            <a:noAutofit/>
          </a:bodyPr>
          <a:lstStyle/>
          <a:p>
            <a:pPr algn="ctr"/>
            <a:r>
              <a:rPr lang="da-DK" dirty="0"/>
              <a:t>Omgivelses-</a:t>
            </a:r>
          </a:p>
          <a:p>
            <a:pPr algn="ctr"/>
            <a:r>
              <a:rPr lang="da-DK" dirty="0"/>
              <a:t>faktorer</a:t>
            </a:r>
          </a:p>
        </p:txBody>
      </p:sp>
      <p:sp>
        <p:nvSpPr>
          <p:cNvPr id="10" name="Tekstfelt 9">
            <a:extLst>
              <a:ext uri="{FF2B5EF4-FFF2-40B4-BE49-F238E27FC236}">
                <a16:creationId xmlns:a16="http://schemas.microsoft.com/office/drawing/2014/main" id="{98CFF0C2-0E56-42CC-80BB-EAE1A985ECF9}"/>
              </a:ext>
            </a:extLst>
          </p:cNvPr>
          <p:cNvSpPr txBox="1"/>
          <p:nvPr/>
        </p:nvSpPr>
        <p:spPr>
          <a:xfrm>
            <a:off x="4977963" y="3960433"/>
            <a:ext cx="1728192" cy="620466"/>
          </a:xfrm>
          <a:prstGeom prst="rect">
            <a:avLst/>
          </a:prstGeom>
          <a:solidFill>
            <a:srgbClr val="FF6699"/>
          </a:solidFill>
          <a:ln>
            <a:solidFill>
              <a:schemeClr val="bg1">
                <a:lumMod val="50000"/>
              </a:schemeClr>
            </a:solidFill>
          </a:ln>
        </p:spPr>
        <p:txBody>
          <a:bodyPr wrap="square" lIns="0" tIns="0" rIns="0" bIns="0" rtlCol="0" anchor="ctr">
            <a:noAutofit/>
          </a:bodyPr>
          <a:lstStyle/>
          <a:p>
            <a:pPr algn="ctr"/>
            <a:r>
              <a:rPr lang="da-DK" dirty="0"/>
              <a:t>Social kontekst</a:t>
            </a:r>
          </a:p>
        </p:txBody>
      </p:sp>
      <p:sp>
        <p:nvSpPr>
          <p:cNvPr id="11" name="Tekstfelt 10">
            <a:extLst>
              <a:ext uri="{FF2B5EF4-FFF2-40B4-BE49-F238E27FC236}">
                <a16:creationId xmlns:a16="http://schemas.microsoft.com/office/drawing/2014/main" id="{19F97B95-65D7-4863-B6A4-477FBE868CB3}"/>
              </a:ext>
            </a:extLst>
          </p:cNvPr>
          <p:cNvSpPr txBox="1"/>
          <p:nvPr/>
        </p:nvSpPr>
        <p:spPr>
          <a:xfrm>
            <a:off x="2271535" y="3359744"/>
            <a:ext cx="792038" cy="324036"/>
          </a:xfrm>
          <a:prstGeom prst="rect">
            <a:avLst/>
          </a:prstGeom>
          <a:noFill/>
        </p:spPr>
        <p:txBody>
          <a:bodyPr wrap="square" lIns="0" tIns="0" rIns="0" bIns="0" rtlCol="0">
            <a:noAutofit/>
          </a:bodyPr>
          <a:lstStyle/>
          <a:p>
            <a:r>
              <a:rPr lang="da-DK" sz="1400" dirty="0"/>
              <a:t>Viden</a:t>
            </a:r>
          </a:p>
        </p:txBody>
      </p:sp>
      <p:sp>
        <p:nvSpPr>
          <p:cNvPr id="16" name="Tekstfelt 15">
            <a:extLst>
              <a:ext uri="{FF2B5EF4-FFF2-40B4-BE49-F238E27FC236}">
                <a16:creationId xmlns:a16="http://schemas.microsoft.com/office/drawing/2014/main" id="{2E4D4AEA-1A45-49CA-A73C-11E2BF93FA3A}"/>
              </a:ext>
            </a:extLst>
          </p:cNvPr>
          <p:cNvSpPr txBox="1"/>
          <p:nvPr/>
        </p:nvSpPr>
        <p:spPr>
          <a:xfrm>
            <a:off x="3422462" y="2277019"/>
            <a:ext cx="1017377" cy="324036"/>
          </a:xfrm>
          <a:prstGeom prst="rect">
            <a:avLst/>
          </a:prstGeom>
          <a:noFill/>
        </p:spPr>
        <p:txBody>
          <a:bodyPr wrap="square" lIns="0" tIns="0" rIns="0" bIns="0" rtlCol="0">
            <a:noAutofit/>
          </a:bodyPr>
          <a:lstStyle/>
          <a:p>
            <a:r>
              <a:rPr lang="da-DK" sz="1400" dirty="0"/>
              <a:t>Færdigheder</a:t>
            </a:r>
          </a:p>
        </p:txBody>
      </p:sp>
      <p:sp>
        <p:nvSpPr>
          <p:cNvPr id="17" name="Tekstfelt 16">
            <a:extLst>
              <a:ext uri="{FF2B5EF4-FFF2-40B4-BE49-F238E27FC236}">
                <a16:creationId xmlns:a16="http://schemas.microsoft.com/office/drawing/2014/main" id="{FB944095-AF0F-40B1-98CA-8616C041F8D4}"/>
              </a:ext>
            </a:extLst>
          </p:cNvPr>
          <p:cNvSpPr txBox="1"/>
          <p:nvPr/>
        </p:nvSpPr>
        <p:spPr>
          <a:xfrm>
            <a:off x="1956083" y="2776550"/>
            <a:ext cx="1233760" cy="324036"/>
          </a:xfrm>
          <a:prstGeom prst="rect">
            <a:avLst/>
          </a:prstGeom>
          <a:noFill/>
        </p:spPr>
        <p:txBody>
          <a:bodyPr wrap="square" lIns="0" tIns="0" rIns="0" bIns="0" rtlCol="0">
            <a:noAutofit/>
          </a:bodyPr>
          <a:lstStyle/>
          <a:p>
            <a:pPr algn="ctr"/>
            <a:r>
              <a:rPr lang="da-DK" sz="1400" b="1" dirty="0"/>
              <a:t>Neurologiske udfald</a:t>
            </a:r>
          </a:p>
        </p:txBody>
      </p:sp>
      <p:sp>
        <p:nvSpPr>
          <p:cNvPr id="18" name="Tekstfelt 17">
            <a:extLst>
              <a:ext uri="{FF2B5EF4-FFF2-40B4-BE49-F238E27FC236}">
                <a16:creationId xmlns:a16="http://schemas.microsoft.com/office/drawing/2014/main" id="{C9BC3806-6735-4B68-8C54-0808488EA9A6}"/>
              </a:ext>
            </a:extLst>
          </p:cNvPr>
          <p:cNvSpPr txBox="1"/>
          <p:nvPr/>
        </p:nvSpPr>
        <p:spPr>
          <a:xfrm>
            <a:off x="6783384" y="3213523"/>
            <a:ext cx="1041594" cy="324036"/>
          </a:xfrm>
          <a:prstGeom prst="rect">
            <a:avLst/>
          </a:prstGeom>
          <a:noFill/>
        </p:spPr>
        <p:txBody>
          <a:bodyPr wrap="square" lIns="0" tIns="0" rIns="0" bIns="0" rtlCol="0">
            <a:noAutofit/>
          </a:bodyPr>
          <a:lstStyle/>
          <a:p>
            <a:pPr algn="ctr"/>
            <a:r>
              <a:rPr lang="da-DK" sz="1400" dirty="0"/>
              <a:t>Holdninger</a:t>
            </a:r>
          </a:p>
        </p:txBody>
      </p:sp>
      <p:sp>
        <p:nvSpPr>
          <p:cNvPr id="19" name="Tekstfelt 18">
            <a:extLst>
              <a:ext uri="{FF2B5EF4-FFF2-40B4-BE49-F238E27FC236}">
                <a16:creationId xmlns:a16="http://schemas.microsoft.com/office/drawing/2014/main" id="{3B0FF106-8860-44F8-B655-433F4D41EE6E}"/>
              </a:ext>
            </a:extLst>
          </p:cNvPr>
          <p:cNvSpPr txBox="1"/>
          <p:nvPr/>
        </p:nvSpPr>
        <p:spPr>
          <a:xfrm>
            <a:off x="3486252" y="2626626"/>
            <a:ext cx="792038" cy="324036"/>
          </a:xfrm>
          <a:prstGeom prst="rect">
            <a:avLst/>
          </a:prstGeom>
          <a:noFill/>
        </p:spPr>
        <p:txBody>
          <a:bodyPr wrap="square" lIns="0" tIns="0" rIns="0" bIns="0" rtlCol="0">
            <a:noAutofit/>
          </a:bodyPr>
          <a:lstStyle/>
          <a:p>
            <a:pPr algn="ctr"/>
            <a:r>
              <a:rPr lang="da-DK" sz="1400" dirty="0"/>
              <a:t>Tidligere vaner</a:t>
            </a:r>
          </a:p>
        </p:txBody>
      </p:sp>
      <p:sp>
        <p:nvSpPr>
          <p:cNvPr id="20" name="Tekstfelt 19">
            <a:extLst>
              <a:ext uri="{FF2B5EF4-FFF2-40B4-BE49-F238E27FC236}">
                <a16:creationId xmlns:a16="http://schemas.microsoft.com/office/drawing/2014/main" id="{C1362900-7C68-47C0-85CC-50E325E45F42}"/>
              </a:ext>
            </a:extLst>
          </p:cNvPr>
          <p:cNvSpPr txBox="1"/>
          <p:nvPr/>
        </p:nvSpPr>
        <p:spPr>
          <a:xfrm>
            <a:off x="1972989" y="2271517"/>
            <a:ext cx="1161486" cy="324036"/>
          </a:xfrm>
          <a:prstGeom prst="rect">
            <a:avLst/>
          </a:prstGeom>
          <a:noFill/>
        </p:spPr>
        <p:txBody>
          <a:bodyPr wrap="square" lIns="0" tIns="0" rIns="0" bIns="0" rtlCol="0">
            <a:noAutofit/>
          </a:bodyPr>
          <a:lstStyle/>
          <a:p>
            <a:pPr algn="ctr"/>
            <a:r>
              <a:rPr lang="da-DK" sz="1400" dirty="0"/>
              <a:t>Psykologiske faktorer</a:t>
            </a:r>
          </a:p>
        </p:txBody>
      </p:sp>
      <p:sp>
        <p:nvSpPr>
          <p:cNvPr id="21" name="Tekstfelt 20">
            <a:extLst>
              <a:ext uri="{FF2B5EF4-FFF2-40B4-BE49-F238E27FC236}">
                <a16:creationId xmlns:a16="http://schemas.microsoft.com/office/drawing/2014/main" id="{CB8B2071-CED4-41F6-9D60-6473668FFF26}"/>
              </a:ext>
            </a:extLst>
          </p:cNvPr>
          <p:cNvSpPr txBox="1"/>
          <p:nvPr/>
        </p:nvSpPr>
        <p:spPr>
          <a:xfrm>
            <a:off x="1873656" y="4150954"/>
            <a:ext cx="1105602" cy="447633"/>
          </a:xfrm>
          <a:prstGeom prst="rect">
            <a:avLst/>
          </a:prstGeom>
          <a:noFill/>
        </p:spPr>
        <p:txBody>
          <a:bodyPr wrap="square" lIns="0" tIns="0" rIns="0" bIns="0" rtlCol="0">
            <a:noAutofit/>
          </a:bodyPr>
          <a:lstStyle/>
          <a:p>
            <a:pPr algn="ctr"/>
            <a:r>
              <a:rPr lang="da-DK" sz="1400" b="1" dirty="0"/>
              <a:t>Sikre omgivelser</a:t>
            </a:r>
          </a:p>
        </p:txBody>
      </p:sp>
      <p:sp>
        <p:nvSpPr>
          <p:cNvPr id="22" name="Tekstfelt 21">
            <a:extLst>
              <a:ext uri="{FF2B5EF4-FFF2-40B4-BE49-F238E27FC236}">
                <a16:creationId xmlns:a16="http://schemas.microsoft.com/office/drawing/2014/main" id="{5EDB99EB-F5EB-4DF9-8FE5-AC3FD5AF571D}"/>
              </a:ext>
            </a:extLst>
          </p:cNvPr>
          <p:cNvSpPr txBox="1"/>
          <p:nvPr/>
        </p:nvSpPr>
        <p:spPr>
          <a:xfrm>
            <a:off x="1876139" y="4742129"/>
            <a:ext cx="1105602" cy="447633"/>
          </a:xfrm>
          <a:prstGeom prst="rect">
            <a:avLst/>
          </a:prstGeom>
          <a:noFill/>
        </p:spPr>
        <p:txBody>
          <a:bodyPr wrap="square" lIns="0" tIns="0" rIns="0" bIns="0" rtlCol="0">
            <a:noAutofit/>
          </a:bodyPr>
          <a:lstStyle/>
          <a:p>
            <a:pPr algn="ctr"/>
            <a:r>
              <a:rPr lang="da-DK" sz="1400" b="1" dirty="0"/>
              <a:t>Transport</a:t>
            </a:r>
          </a:p>
        </p:txBody>
      </p:sp>
      <p:sp>
        <p:nvSpPr>
          <p:cNvPr id="23" name="Tekstfelt 22">
            <a:extLst>
              <a:ext uri="{FF2B5EF4-FFF2-40B4-BE49-F238E27FC236}">
                <a16:creationId xmlns:a16="http://schemas.microsoft.com/office/drawing/2014/main" id="{F25E7759-5A8E-484B-9F60-B311E3E4237F}"/>
              </a:ext>
            </a:extLst>
          </p:cNvPr>
          <p:cNvSpPr txBox="1"/>
          <p:nvPr/>
        </p:nvSpPr>
        <p:spPr>
          <a:xfrm>
            <a:off x="3252906" y="4782789"/>
            <a:ext cx="1105602" cy="616621"/>
          </a:xfrm>
          <a:prstGeom prst="rect">
            <a:avLst/>
          </a:prstGeom>
          <a:noFill/>
        </p:spPr>
        <p:txBody>
          <a:bodyPr wrap="square" lIns="0" tIns="0" rIns="0" bIns="0" rtlCol="0">
            <a:noAutofit/>
          </a:bodyPr>
          <a:lstStyle/>
          <a:p>
            <a:pPr algn="ctr"/>
            <a:r>
              <a:rPr lang="da-DK" sz="1400" dirty="0"/>
              <a:t>Adgang til faciliteter og services</a:t>
            </a:r>
          </a:p>
        </p:txBody>
      </p:sp>
      <p:sp>
        <p:nvSpPr>
          <p:cNvPr id="24" name="Tekstfelt 23">
            <a:extLst>
              <a:ext uri="{FF2B5EF4-FFF2-40B4-BE49-F238E27FC236}">
                <a16:creationId xmlns:a16="http://schemas.microsoft.com/office/drawing/2014/main" id="{961ED742-F733-4F06-90BB-FC437A5694BE}"/>
              </a:ext>
            </a:extLst>
          </p:cNvPr>
          <p:cNvSpPr txBox="1"/>
          <p:nvPr/>
        </p:nvSpPr>
        <p:spPr>
          <a:xfrm>
            <a:off x="1908332" y="5127175"/>
            <a:ext cx="1105602" cy="447633"/>
          </a:xfrm>
          <a:prstGeom prst="rect">
            <a:avLst/>
          </a:prstGeom>
          <a:noFill/>
        </p:spPr>
        <p:txBody>
          <a:bodyPr wrap="square" lIns="0" tIns="0" rIns="0" bIns="0" rtlCol="0">
            <a:noAutofit/>
          </a:bodyPr>
          <a:lstStyle/>
          <a:p>
            <a:pPr algn="ctr"/>
            <a:r>
              <a:rPr lang="da-DK" sz="1400" dirty="0"/>
              <a:t>Professionel støtte</a:t>
            </a:r>
          </a:p>
        </p:txBody>
      </p:sp>
      <p:sp>
        <p:nvSpPr>
          <p:cNvPr id="25" name="Tekstfelt 24">
            <a:extLst>
              <a:ext uri="{FF2B5EF4-FFF2-40B4-BE49-F238E27FC236}">
                <a16:creationId xmlns:a16="http://schemas.microsoft.com/office/drawing/2014/main" id="{2C975C92-E284-40EA-B7C0-7D1430553ED6}"/>
              </a:ext>
            </a:extLst>
          </p:cNvPr>
          <p:cNvSpPr txBox="1"/>
          <p:nvPr/>
        </p:nvSpPr>
        <p:spPr>
          <a:xfrm>
            <a:off x="5335702" y="4761608"/>
            <a:ext cx="1016743" cy="489474"/>
          </a:xfrm>
          <a:prstGeom prst="rect">
            <a:avLst/>
          </a:prstGeom>
          <a:noFill/>
        </p:spPr>
        <p:txBody>
          <a:bodyPr wrap="square" lIns="0" tIns="0" rIns="0" bIns="0" rtlCol="0">
            <a:noAutofit/>
          </a:bodyPr>
          <a:lstStyle/>
          <a:p>
            <a:pPr algn="ctr"/>
            <a:r>
              <a:rPr lang="da-DK" sz="1400" dirty="0"/>
              <a:t>Social støtte</a:t>
            </a:r>
          </a:p>
        </p:txBody>
      </p:sp>
      <p:sp>
        <p:nvSpPr>
          <p:cNvPr id="26" name="Tekstfelt 25">
            <a:extLst>
              <a:ext uri="{FF2B5EF4-FFF2-40B4-BE49-F238E27FC236}">
                <a16:creationId xmlns:a16="http://schemas.microsoft.com/office/drawing/2014/main" id="{E47505E9-2BAF-4361-BD28-1745E8453E3B}"/>
              </a:ext>
            </a:extLst>
          </p:cNvPr>
          <p:cNvSpPr txBox="1"/>
          <p:nvPr/>
        </p:nvSpPr>
        <p:spPr>
          <a:xfrm>
            <a:off x="5335702" y="2299838"/>
            <a:ext cx="1016743" cy="489474"/>
          </a:xfrm>
          <a:prstGeom prst="rect">
            <a:avLst/>
          </a:prstGeom>
          <a:noFill/>
        </p:spPr>
        <p:txBody>
          <a:bodyPr wrap="square" lIns="0" tIns="0" rIns="0" bIns="0" rtlCol="0">
            <a:noAutofit/>
          </a:bodyPr>
          <a:lstStyle/>
          <a:p>
            <a:pPr algn="ctr"/>
            <a:r>
              <a:rPr lang="da-DK" sz="1400" b="1" dirty="0"/>
              <a:t>Oplevelse af risiko og udsathed</a:t>
            </a:r>
          </a:p>
        </p:txBody>
      </p:sp>
      <p:sp>
        <p:nvSpPr>
          <p:cNvPr id="27" name="Tekstfelt 26">
            <a:extLst>
              <a:ext uri="{FF2B5EF4-FFF2-40B4-BE49-F238E27FC236}">
                <a16:creationId xmlns:a16="http://schemas.microsoft.com/office/drawing/2014/main" id="{F794732B-4D33-46A0-AAFB-8A7C17B03236}"/>
              </a:ext>
            </a:extLst>
          </p:cNvPr>
          <p:cNvSpPr txBox="1"/>
          <p:nvPr/>
        </p:nvSpPr>
        <p:spPr>
          <a:xfrm>
            <a:off x="6609725" y="2287076"/>
            <a:ext cx="1016743" cy="489474"/>
          </a:xfrm>
          <a:prstGeom prst="rect">
            <a:avLst/>
          </a:prstGeom>
          <a:noFill/>
        </p:spPr>
        <p:txBody>
          <a:bodyPr wrap="square" lIns="0" tIns="0" rIns="0" bIns="0" rtlCol="0">
            <a:noAutofit/>
          </a:bodyPr>
          <a:lstStyle/>
          <a:p>
            <a:pPr algn="ctr"/>
            <a:r>
              <a:rPr lang="da-DK" sz="1400" dirty="0"/>
              <a:t>Oplevelse af adfærdens betydning</a:t>
            </a:r>
          </a:p>
        </p:txBody>
      </p:sp>
      <p:sp>
        <p:nvSpPr>
          <p:cNvPr id="28" name="Tekstfelt 27">
            <a:extLst>
              <a:ext uri="{FF2B5EF4-FFF2-40B4-BE49-F238E27FC236}">
                <a16:creationId xmlns:a16="http://schemas.microsoft.com/office/drawing/2014/main" id="{1A326BFE-7094-4122-88CF-8EDBCEA0B6DC}"/>
              </a:ext>
            </a:extLst>
          </p:cNvPr>
          <p:cNvSpPr txBox="1"/>
          <p:nvPr/>
        </p:nvSpPr>
        <p:spPr>
          <a:xfrm>
            <a:off x="6769851" y="4272588"/>
            <a:ext cx="1016743" cy="489474"/>
          </a:xfrm>
          <a:prstGeom prst="rect">
            <a:avLst/>
          </a:prstGeom>
          <a:noFill/>
        </p:spPr>
        <p:txBody>
          <a:bodyPr wrap="square" lIns="0" tIns="0" rIns="0" bIns="0" rtlCol="0">
            <a:noAutofit/>
          </a:bodyPr>
          <a:lstStyle/>
          <a:p>
            <a:pPr algn="ctr"/>
            <a:r>
              <a:rPr lang="da-DK" sz="1400" dirty="0"/>
              <a:t>Sociale roller</a:t>
            </a:r>
          </a:p>
        </p:txBody>
      </p:sp>
      <p:sp>
        <p:nvSpPr>
          <p:cNvPr id="29" name="Tekstfelt 28">
            <a:extLst>
              <a:ext uri="{FF2B5EF4-FFF2-40B4-BE49-F238E27FC236}">
                <a16:creationId xmlns:a16="http://schemas.microsoft.com/office/drawing/2014/main" id="{BE8D8E1C-5EE2-4204-B17F-83C25FE81585}"/>
              </a:ext>
            </a:extLst>
          </p:cNvPr>
          <p:cNvSpPr txBox="1"/>
          <p:nvPr/>
        </p:nvSpPr>
        <p:spPr>
          <a:xfrm>
            <a:off x="6709090" y="4840533"/>
            <a:ext cx="1016743" cy="489474"/>
          </a:xfrm>
          <a:prstGeom prst="rect">
            <a:avLst/>
          </a:prstGeom>
          <a:noFill/>
        </p:spPr>
        <p:txBody>
          <a:bodyPr wrap="square" lIns="0" tIns="0" rIns="0" bIns="0" rtlCol="0">
            <a:noAutofit/>
          </a:bodyPr>
          <a:lstStyle/>
          <a:p>
            <a:pPr algn="ctr"/>
            <a:r>
              <a:rPr lang="da-DK" sz="1400" dirty="0"/>
              <a:t>Netværk</a:t>
            </a:r>
          </a:p>
        </p:txBody>
      </p:sp>
      <p:sp>
        <p:nvSpPr>
          <p:cNvPr id="30" name="Tekstfelt 29">
            <a:extLst>
              <a:ext uri="{FF2B5EF4-FFF2-40B4-BE49-F238E27FC236}">
                <a16:creationId xmlns:a16="http://schemas.microsoft.com/office/drawing/2014/main" id="{EF6C7A1B-73FC-4048-82D5-C2818EFBF7C0}"/>
              </a:ext>
            </a:extLst>
          </p:cNvPr>
          <p:cNvSpPr txBox="1"/>
          <p:nvPr/>
        </p:nvSpPr>
        <p:spPr>
          <a:xfrm>
            <a:off x="6709090" y="5236073"/>
            <a:ext cx="1016743" cy="489474"/>
          </a:xfrm>
          <a:prstGeom prst="rect">
            <a:avLst/>
          </a:prstGeom>
          <a:noFill/>
        </p:spPr>
        <p:txBody>
          <a:bodyPr wrap="square" lIns="0" tIns="0" rIns="0" bIns="0" rtlCol="0">
            <a:noAutofit/>
          </a:bodyPr>
          <a:lstStyle/>
          <a:p>
            <a:pPr algn="ctr"/>
            <a:r>
              <a:rPr lang="da-DK" sz="1400" dirty="0"/>
              <a:t>Ressourcer</a:t>
            </a:r>
          </a:p>
        </p:txBody>
      </p:sp>
      <p:sp>
        <p:nvSpPr>
          <p:cNvPr id="31" name="Tekstfelt 30">
            <a:extLst>
              <a:ext uri="{FF2B5EF4-FFF2-40B4-BE49-F238E27FC236}">
                <a16:creationId xmlns:a16="http://schemas.microsoft.com/office/drawing/2014/main" id="{7BB25AFD-1730-4127-866C-F939C7688A28}"/>
              </a:ext>
            </a:extLst>
          </p:cNvPr>
          <p:cNvSpPr txBox="1"/>
          <p:nvPr/>
        </p:nvSpPr>
        <p:spPr>
          <a:xfrm>
            <a:off x="5343958" y="5127175"/>
            <a:ext cx="1016743" cy="489474"/>
          </a:xfrm>
          <a:prstGeom prst="rect">
            <a:avLst/>
          </a:prstGeom>
          <a:noFill/>
        </p:spPr>
        <p:txBody>
          <a:bodyPr wrap="square" lIns="0" tIns="0" rIns="0" bIns="0" rtlCol="0">
            <a:noAutofit/>
          </a:bodyPr>
          <a:lstStyle/>
          <a:p>
            <a:pPr algn="ctr"/>
            <a:r>
              <a:rPr lang="da-DK" sz="1400" dirty="0"/>
              <a:t>Adgang til</a:t>
            </a:r>
          </a:p>
          <a:p>
            <a:pPr algn="ctr"/>
            <a:r>
              <a:rPr lang="da-DK" sz="1400" dirty="0"/>
              <a:t>social støtte</a:t>
            </a:r>
          </a:p>
        </p:txBody>
      </p:sp>
      <p:sp>
        <p:nvSpPr>
          <p:cNvPr id="3" name="Tekstfelt 2">
            <a:extLst>
              <a:ext uri="{FF2B5EF4-FFF2-40B4-BE49-F238E27FC236}">
                <a16:creationId xmlns:a16="http://schemas.microsoft.com/office/drawing/2014/main" id="{96EC5023-76F9-4547-838D-007941EB699E}"/>
              </a:ext>
            </a:extLst>
          </p:cNvPr>
          <p:cNvSpPr txBox="1"/>
          <p:nvPr/>
        </p:nvSpPr>
        <p:spPr>
          <a:xfrm>
            <a:off x="1368000" y="5725285"/>
            <a:ext cx="7092000" cy="425602"/>
          </a:xfrm>
          <a:prstGeom prst="rect">
            <a:avLst/>
          </a:prstGeom>
          <a:noFill/>
        </p:spPr>
        <p:txBody>
          <a:bodyPr wrap="square" lIns="0" tIns="0" rIns="0" bIns="0" rtlCol="0">
            <a:noAutofit/>
          </a:bodyPr>
          <a:lstStyle/>
          <a:p>
            <a:pPr algn="ctr"/>
            <a:r>
              <a:rPr lang="da-DK" sz="2400" dirty="0">
                <a:solidFill>
                  <a:srgbClr val="FF0000"/>
                </a:solidFill>
              </a:rPr>
              <a:t>Høj kompleksitet </a:t>
            </a:r>
            <a:r>
              <a:rPr lang="da-DK" sz="2400" dirty="0">
                <a:solidFill>
                  <a:srgbClr val="FF0000"/>
                </a:solidFill>
                <a:sym typeface="Wingdings 3" panose="05040102010807070707" pitchFamily="18" charset="2"/>
              </a:rPr>
              <a:t></a:t>
            </a:r>
            <a:r>
              <a:rPr lang="da-DK" sz="2400" dirty="0">
                <a:solidFill>
                  <a:srgbClr val="FF0000"/>
                </a:solidFill>
              </a:rPr>
              <a:t> Ingen </a:t>
            </a:r>
            <a:r>
              <a:rPr lang="da-DK" sz="2400" i="1" dirty="0" err="1">
                <a:solidFill>
                  <a:srgbClr val="FF0000"/>
                </a:solidFill>
              </a:rPr>
              <a:t>one</a:t>
            </a:r>
            <a:r>
              <a:rPr lang="da-DK" sz="2400" i="1" dirty="0">
                <a:solidFill>
                  <a:srgbClr val="FF0000"/>
                </a:solidFill>
              </a:rPr>
              <a:t>-</a:t>
            </a:r>
            <a:r>
              <a:rPr lang="da-DK" sz="2400" i="1" dirty="0" err="1">
                <a:solidFill>
                  <a:srgbClr val="FF0000"/>
                </a:solidFill>
              </a:rPr>
              <a:t>fits</a:t>
            </a:r>
            <a:r>
              <a:rPr lang="da-DK" sz="2400" i="1" dirty="0">
                <a:solidFill>
                  <a:srgbClr val="FF0000"/>
                </a:solidFill>
              </a:rPr>
              <a:t>-all </a:t>
            </a:r>
            <a:r>
              <a:rPr lang="da-DK" sz="2400" dirty="0">
                <a:solidFill>
                  <a:srgbClr val="FF0000"/>
                </a:solidFill>
              </a:rPr>
              <a:t>løsninger</a:t>
            </a:r>
          </a:p>
        </p:txBody>
      </p:sp>
      <p:sp>
        <p:nvSpPr>
          <p:cNvPr id="32" name="Rektangel 31">
            <a:extLst>
              <a:ext uri="{FF2B5EF4-FFF2-40B4-BE49-F238E27FC236}">
                <a16:creationId xmlns:a16="http://schemas.microsoft.com/office/drawing/2014/main" id="{742ABB69-6FE3-40DC-81EB-6D2A1C26FCBC}"/>
              </a:ext>
            </a:extLst>
          </p:cNvPr>
          <p:cNvSpPr/>
          <p:nvPr/>
        </p:nvSpPr>
        <p:spPr>
          <a:xfrm>
            <a:off x="5288091" y="2257517"/>
            <a:ext cx="1116390" cy="71350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32021264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E03B74-0A01-425E-87CF-BB8AF3A28B57}"/>
              </a:ext>
            </a:extLst>
          </p:cNvPr>
          <p:cNvSpPr>
            <a:spLocks noGrp="1"/>
          </p:cNvSpPr>
          <p:nvPr>
            <p:ph type="title"/>
          </p:nvPr>
        </p:nvSpPr>
        <p:spPr/>
        <p:txBody>
          <a:bodyPr/>
          <a:lstStyle/>
          <a:p>
            <a:pPr algn="ctr"/>
            <a:r>
              <a:rPr lang="da-DK" dirty="0"/>
              <a:t>Sundhedsadfærd efter apopleksi</a:t>
            </a:r>
            <a:br>
              <a:rPr lang="da-DK" dirty="0"/>
            </a:br>
            <a:r>
              <a:rPr lang="da-DK" sz="2400" b="0" i="1" dirty="0"/>
              <a:t>Facilitatorer og barrierer</a:t>
            </a:r>
            <a:endParaRPr lang="da-DK" b="0" i="1" dirty="0"/>
          </a:p>
        </p:txBody>
      </p:sp>
      <p:sp>
        <p:nvSpPr>
          <p:cNvPr id="4" name="Pladsholder til dato 3">
            <a:extLst>
              <a:ext uri="{FF2B5EF4-FFF2-40B4-BE49-F238E27FC236}">
                <a16:creationId xmlns:a16="http://schemas.microsoft.com/office/drawing/2014/main" id="{4950CB1A-CB3C-4E3F-BA55-183DD1E06326}"/>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DE047D28-0AB3-4F90-9363-86DC1DC08E05}"/>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2974E286-8DC7-4DC0-A128-8EE92BBEB909}"/>
              </a:ext>
            </a:extLst>
          </p:cNvPr>
          <p:cNvSpPr>
            <a:spLocks noGrp="1"/>
          </p:cNvSpPr>
          <p:nvPr>
            <p:ph type="sldNum" sz="quarter" idx="16"/>
          </p:nvPr>
        </p:nvSpPr>
        <p:spPr/>
        <p:txBody>
          <a:bodyPr/>
          <a:lstStyle/>
          <a:p>
            <a:fld id="{0DAB5548-7253-48D6-B95B-F3D312A72220}" type="slidenum">
              <a:rPr lang="da-DK" smtClean="0"/>
              <a:pPr/>
              <a:t>16</a:t>
            </a:fld>
            <a:endParaRPr lang="da-DK" dirty="0"/>
          </a:p>
        </p:txBody>
      </p:sp>
      <p:sp>
        <p:nvSpPr>
          <p:cNvPr id="12" name="Rektangel: afrundede hjørner 11">
            <a:extLst>
              <a:ext uri="{FF2B5EF4-FFF2-40B4-BE49-F238E27FC236}">
                <a16:creationId xmlns:a16="http://schemas.microsoft.com/office/drawing/2014/main" id="{1C2AF089-5E45-4401-8BB7-72247033A881}"/>
              </a:ext>
            </a:extLst>
          </p:cNvPr>
          <p:cNvSpPr/>
          <p:nvPr/>
        </p:nvSpPr>
        <p:spPr>
          <a:xfrm>
            <a:off x="1835696" y="2132856"/>
            <a:ext cx="2918229" cy="1673357"/>
          </a:xfrm>
          <a:prstGeom prst="roundRect">
            <a:avLst/>
          </a:prstGeom>
          <a:solidFill>
            <a:schemeClr val="accent1">
              <a:lumMod val="20000"/>
              <a:lumOff val="80000"/>
            </a:schemeClr>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afrundede hjørner 14">
            <a:extLst>
              <a:ext uri="{FF2B5EF4-FFF2-40B4-BE49-F238E27FC236}">
                <a16:creationId xmlns:a16="http://schemas.microsoft.com/office/drawing/2014/main" id="{7385CDA6-E377-4F4E-A4DD-7771587F72EC}"/>
              </a:ext>
            </a:extLst>
          </p:cNvPr>
          <p:cNvSpPr/>
          <p:nvPr/>
        </p:nvSpPr>
        <p:spPr>
          <a:xfrm>
            <a:off x="5055691" y="4012954"/>
            <a:ext cx="2908459" cy="1673357"/>
          </a:xfrm>
          <a:prstGeom prst="roundRect">
            <a:avLst/>
          </a:prstGeom>
          <a:solidFill>
            <a:srgbClr val="FFBDD3"/>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DFB1FCAC-F538-4E00-9EC4-93AF3190BCD0}"/>
              </a:ext>
            </a:extLst>
          </p:cNvPr>
          <p:cNvSpPr/>
          <p:nvPr/>
        </p:nvSpPr>
        <p:spPr>
          <a:xfrm>
            <a:off x="5079275" y="2113269"/>
            <a:ext cx="2884875" cy="1673357"/>
          </a:xfrm>
          <a:prstGeom prst="roundRect">
            <a:avLst/>
          </a:prstGeom>
          <a:solidFill>
            <a:srgbClr val="C7E6A4"/>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Rektangel: afrundede hjørner 13">
            <a:extLst>
              <a:ext uri="{FF2B5EF4-FFF2-40B4-BE49-F238E27FC236}">
                <a16:creationId xmlns:a16="http://schemas.microsoft.com/office/drawing/2014/main" id="{D2013218-27DE-4A09-B7DB-47D48F5D7F06}"/>
              </a:ext>
            </a:extLst>
          </p:cNvPr>
          <p:cNvSpPr/>
          <p:nvPr/>
        </p:nvSpPr>
        <p:spPr>
          <a:xfrm>
            <a:off x="1835697" y="4008103"/>
            <a:ext cx="2908459" cy="1673357"/>
          </a:xfrm>
          <a:prstGeom prst="roundRect">
            <a:avLst/>
          </a:prstGeom>
          <a:solidFill>
            <a:srgbClr val="FFE697"/>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 name="Tekstfelt 6">
            <a:extLst>
              <a:ext uri="{FF2B5EF4-FFF2-40B4-BE49-F238E27FC236}">
                <a16:creationId xmlns:a16="http://schemas.microsoft.com/office/drawing/2014/main" id="{5DA55D28-9A27-4403-A74E-0F2A29A55C2D}"/>
              </a:ext>
            </a:extLst>
          </p:cNvPr>
          <p:cNvSpPr txBox="1"/>
          <p:nvPr/>
        </p:nvSpPr>
        <p:spPr>
          <a:xfrm>
            <a:off x="3101180" y="3203158"/>
            <a:ext cx="1728192" cy="674258"/>
          </a:xfrm>
          <a:prstGeom prst="rect">
            <a:avLst/>
          </a:prstGeom>
          <a:solidFill>
            <a:schemeClr val="bg2"/>
          </a:solidFill>
          <a:ln>
            <a:solidFill>
              <a:schemeClr val="bg1">
                <a:lumMod val="50000"/>
              </a:schemeClr>
            </a:solidFill>
          </a:ln>
        </p:spPr>
        <p:txBody>
          <a:bodyPr wrap="square" lIns="0" tIns="0" rIns="0" bIns="0" rtlCol="0" anchor="ctr">
            <a:noAutofit/>
          </a:bodyPr>
          <a:lstStyle/>
          <a:p>
            <a:pPr algn="ctr"/>
            <a:r>
              <a:rPr lang="da-DK" dirty="0"/>
              <a:t>Patienten forudsætninger</a:t>
            </a:r>
          </a:p>
        </p:txBody>
      </p:sp>
      <p:sp>
        <p:nvSpPr>
          <p:cNvPr id="8" name="Tekstfelt 7">
            <a:extLst>
              <a:ext uri="{FF2B5EF4-FFF2-40B4-BE49-F238E27FC236}">
                <a16:creationId xmlns:a16="http://schemas.microsoft.com/office/drawing/2014/main" id="{7A2FD6B4-CEE0-4DAF-B599-E1D5AC33DAD5}"/>
              </a:ext>
            </a:extLst>
          </p:cNvPr>
          <p:cNvSpPr txBox="1"/>
          <p:nvPr/>
        </p:nvSpPr>
        <p:spPr>
          <a:xfrm>
            <a:off x="4979978" y="3197349"/>
            <a:ext cx="1728192" cy="674258"/>
          </a:xfrm>
          <a:prstGeom prst="rect">
            <a:avLst/>
          </a:prstGeom>
          <a:solidFill>
            <a:srgbClr val="92D050"/>
          </a:solidFill>
          <a:ln>
            <a:solidFill>
              <a:schemeClr val="bg1">
                <a:lumMod val="50000"/>
              </a:schemeClr>
            </a:solidFill>
          </a:ln>
        </p:spPr>
        <p:txBody>
          <a:bodyPr wrap="square" lIns="0" tIns="0" rIns="0" bIns="0" rtlCol="0" anchor="ctr">
            <a:noAutofit/>
          </a:bodyPr>
          <a:lstStyle/>
          <a:p>
            <a:pPr algn="ctr"/>
            <a:r>
              <a:rPr lang="da-DK" dirty="0"/>
              <a:t>Oplevelse af situationen</a:t>
            </a:r>
          </a:p>
        </p:txBody>
      </p:sp>
      <p:sp>
        <p:nvSpPr>
          <p:cNvPr id="9" name="Tekstfelt 8">
            <a:extLst>
              <a:ext uri="{FF2B5EF4-FFF2-40B4-BE49-F238E27FC236}">
                <a16:creationId xmlns:a16="http://schemas.microsoft.com/office/drawing/2014/main" id="{0E0DCF1E-262C-4C6C-8821-76C7D90D5DF8}"/>
              </a:ext>
            </a:extLst>
          </p:cNvPr>
          <p:cNvSpPr txBox="1"/>
          <p:nvPr/>
        </p:nvSpPr>
        <p:spPr>
          <a:xfrm>
            <a:off x="3093691" y="3964278"/>
            <a:ext cx="1728193" cy="616621"/>
          </a:xfrm>
          <a:prstGeom prst="rect">
            <a:avLst/>
          </a:prstGeom>
          <a:solidFill>
            <a:srgbClr val="FFC000"/>
          </a:solidFill>
          <a:ln>
            <a:solidFill>
              <a:schemeClr val="bg1">
                <a:lumMod val="50000"/>
              </a:schemeClr>
            </a:solidFill>
          </a:ln>
        </p:spPr>
        <p:txBody>
          <a:bodyPr wrap="square" lIns="0" tIns="0" rIns="0" bIns="0" rtlCol="0" anchor="ctr">
            <a:noAutofit/>
          </a:bodyPr>
          <a:lstStyle/>
          <a:p>
            <a:pPr algn="ctr"/>
            <a:r>
              <a:rPr lang="da-DK" dirty="0"/>
              <a:t>Omgivelses-</a:t>
            </a:r>
          </a:p>
          <a:p>
            <a:pPr algn="ctr"/>
            <a:r>
              <a:rPr lang="da-DK" dirty="0"/>
              <a:t>faktorer</a:t>
            </a:r>
          </a:p>
        </p:txBody>
      </p:sp>
      <p:sp>
        <p:nvSpPr>
          <p:cNvPr id="10" name="Tekstfelt 9">
            <a:extLst>
              <a:ext uri="{FF2B5EF4-FFF2-40B4-BE49-F238E27FC236}">
                <a16:creationId xmlns:a16="http://schemas.microsoft.com/office/drawing/2014/main" id="{98CFF0C2-0E56-42CC-80BB-EAE1A985ECF9}"/>
              </a:ext>
            </a:extLst>
          </p:cNvPr>
          <p:cNvSpPr txBox="1"/>
          <p:nvPr/>
        </p:nvSpPr>
        <p:spPr>
          <a:xfrm>
            <a:off x="4977963" y="3960433"/>
            <a:ext cx="1728192" cy="620466"/>
          </a:xfrm>
          <a:prstGeom prst="rect">
            <a:avLst/>
          </a:prstGeom>
          <a:solidFill>
            <a:srgbClr val="FF6699"/>
          </a:solidFill>
          <a:ln>
            <a:solidFill>
              <a:schemeClr val="bg1">
                <a:lumMod val="50000"/>
              </a:schemeClr>
            </a:solidFill>
          </a:ln>
        </p:spPr>
        <p:txBody>
          <a:bodyPr wrap="square" lIns="0" tIns="0" rIns="0" bIns="0" rtlCol="0" anchor="ctr">
            <a:noAutofit/>
          </a:bodyPr>
          <a:lstStyle/>
          <a:p>
            <a:pPr algn="ctr"/>
            <a:r>
              <a:rPr lang="da-DK" dirty="0"/>
              <a:t>Social kontekst</a:t>
            </a:r>
          </a:p>
        </p:txBody>
      </p:sp>
      <p:sp>
        <p:nvSpPr>
          <p:cNvPr id="11" name="Tekstfelt 10">
            <a:extLst>
              <a:ext uri="{FF2B5EF4-FFF2-40B4-BE49-F238E27FC236}">
                <a16:creationId xmlns:a16="http://schemas.microsoft.com/office/drawing/2014/main" id="{19F97B95-65D7-4863-B6A4-477FBE868CB3}"/>
              </a:ext>
            </a:extLst>
          </p:cNvPr>
          <p:cNvSpPr txBox="1"/>
          <p:nvPr/>
        </p:nvSpPr>
        <p:spPr>
          <a:xfrm>
            <a:off x="2271535" y="3359744"/>
            <a:ext cx="792038" cy="324036"/>
          </a:xfrm>
          <a:prstGeom prst="rect">
            <a:avLst/>
          </a:prstGeom>
          <a:noFill/>
        </p:spPr>
        <p:txBody>
          <a:bodyPr wrap="square" lIns="0" tIns="0" rIns="0" bIns="0" rtlCol="0">
            <a:noAutofit/>
          </a:bodyPr>
          <a:lstStyle/>
          <a:p>
            <a:r>
              <a:rPr lang="da-DK" sz="1400" dirty="0"/>
              <a:t>Viden</a:t>
            </a:r>
          </a:p>
        </p:txBody>
      </p:sp>
      <p:sp>
        <p:nvSpPr>
          <p:cNvPr id="16" name="Tekstfelt 15">
            <a:extLst>
              <a:ext uri="{FF2B5EF4-FFF2-40B4-BE49-F238E27FC236}">
                <a16:creationId xmlns:a16="http://schemas.microsoft.com/office/drawing/2014/main" id="{2E4D4AEA-1A45-49CA-A73C-11E2BF93FA3A}"/>
              </a:ext>
            </a:extLst>
          </p:cNvPr>
          <p:cNvSpPr txBox="1"/>
          <p:nvPr/>
        </p:nvSpPr>
        <p:spPr>
          <a:xfrm>
            <a:off x="3422462" y="2277019"/>
            <a:ext cx="1017377" cy="324036"/>
          </a:xfrm>
          <a:prstGeom prst="rect">
            <a:avLst/>
          </a:prstGeom>
          <a:noFill/>
        </p:spPr>
        <p:txBody>
          <a:bodyPr wrap="square" lIns="0" tIns="0" rIns="0" bIns="0" rtlCol="0">
            <a:noAutofit/>
          </a:bodyPr>
          <a:lstStyle/>
          <a:p>
            <a:r>
              <a:rPr lang="da-DK" sz="1400" dirty="0"/>
              <a:t>Færdigheder</a:t>
            </a:r>
          </a:p>
        </p:txBody>
      </p:sp>
      <p:sp>
        <p:nvSpPr>
          <p:cNvPr id="17" name="Tekstfelt 16">
            <a:extLst>
              <a:ext uri="{FF2B5EF4-FFF2-40B4-BE49-F238E27FC236}">
                <a16:creationId xmlns:a16="http://schemas.microsoft.com/office/drawing/2014/main" id="{FB944095-AF0F-40B1-98CA-8616C041F8D4}"/>
              </a:ext>
            </a:extLst>
          </p:cNvPr>
          <p:cNvSpPr txBox="1"/>
          <p:nvPr/>
        </p:nvSpPr>
        <p:spPr>
          <a:xfrm>
            <a:off x="1956083" y="2776550"/>
            <a:ext cx="1233760" cy="324036"/>
          </a:xfrm>
          <a:prstGeom prst="rect">
            <a:avLst/>
          </a:prstGeom>
          <a:noFill/>
        </p:spPr>
        <p:txBody>
          <a:bodyPr wrap="square" lIns="0" tIns="0" rIns="0" bIns="0" rtlCol="0">
            <a:noAutofit/>
          </a:bodyPr>
          <a:lstStyle/>
          <a:p>
            <a:pPr algn="ctr"/>
            <a:r>
              <a:rPr lang="da-DK" sz="1400" b="1" dirty="0"/>
              <a:t>Neurologiske udfald</a:t>
            </a:r>
          </a:p>
        </p:txBody>
      </p:sp>
      <p:sp>
        <p:nvSpPr>
          <p:cNvPr id="18" name="Tekstfelt 17">
            <a:extLst>
              <a:ext uri="{FF2B5EF4-FFF2-40B4-BE49-F238E27FC236}">
                <a16:creationId xmlns:a16="http://schemas.microsoft.com/office/drawing/2014/main" id="{C9BC3806-6735-4B68-8C54-0808488EA9A6}"/>
              </a:ext>
            </a:extLst>
          </p:cNvPr>
          <p:cNvSpPr txBox="1"/>
          <p:nvPr/>
        </p:nvSpPr>
        <p:spPr>
          <a:xfrm>
            <a:off x="6783384" y="3213523"/>
            <a:ext cx="1041594" cy="324036"/>
          </a:xfrm>
          <a:prstGeom prst="rect">
            <a:avLst/>
          </a:prstGeom>
          <a:noFill/>
        </p:spPr>
        <p:txBody>
          <a:bodyPr wrap="square" lIns="0" tIns="0" rIns="0" bIns="0" rtlCol="0">
            <a:noAutofit/>
          </a:bodyPr>
          <a:lstStyle/>
          <a:p>
            <a:pPr algn="ctr"/>
            <a:r>
              <a:rPr lang="da-DK" sz="1400" dirty="0"/>
              <a:t>Holdninger</a:t>
            </a:r>
          </a:p>
        </p:txBody>
      </p:sp>
      <p:sp>
        <p:nvSpPr>
          <p:cNvPr id="19" name="Tekstfelt 18">
            <a:extLst>
              <a:ext uri="{FF2B5EF4-FFF2-40B4-BE49-F238E27FC236}">
                <a16:creationId xmlns:a16="http://schemas.microsoft.com/office/drawing/2014/main" id="{3B0FF106-8860-44F8-B655-433F4D41EE6E}"/>
              </a:ext>
            </a:extLst>
          </p:cNvPr>
          <p:cNvSpPr txBox="1"/>
          <p:nvPr/>
        </p:nvSpPr>
        <p:spPr>
          <a:xfrm>
            <a:off x="3486252" y="2626626"/>
            <a:ext cx="792038" cy="324036"/>
          </a:xfrm>
          <a:prstGeom prst="rect">
            <a:avLst/>
          </a:prstGeom>
          <a:noFill/>
        </p:spPr>
        <p:txBody>
          <a:bodyPr wrap="square" lIns="0" tIns="0" rIns="0" bIns="0" rtlCol="0">
            <a:noAutofit/>
          </a:bodyPr>
          <a:lstStyle/>
          <a:p>
            <a:pPr algn="ctr"/>
            <a:r>
              <a:rPr lang="da-DK" sz="1400" dirty="0"/>
              <a:t>Tidligere vaner</a:t>
            </a:r>
          </a:p>
        </p:txBody>
      </p:sp>
      <p:sp>
        <p:nvSpPr>
          <p:cNvPr id="20" name="Tekstfelt 19">
            <a:extLst>
              <a:ext uri="{FF2B5EF4-FFF2-40B4-BE49-F238E27FC236}">
                <a16:creationId xmlns:a16="http://schemas.microsoft.com/office/drawing/2014/main" id="{C1362900-7C68-47C0-85CC-50E325E45F42}"/>
              </a:ext>
            </a:extLst>
          </p:cNvPr>
          <p:cNvSpPr txBox="1"/>
          <p:nvPr/>
        </p:nvSpPr>
        <p:spPr>
          <a:xfrm>
            <a:off x="1972989" y="2271517"/>
            <a:ext cx="1161486" cy="324036"/>
          </a:xfrm>
          <a:prstGeom prst="rect">
            <a:avLst/>
          </a:prstGeom>
          <a:noFill/>
        </p:spPr>
        <p:txBody>
          <a:bodyPr wrap="square" lIns="0" tIns="0" rIns="0" bIns="0" rtlCol="0">
            <a:noAutofit/>
          </a:bodyPr>
          <a:lstStyle/>
          <a:p>
            <a:pPr algn="ctr"/>
            <a:r>
              <a:rPr lang="da-DK" sz="1400" dirty="0"/>
              <a:t>Psykologiske faktorer</a:t>
            </a:r>
          </a:p>
        </p:txBody>
      </p:sp>
      <p:sp>
        <p:nvSpPr>
          <p:cNvPr id="21" name="Tekstfelt 20">
            <a:extLst>
              <a:ext uri="{FF2B5EF4-FFF2-40B4-BE49-F238E27FC236}">
                <a16:creationId xmlns:a16="http://schemas.microsoft.com/office/drawing/2014/main" id="{CB8B2071-CED4-41F6-9D60-6473668FFF26}"/>
              </a:ext>
            </a:extLst>
          </p:cNvPr>
          <p:cNvSpPr txBox="1"/>
          <p:nvPr/>
        </p:nvSpPr>
        <p:spPr>
          <a:xfrm>
            <a:off x="1873656" y="4150954"/>
            <a:ext cx="1105602" cy="447633"/>
          </a:xfrm>
          <a:prstGeom prst="rect">
            <a:avLst/>
          </a:prstGeom>
          <a:noFill/>
        </p:spPr>
        <p:txBody>
          <a:bodyPr wrap="square" lIns="0" tIns="0" rIns="0" bIns="0" rtlCol="0">
            <a:noAutofit/>
          </a:bodyPr>
          <a:lstStyle/>
          <a:p>
            <a:pPr algn="ctr"/>
            <a:r>
              <a:rPr lang="da-DK" sz="1400" b="1" dirty="0"/>
              <a:t>Sikre omgivelser</a:t>
            </a:r>
          </a:p>
        </p:txBody>
      </p:sp>
      <p:sp>
        <p:nvSpPr>
          <p:cNvPr id="22" name="Tekstfelt 21">
            <a:extLst>
              <a:ext uri="{FF2B5EF4-FFF2-40B4-BE49-F238E27FC236}">
                <a16:creationId xmlns:a16="http://schemas.microsoft.com/office/drawing/2014/main" id="{5EDB99EB-F5EB-4DF9-8FE5-AC3FD5AF571D}"/>
              </a:ext>
            </a:extLst>
          </p:cNvPr>
          <p:cNvSpPr txBox="1"/>
          <p:nvPr/>
        </p:nvSpPr>
        <p:spPr>
          <a:xfrm>
            <a:off x="1876139" y="4742129"/>
            <a:ext cx="1105602" cy="447633"/>
          </a:xfrm>
          <a:prstGeom prst="rect">
            <a:avLst/>
          </a:prstGeom>
          <a:noFill/>
        </p:spPr>
        <p:txBody>
          <a:bodyPr wrap="square" lIns="0" tIns="0" rIns="0" bIns="0" rtlCol="0">
            <a:noAutofit/>
          </a:bodyPr>
          <a:lstStyle/>
          <a:p>
            <a:pPr algn="ctr"/>
            <a:r>
              <a:rPr lang="da-DK" sz="1400" b="1" dirty="0"/>
              <a:t>Transport</a:t>
            </a:r>
          </a:p>
        </p:txBody>
      </p:sp>
      <p:sp>
        <p:nvSpPr>
          <p:cNvPr id="23" name="Tekstfelt 22">
            <a:extLst>
              <a:ext uri="{FF2B5EF4-FFF2-40B4-BE49-F238E27FC236}">
                <a16:creationId xmlns:a16="http://schemas.microsoft.com/office/drawing/2014/main" id="{F25E7759-5A8E-484B-9F60-B311E3E4237F}"/>
              </a:ext>
            </a:extLst>
          </p:cNvPr>
          <p:cNvSpPr txBox="1"/>
          <p:nvPr/>
        </p:nvSpPr>
        <p:spPr>
          <a:xfrm>
            <a:off x="3252906" y="4782789"/>
            <a:ext cx="1105602" cy="616621"/>
          </a:xfrm>
          <a:prstGeom prst="rect">
            <a:avLst/>
          </a:prstGeom>
          <a:noFill/>
        </p:spPr>
        <p:txBody>
          <a:bodyPr wrap="square" lIns="0" tIns="0" rIns="0" bIns="0" rtlCol="0">
            <a:noAutofit/>
          </a:bodyPr>
          <a:lstStyle/>
          <a:p>
            <a:pPr algn="ctr"/>
            <a:r>
              <a:rPr lang="da-DK" sz="1400" dirty="0"/>
              <a:t>Adgang til faciliteter og services</a:t>
            </a:r>
          </a:p>
        </p:txBody>
      </p:sp>
      <p:sp>
        <p:nvSpPr>
          <p:cNvPr id="24" name="Tekstfelt 23">
            <a:extLst>
              <a:ext uri="{FF2B5EF4-FFF2-40B4-BE49-F238E27FC236}">
                <a16:creationId xmlns:a16="http://schemas.microsoft.com/office/drawing/2014/main" id="{961ED742-F733-4F06-90BB-FC437A5694BE}"/>
              </a:ext>
            </a:extLst>
          </p:cNvPr>
          <p:cNvSpPr txBox="1"/>
          <p:nvPr/>
        </p:nvSpPr>
        <p:spPr>
          <a:xfrm>
            <a:off x="1908332" y="5127175"/>
            <a:ext cx="1105602" cy="447633"/>
          </a:xfrm>
          <a:prstGeom prst="rect">
            <a:avLst/>
          </a:prstGeom>
          <a:noFill/>
        </p:spPr>
        <p:txBody>
          <a:bodyPr wrap="square" lIns="0" tIns="0" rIns="0" bIns="0" rtlCol="0">
            <a:noAutofit/>
          </a:bodyPr>
          <a:lstStyle/>
          <a:p>
            <a:pPr algn="ctr"/>
            <a:r>
              <a:rPr lang="da-DK" sz="1400" dirty="0"/>
              <a:t>Professionel støtte</a:t>
            </a:r>
          </a:p>
        </p:txBody>
      </p:sp>
      <p:sp>
        <p:nvSpPr>
          <p:cNvPr id="25" name="Tekstfelt 24">
            <a:extLst>
              <a:ext uri="{FF2B5EF4-FFF2-40B4-BE49-F238E27FC236}">
                <a16:creationId xmlns:a16="http://schemas.microsoft.com/office/drawing/2014/main" id="{2C975C92-E284-40EA-B7C0-7D1430553ED6}"/>
              </a:ext>
            </a:extLst>
          </p:cNvPr>
          <p:cNvSpPr txBox="1"/>
          <p:nvPr/>
        </p:nvSpPr>
        <p:spPr>
          <a:xfrm>
            <a:off x="5335702" y="4761608"/>
            <a:ext cx="1016743" cy="489474"/>
          </a:xfrm>
          <a:prstGeom prst="rect">
            <a:avLst/>
          </a:prstGeom>
          <a:noFill/>
        </p:spPr>
        <p:txBody>
          <a:bodyPr wrap="square" lIns="0" tIns="0" rIns="0" bIns="0" rtlCol="0">
            <a:noAutofit/>
          </a:bodyPr>
          <a:lstStyle/>
          <a:p>
            <a:pPr algn="ctr"/>
            <a:r>
              <a:rPr lang="da-DK" sz="1400" dirty="0"/>
              <a:t>Social støtte</a:t>
            </a:r>
          </a:p>
        </p:txBody>
      </p:sp>
      <p:sp>
        <p:nvSpPr>
          <p:cNvPr id="26" name="Tekstfelt 25">
            <a:extLst>
              <a:ext uri="{FF2B5EF4-FFF2-40B4-BE49-F238E27FC236}">
                <a16:creationId xmlns:a16="http://schemas.microsoft.com/office/drawing/2014/main" id="{E47505E9-2BAF-4361-BD28-1745E8453E3B}"/>
              </a:ext>
            </a:extLst>
          </p:cNvPr>
          <p:cNvSpPr txBox="1"/>
          <p:nvPr/>
        </p:nvSpPr>
        <p:spPr>
          <a:xfrm>
            <a:off x="5335702" y="2299838"/>
            <a:ext cx="1016743" cy="489474"/>
          </a:xfrm>
          <a:prstGeom prst="rect">
            <a:avLst/>
          </a:prstGeom>
          <a:noFill/>
        </p:spPr>
        <p:txBody>
          <a:bodyPr wrap="square" lIns="0" tIns="0" rIns="0" bIns="0" rtlCol="0">
            <a:noAutofit/>
          </a:bodyPr>
          <a:lstStyle/>
          <a:p>
            <a:pPr algn="ctr"/>
            <a:r>
              <a:rPr lang="da-DK" sz="1400" b="1" dirty="0"/>
              <a:t>Oplevelse af risiko og udsathed</a:t>
            </a:r>
          </a:p>
        </p:txBody>
      </p:sp>
      <p:sp>
        <p:nvSpPr>
          <p:cNvPr id="27" name="Tekstfelt 26">
            <a:extLst>
              <a:ext uri="{FF2B5EF4-FFF2-40B4-BE49-F238E27FC236}">
                <a16:creationId xmlns:a16="http://schemas.microsoft.com/office/drawing/2014/main" id="{F794732B-4D33-46A0-AAFB-8A7C17B03236}"/>
              </a:ext>
            </a:extLst>
          </p:cNvPr>
          <p:cNvSpPr txBox="1"/>
          <p:nvPr/>
        </p:nvSpPr>
        <p:spPr>
          <a:xfrm>
            <a:off x="6609725" y="2287076"/>
            <a:ext cx="1016743" cy="489474"/>
          </a:xfrm>
          <a:prstGeom prst="rect">
            <a:avLst/>
          </a:prstGeom>
          <a:noFill/>
        </p:spPr>
        <p:txBody>
          <a:bodyPr wrap="square" lIns="0" tIns="0" rIns="0" bIns="0" rtlCol="0">
            <a:noAutofit/>
          </a:bodyPr>
          <a:lstStyle/>
          <a:p>
            <a:pPr algn="ctr"/>
            <a:r>
              <a:rPr lang="da-DK" sz="1400" dirty="0"/>
              <a:t>Oplevelse af adfærdens betydning</a:t>
            </a:r>
          </a:p>
        </p:txBody>
      </p:sp>
      <p:sp>
        <p:nvSpPr>
          <p:cNvPr id="28" name="Tekstfelt 27">
            <a:extLst>
              <a:ext uri="{FF2B5EF4-FFF2-40B4-BE49-F238E27FC236}">
                <a16:creationId xmlns:a16="http://schemas.microsoft.com/office/drawing/2014/main" id="{1A326BFE-7094-4122-88CF-8EDBCEA0B6DC}"/>
              </a:ext>
            </a:extLst>
          </p:cNvPr>
          <p:cNvSpPr txBox="1"/>
          <p:nvPr/>
        </p:nvSpPr>
        <p:spPr>
          <a:xfrm>
            <a:off x="6769851" y="4272588"/>
            <a:ext cx="1016743" cy="489474"/>
          </a:xfrm>
          <a:prstGeom prst="rect">
            <a:avLst/>
          </a:prstGeom>
          <a:noFill/>
        </p:spPr>
        <p:txBody>
          <a:bodyPr wrap="square" lIns="0" tIns="0" rIns="0" bIns="0" rtlCol="0">
            <a:noAutofit/>
          </a:bodyPr>
          <a:lstStyle/>
          <a:p>
            <a:pPr algn="ctr"/>
            <a:r>
              <a:rPr lang="da-DK" sz="1400" dirty="0"/>
              <a:t>Sociale roller</a:t>
            </a:r>
          </a:p>
        </p:txBody>
      </p:sp>
      <p:sp>
        <p:nvSpPr>
          <p:cNvPr id="29" name="Tekstfelt 28">
            <a:extLst>
              <a:ext uri="{FF2B5EF4-FFF2-40B4-BE49-F238E27FC236}">
                <a16:creationId xmlns:a16="http://schemas.microsoft.com/office/drawing/2014/main" id="{BE8D8E1C-5EE2-4204-B17F-83C25FE81585}"/>
              </a:ext>
            </a:extLst>
          </p:cNvPr>
          <p:cNvSpPr txBox="1"/>
          <p:nvPr/>
        </p:nvSpPr>
        <p:spPr>
          <a:xfrm>
            <a:off x="6709090" y="4840533"/>
            <a:ext cx="1016743" cy="489474"/>
          </a:xfrm>
          <a:prstGeom prst="rect">
            <a:avLst/>
          </a:prstGeom>
          <a:noFill/>
        </p:spPr>
        <p:txBody>
          <a:bodyPr wrap="square" lIns="0" tIns="0" rIns="0" bIns="0" rtlCol="0">
            <a:noAutofit/>
          </a:bodyPr>
          <a:lstStyle/>
          <a:p>
            <a:pPr algn="ctr"/>
            <a:r>
              <a:rPr lang="da-DK" sz="1400" dirty="0"/>
              <a:t>Netværk</a:t>
            </a:r>
          </a:p>
        </p:txBody>
      </p:sp>
      <p:sp>
        <p:nvSpPr>
          <p:cNvPr id="30" name="Tekstfelt 29">
            <a:extLst>
              <a:ext uri="{FF2B5EF4-FFF2-40B4-BE49-F238E27FC236}">
                <a16:creationId xmlns:a16="http://schemas.microsoft.com/office/drawing/2014/main" id="{EF6C7A1B-73FC-4048-82D5-C2818EFBF7C0}"/>
              </a:ext>
            </a:extLst>
          </p:cNvPr>
          <p:cNvSpPr txBox="1"/>
          <p:nvPr/>
        </p:nvSpPr>
        <p:spPr>
          <a:xfrm>
            <a:off x="6709090" y="5236073"/>
            <a:ext cx="1016743" cy="489474"/>
          </a:xfrm>
          <a:prstGeom prst="rect">
            <a:avLst/>
          </a:prstGeom>
          <a:noFill/>
        </p:spPr>
        <p:txBody>
          <a:bodyPr wrap="square" lIns="0" tIns="0" rIns="0" bIns="0" rtlCol="0">
            <a:noAutofit/>
          </a:bodyPr>
          <a:lstStyle/>
          <a:p>
            <a:pPr algn="ctr"/>
            <a:r>
              <a:rPr lang="da-DK" sz="1400" dirty="0"/>
              <a:t>Ressourcer</a:t>
            </a:r>
          </a:p>
        </p:txBody>
      </p:sp>
      <p:sp>
        <p:nvSpPr>
          <p:cNvPr id="31" name="Tekstfelt 30">
            <a:extLst>
              <a:ext uri="{FF2B5EF4-FFF2-40B4-BE49-F238E27FC236}">
                <a16:creationId xmlns:a16="http://schemas.microsoft.com/office/drawing/2014/main" id="{7BB25AFD-1730-4127-866C-F939C7688A28}"/>
              </a:ext>
            </a:extLst>
          </p:cNvPr>
          <p:cNvSpPr txBox="1"/>
          <p:nvPr/>
        </p:nvSpPr>
        <p:spPr>
          <a:xfrm>
            <a:off x="5343958" y="5127175"/>
            <a:ext cx="1016743" cy="489474"/>
          </a:xfrm>
          <a:prstGeom prst="rect">
            <a:avLst/>
          </a:prstGeom>
          <a:noFill/>
        </p:spPr>
        <p:txBody>
          <a:bodyPr wrap="square" lIns="0" tIns="0" rIns="0" bIns="0" rtlCol="0">
            <a:noAutofit/>
          </a:bodyPr>
          <a:lstStyle/>
          <a:p>
            <a:pPr algn="ctr"/>
            <a:r>
              <a:rPr lang="da-DK" sz="1400" dirty="0"/>
              <a:t>Adgang til</a:t>
            </a:r>
          </a:p>
          <a:p>
            <a:pPr algn="ctr"/>
            <a:r>
              <a:rPr lang="da-DK" sz="1400" dirty="0"/>
              <a:t>social støtte</a:t>
            </a:r>
          </a:p>
        </p:txBody>
      </p:sp>
      <p:sp>
        <p:nvSpPr>
          <p:cNvPr id="3" name="Tekstfelt 2">
            <a:extLst>
              <a:ext uri="{FF2B5EF4-FFF2-40B4-BE49-F238E27FC236}">
                <a16:creationId xmlns:a16="http://schemas.microsoft.com/office/drawing/2014/main" id="{96EC5023-76F9-4547-838D-007941EB699E}"/>
              </a:ext>
            </a:extLst>
          </p:cNvPr>
          <p:cNvSpPr txBox="1"/>
          <p:nvPr/>
        </p:nvSpPr>
        <p:spPr>
          <a:xfrm>
            <a:off x="1368000" y="5725285"/>
            <a:ext cx="7092000" cy="425602"/>
          </a:xfrm>
          <a:prstGeom prst="rect">
            <a:avLst/>
          </a:prstGeom>
          <a:noFill/>
        </p:spPr>
        <p:txBody>
          <a:bodyPr wrap="square" lIns="0" tIns="0" rIns="0" bIns="0" rtlCol="0">
            <a:noAutofit/>
          </a:bodyPr>
          <a:lstStyle/>
          <a:p>
            <a:pPr algn="ctr"/>
            <a:r>
              <a:rPr lang="da-DK" sz="2400" dirty="0">
                <a:solidFill>
                  <a:srgbClr val="FF0000"/>
                </a:solidFill>
              </a:rPr>
              <a:t>Høj kompleksitet </a:t>
            </a:r>
            <a:r>
              <a:rPr lang="da-DK" sz="2400" dirty="0">
                <a:solidFill>
                  <a:srgbClr val="FF0000"/>
                </a:solidFill>
                <a:sym typeface="Wingdings 3" panose="05040102010807070707" pitchFamily="18" charset="2"/>
              </a:rPr>
              <a:t></a:t>
            </a:r>
            <a:r>
              <a:rPr lang="da-DK" sz="2400" dirty="0">
                <a:solidFill>
                  <a:srgbClr val="FF0000"/>
                </a:solidFill>
              </a:rPr>
              <a:t> Ingen </a:t>
            </a:r>
            <a:r>
              <a:rPr lang="da-DK" sz="2400" i="1" dirty="0" err="1">
                <a:solidFill>
                  <a:srgbClr val="FF0000"/>
                </a:solidFill>
              </a:rPr>
              <a:t>one</a:t>
            </a:r>
            <a:r>
              <a:rPr lang="da-DK" sz="2400" i="1" dirty="0">
                <a:solidFill>
                  <a:srgbClr val="FF0000"/>
                </a:solidFill>
              </a:rPr>
              <a:t>-</a:t>
            </a:r>
            <a:r>
              <a:rPr lang="da-DK" sz="2400" i="1" dirty="0" err="1">
                <a:solidFill>
                  <a:srgbClr val="FF0000"/>
                </a:solidFill>
              </a:rPr>
              <a:t>fits</a:t>
            </a:r>
            <a:r>
              <a:rPr lang="da-DK" sz="2400" i="1" dirty="0">
                <a:solidFill>
                  <a:srgbClr val="FF0000"/>
                </a:solidFill>
              </a:rPr>
              <a:t>-all </a:t>
            </a:r>
            <a:r>
              <a:rPr lang="da-DK" sz="2400" dirty="0">
                <a:solidFill>
                  <a:srgbClr val="FF0000"/>
                </a:solidFill>
              </a:rPr>
              <a:t>løsninger</a:t>
            </a:r>
          </a:p>
        </p:txBody>
      </p:sp>
      <p:sp>
        <p:nvSpPr>
          <p:cNvPr id="32" name="Rektangel 31">
            <a:extLst>
              <a:ext uri="{FF2B5EF4-FFF2-40B4-BE49-F238E27FC236}">
                <a16:creationId xmlns:a16="http://schemas.microsoft.com/office/drawing/2014/main" id="{657133FF-9703-44EA-8E4B-0D3F25D0EB0F}"/>
              </a:ext>
            </a:extLst>
          </p:cNvPr>
          <p:cNvSpPr/>
          <p:nvPr/>
        </p:nvSpPr>
        <p:spPr>
          <a:xfrm>
            <a:off x="1908332" y="4093984"/>
            <a:ext cx="1105602" cy="92567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366169508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29F43E5-CA2A-4C1D-836B-69CAD296E377}"/>
              </a:ext>
            </a:extLst>
          </p:cNvPr>
          <p:cNvSpPr>
            <a:spLocks noGrp="1"/>
          </p:cNvSpPr>
          <p:nvPr>
            <p:ph type="title"/>
          </p:nvPr>
        </p:nvSpPr>
        <p:spPr/>
        <p:txBody>
          <a:bodyPr/>
          <a:lstStyle/>
          <a:p>
            <a:pPr algn="ctr"/>
            <a:r>
              <a:rPr lang="da-DK" dirty="0"/>
              <a:t>Rationale for projektet</a:t>
            </a:r>
          </a:p>
        </p:txBody>
      </p:sp>
      <p:sp>
        <p:nvSpPr>
          <p:cNvPr id="4" name="Pladsholder til dato 3">
            <a:extLst>
              <a:ext uri="{FF2B5EF4-FFF2-40B4-BE49-F238E27FC236}">
                <a16:creationId xmlns:a16="http://schemas.microsoft.com/office/drawing/2014/main" id="{221B4FFC-B83C-4E3A-BECD-81D7F1A8306F}"/>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5002A808-02C2-4C6E-ABBE-E572A11F37AF}"/>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A035F677-DDAD-451A-AE96-E60E29102423}"/>
              </a:ext>
            </a:extLst>
          </p:cNvPr>
          <p:cNvSpPr>
            <a:spLocks noGrp="1"/>
          </p:cNvSpPr>
          <p:nvPr>
            <p:ph type="sldNum" sz="quarter" idx="16"/>
          </p:nvPr>
        </p:nvSpPr>
        <p:spPr/>
        <p:txBody>
          <a:bodyPr/>
          <a:lstStyle/>
          <a:p>
            <a:fld id="{0DAB5548-7253-48D6-B95B-F3D312A72220}" type="slidenum">
              <a:rPr lang="da-DK" smtClean="0"/>
              <a:pPr/>
              <a:t>17</a:t>
            </a:fld>
            <a:endParaRPr lang="da-DK" dirty="0"/>
          </a:p>
        </p:txBody>
      </p:sp>
      <p:sp>
        <p:nvSpPr>
          <p:cNvPr id="7" name="Tekstfelt 6">
            <a:extLst>
              <a:ext uri="{FF2B5EF4-FFF2-40B4-BE49-F238E27FC236}">
                <a16:creationId xmlns:a16="http://schemas.microsoft.com/office/drawing/2014/main" id="{755E652F-685C-45D9-80E6-D15BAD513A08}"/>
              </a:ext>
            </a:extLst>
          </p:cNvPr>
          <p:cNvSpPr txBox="1"/>
          <p:nvPr/>
        </p:nvSpPr>
        <p:spPr>
          <a:xfrm>
            <a:off x="1526288" y="2365647"/>
            <a:ext cx="6775423" cy="432048"/>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Patienter udskrives til eget hjem efter ~3 dage</a:t>
            </a:r>
          </a:p>
        </p:txBody>
      </p:sp>
      <p:sp>
        <p:nvSpPr>
          <p:cNvPr id="8" name="Tekstfelt 7">
            <a:extLst>
              <a:ext uri="{FF2B5EF4-FFF2-40B4-BE49-F238E27FC236}">
                <a16:creationId xmlns:a16="http://schemas.microsoft.com/office/drawing/2014/main" id="{75176CAE-4C5D-4067-9229-735F9F19DAE3}"/>
              </a:ext>
            </a:extLst>
          </p:cNvPr>
          <p:cNvSpPr txBox="1"/>
          <p:nvPr/>
        </p:nvSpPr>
        <p:spPr>
          <a:xfrm>
            <a:off x="1526288" y="2917863"/>
            <a:ext cx="6775423" cy="995823"/>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Forventes at kunne varetage egen sundhed</a:t>
            </a:r>
          </a:p>
          <a:p>
            <a:pPr marL="1077913" indent="-182563">
              <a:buFont typeface="Arial" panose="020B0604020202020204" pitchFamily="34" charset="0"/>
              <a:buChar char="•"/>
            </a:pPr>
            <a:r>
              <a:rPr lang="da-DK" dirty="0"/>
              <a:t>Medicin, fremtidige aftale, motion, kost, rygning</a:t>
            </a:r>
          </a:p>
          <a:p>
            <a:pPr marL="1077913" indent="-182563">
              <a:buFont typeface="Arial" panose="020B0604020202020204" pitchFamily="34" charset="0"/>
              <a:buChar char="•"/>
            </a:pPr>
            <a:r>
              <a:rPr lang="da-DK" dirty="0"/>
              <a:t>Tilpasning til patientens forudsætninger</a:t>
            </a:r>
          </a:p>
        </p:txBody>
      </p:sp>
      <p:sp>
        <p:nvSpPr>
          <p:cNvPr id="9" name="Tekstfelt 8">
            <a:extLst>
              <a:ext uri="{FF2B5EF4-FFF2-40B4-BE49-F238E27FC236}">
                <a16:creationId xmlns:a16="http://schemas.microsoft.com/office/drawing/2014/main" id="{D84F74FD-F2D8-4543-B697-50D30B2D5006}"/>
              </a:ext>
            </a:extLst>
          </p:cNvPr>
          <p:cNvSpPr txBox="1"/>
          <p:nvPr/>
        </p:nvSpPr>
        <p:spPr>
          <a:xfrm>
            <a:off x="1526289" y="4033854"/>
            <a:ext cx="6775422" cy="995824"/>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Manglende systematik i formidling</a:t>
            </a:r>
          </a:p>
          <a:p>
            <a:pPr marL="1704975" indent="-182563">
              <a:buFont typeface="Arial" panose="020B0604020202020204" pitchFamily="34" charset="0"/>
              <a:buChar char="•"/>
            </a:pPr>
            <a:r>
              <a:rPr lang="da-DK" dirty="0"/>
              <a:t>Mangel på klare anbefalinger</a:t>
            </a:r>
          </a:p>
          <a:p>
            <a:pPr marL="1704975" indent="-182563">
              <a:buFont typeface="Arial" panose="020B0604020202020204" pitchFamily="34" charset="0"/>
              <a:buChar char="•"/>
            </a:pPr>
            <a:r>
              <a:rPr lang="da-DK" dirty="0"/>
              <a:t>Mangel på systematiske værktøjer</a:t>
            </a:r>
          </a:p>
        </p:txBody>
      </p:sp>
      <p:sp>
        <p:nvSpPr>
          <p:cNvPr id="10" name="Tekstfelt 9">
            <a:extLst>
              <a:ext uri="{FF2B5EF4-FFF2-40B4-BE49-F238E27FC236}">
                <a16:creationId xmlns:a16="http://schemas.microsoft.com/office/drawing/2014/main" id="{82194EC0-5AB4-41E3-84E6-BC45200DFAB2}"/>
              </a:ext>
            </a:extLst>
          </p:cNvPr>
          <p:cNvSpPr txBox="1"/>
          <p:nvPr/>
        </p:nvSpPr>
        <p:spPr>
          <a:xfrm>
            <a:off x="1526288" y="5149846"/>
            <a:ext cx="6775422" cy="756085"/>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Manglende systematik i specialiseret opfølgning</a:t>
            </a:r>
          </a:p>
          <a:p>
            <a:pPr marL="1704975" indent="-182563">
              <a:buFont typeface="Arial" panose="020B0604020202020204" pitchFamily="34" charset="0"/>
              <a:buChar char="•"/>
            </a:pPr>
            <a:r>
              <a:rPr lang="da-DK" dirty="0"/>
              <a:t>Almen vs. specialiseret opfølgning</a:t>
            </a:r>
            <a:endParaRPr lang="da-DK" sz="1600" dirty="0"/>
          </a:p>
        </p:txBody>
      </p:sp>
    </p:spTree>
    <p:extLst>
      <p:ext uri="{BB962C8B-B14F-4D97-AF65-F5344CB8AC3E}">
        <p14:creationId xmlns:p14="http://schemas.microsoft.com/office/powerpoint/2010/main" val="106532664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53A4C56-E6B3-41B5-A612-F2D539C908C3}"/>
              </a:ext>
            </a:extLst>
          </p:cNvPr>
          <p:cNvSpPr>
            <a:spLocks noGrp="1"/>
          </p:cNvSpPr>
          <p:nvPr>
            <p:ph type="title"/>
          </p:nvPr>
        </p:nvSpPr>
        <p:spPr>
          <a:xfrm>
            <a:off x="1368000" y="872716"/>
            <a:ext cx="7092000" cy="654474"/>
          </a:xfrm>
        </p:spPr>
        <p:txBody>
          <a:bodyPr/>
          <a:lstStyle/>
          <a:p>
            <a:pPr algn="ctr"/>
            <a:r>
              <a:rPr lang="da-DK" dirty="0"/>
              <a:t>Delstudierne</a:t>
            </a:r>
          </a:p>
        </p:txBody>
      </p:sp>
      <p:sp>
        <p:nvSpPr>
          <p:cNvPr id="4" name="Pladsholder til dato 3">
            <a:extLst>
              <a:ext uri="{FF2B5EF4-FFF2-40B4-BE49-F238E27FC236}">
                <a16:creationId xmlns:a16="http://schemas.microsoft.com/office/drawing/2014/main" id="{C673EE4A-624C-4646-BF15-EA245768601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2B341C4B-1E4E-46B7-9D63-60EB8F86A501}"/>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D64C1446-C539-45EE-A764-7213AC37247B}"/>
              </a:ext>
            </a:extLst>
          </p:cNvPr>
          <p:cNvSpPr>
            <a:spLocks noGrp="1"/>
          </p:cNvSpPr>
          <p:nvPr>
            <p:ph type="sldNum" sz="quarter" idx="16"/>
          </p:nvPr>
        </p:nvSpPr>
        <p:spPr/>
        <p:txBody>
          <a:bodyPr/>
          <a:lstStyle/>
          <a:p>
            <a:fld id="{0DAB5548-7253-48D6-B95B-F3D312A72220}" type="slidenum">
              <a:rPr lang="da-DK" smtClean="0"/>
              <a:pPr/>
              <a:t>18</a:t>
            </a:fld>
            <a:endParaRPr lang="da-DK" dirty="0"/>
          </a:p>
        </p:txBody>
      </p:sp>
      <p:sp>
        <p:nvSpPr>
          <p:cNvPr id="7" name="Tekstfelt 6">
            <a:extLst>
              <a:ext uri="{FF2B5EF4-FFF2-40B4-BE49-F238E27FC236}">
                <a16:creationId xmlns:a16="http://schemas.microsoft.com/office/drawing/2014/main" id="{57583E9D-EBEB-429F-827A-99C332B29777}"/>
              </a:ext>
            </a:extLst>
          </p:cNvPr>
          <p:cNvSpPr txBox="1"/>
          <p:nvPr/>
        </p:nvSpPr>
        <p:spPr>
          <a:xfrm>
            <a:off x="1366156" y="1691947"/>
            <a:ext cx="6948416" cy="1380956"/>
          </a:xfrm>
          <a:prstGeom prst="rect">
            <a:avLst/>
          </a:prstGeom>
          <a:solidFill>
            <a:schemeClr val="accent1">
              <a:lumMod val="20000"/>
              <a:lumOff val="80000"/>
            </a:schemeClr>
          </a:solidFill>
          <a:ln>
            <a:solidFill>
              <a:schemeClr val="bg1">
                <a:lumMod val="50000"/>
              </a:schemeClr>
            </a:solidFill>
          </a:ln>
        </p:spPr>
        <p:txBody>
          <a:bodyPr wrap="square" lIns="216000" tIns="72000" rIns="216000" bIns="72000" rtlCol="0">
            <a:noAutofit/>
          </a:bodyPr>
          <a:lstStyle/>
          <a:p>
            <a:pPr algn="ctr"/>
            <a:r>
              <a:rPr lang="da-DK" sz="2000" b="1" dirty="0"/>
              <a:t>1. Systematisk </a:t>
            </a:r>
            <a:r>
              <a:rPr lang="da-DK" sz="2000" b="1" dirty="0" err="1"/>
              <a:t>review</a:t>
            </a:r>
            <a:endParaRPr lang="da-DK" sz="2000" b="1" dirty="0"/>
          </a:p>
          <a:p>
            <a:pPr algn="just"/>
            <a:r>
              <a:rPr lang="da-DK" sz="2000" dirty="0"/>
              <a:t>Litteraturgennemgang beskriver interventioner til at modificere sundhedsadfærd hos patienter med apopleksi eller TCI</a:t>
            </a:r>
          </a:p>
        </p:txBody>
      </p:sp>
      <p:sp>
        <p:nvSpPr>
          <p:cNvPr id="8" name="Tekstfelt 7">
            <a:extLst>
              <a:ext uri="{FF2B5EF4-FFF2-40B4-BE49-F238E27FC236}">
                <a16:creationId xmlns:a16="http://schemas.microsoft.com/office/drawing/2014/main" id="{188A8F74-6335-4F6E-B119-B2AB64E7ED85}"/>
              </a:ext>
            </a:extLst>
          </p:cNvPr>
          <p:cNvSpPr txBox="1"/>
          <p:nvPr/>
        </p:nvSpPr>
        <p:spPr>
          <a:xfrm>
            <a:off x="1366156" y="3189201"/>
            <a:ext cx="6948416" cy="1353464"/>
          </a:xfrm>
          <a:prstGeom prst="rect">
            <a:avLst/>
          </a:prstGeom>
          <a:solidFill>
            <a:srgbClr val="DDF0C8"/>
          </a:solidFill>
          <a:ln>
            <a:solidFill>
              <a:schemeClr val="bg1">
                <a:lumMod val="50000"/>
              </a:schemeClr>
            </a:solidFill>
          </a:ln>
        </p:spPr>
        <p:txBody>
          <a:bodyPr wrap="square" lIns="216000" tIns="72000" rIns="216000" bIns="0" rtlCol="0">
            <a:noAutofit/>
          </a:bodyPr>
          <a:lstStyle/>
          <a:p>
            <a:pPr algn="ctr"/>
            <a:r>
              <a:rPr lang="da-DK" sz="2000" b="1" dirty="0"/>
              <a:t>2. Pilot og </a:t>
            </a:r>
            <a:r>
              <a:rPr lang="da-DK" sz="2000" b="1" dirty="0" err="1"/>
              <a:t>feasibility</a:t>
            </a:r>
            <a:r>
              <a:rPr lang="da-DK" sz="2000" b="1" dirty="0"/>
              <a:t>-studie</a:t>
            </a:r>
          </a:p>
          <a:p>
            <a:pPr algn="just"/>
            <a:r>
              <a:rPr lang="da-DK" sz="2000" dirty="0"/>
              <a:t>Udvikle og afprøvning af sundhedsadfærds intervention til patienter med let apopleksi eller TCI der udskrives til eget hjem</a:t>
            </a:r>
          </a:p>
        </p:txBody>
      </p:sp>
      <p:sp>
        <p:nvSpPr>
          <p:cNvPr id="9" name="Tekstfelt 8">
            <a:extLst>
              <a:ext uri="{FF2B5EF4-FFF2-40B4-BE49-F238E27FC236}">
                <a16:creationId xmlns:a16="http://schemas.microsoft.com/office/drawing/2014/main" id="{95E15825-C255-41DD-9F9E-DE865BB1279F}"/>
              </a:ext>
            </a:extLst>
          </p:cNvPr>
          <p:cNvSpPr txBox="1"/>
          <p:nvPr/>
        </p:nvSpPr>
        <p:spPr>
          <a:xfrm>
            <a:off x="1366156" y="4658963"/>
            <a:ext cx="6948416" cy="1146301"/>
          </a:xfrm>
          <a:prstGeom prst="rect">
            <a:avLst/>
          </a:prstGeom>
          <a:solidFill>
            <a:srgbClr val="FFE3E1"/>
          </a:solidFill>
          <a:ln>
            <a:solidFill>
              <a:schemeClr val="bg1">
                <a:lumMod val="50000"/>
              </a:schemeClr>
            </a:solidFill>
          </a:ln>
        </p:spPr>
        <p:txBody>
          <a:bodyPr wrap="square" lIns="216000" tIns="72000" rIns="216000" bIns="0" rtlCol="0">
            <a:noAutofit/>
          </a:bodyPr>
          <a:lstStyle/>
          <a:p>
            <a:pPr algn="ctr"/>
            <a:r>
              <a:rPr lang="da-DK" sz="2000" b="1" dirty="0"/>
              <a:t>3. Kvalitativt interviewstudie</a:t>
            </a:r>
          </a:p>
          <a:p>
            <a:pPr algn="just"/>
            <a:r>
              <a:rPr lang="da-DK" sz="2000" dirty="0"/>
              <a:t>Undersøge af patienternes oplevelse af at vende tilbage til hverdagen med fokus på sundhed og sundhedsadfærd</a:t>
            </a:r>
          </a:p>
        </p:txBody>
      </p:sp>
    </p:spTree>
    <p:extLst>
      <p:ext uri="{BB962C8B-B14F-4D97-AF65-F5344CB8AC3E}">
        <p14:creationId xmlns:p14="http://schemas.microsoft.com/office/powerpoint/2010/main" val="28507652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19</a:t>
            </a:fld>
            <a:endParaRPr lang="da-DK" dirty="0"/>
          </a:p>
        </p:txBody>
      </p:sp>
      <p:pic>
        <p:nvPicPr>
          <p:cNvPr id="8" name="Billede 7" descr="Et billede, der indeholder skærmbillede&#10;&#10;Automatisk genereret beskrivelse">
            <a:extLst>
              <a:ext uri="{FF2B5EF4-FFF2-40B4-BE49-F238E27FC236}">
                <a16:creationId xmlns:a16="http://schemas.microsoft.com/office/drawing/2014/main" id="{9E7451F2-82DC-4F51-B809-A5EF014BBB44}"/>
              </a:ext>
            </a:extLst>
          </p:cNvPr>
          <p:cNvPicPr>
            <a:picLocks noChangeAspect="1"/>
          </p:cNvPicPr>
          <p:nvPr/>
        </p:nvPicPr>
        <p:blipFill rotWithShape="1">
          <a:blip r:embed="rId2">
            <a:extLst>
              <a:ext uri="{28A0092B-C50C-407E-A947-70E740481C1C}">
                <a14:useLocalDpi xmlns:a14="http://schemas.microsoft.com/office/drawing/2010/main" val="0"/>
              </a:ext>
            </a:extLst>
          </a:blip>
          <a:srcRect b="8767"/>
          <a:stretch/>
        </p:blipFill>
        <p:spPr>
          <a:xfrm>
            <a:off x="2339752" y="1479535"/>
            <a:ext cx="4928592" cy="4683817"/>
          </a:xfrm>
          <a:prstGeom prst="rect">
            <a:avLst/>
          </a:prstGeom>
        </p:spPr>
      </p:pic>
    </p:spTree>
    <p:extLst>
      <p:ext uri="{BB962C8B-B14F-4D97-AF65-F5344CB8AC3E}">
        <p14:creationId xmlns:p14="http://schemas.microsoft.com/office/powerpoint/2010/main" val="24500147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SR_Name" hidden="1"/>
          <p:cNvSpPr>
            <a:spLocks noGrp="1"/>
          </p:cNvSpPr>
          <p:nvPr>
            <p:ph type="dt" sz="half" idx="14"/>
          </p:nvPr>
        </p:nvSpPr>
        <p:spPr/>
        <p:txBody>
          <a:bodyPr/>
          <a:lstStyle/>
          <a:p>
            <a:endParaRPr lang="da-DK" dirty="0"/>
          </a:p>
        </p:txBody>
      </p:sp>
      <p:sp>
        <p:nvSpPr>
          <p:cNvPr id="4" name="FLD_PresentationTitle" hidden="1"/>
          <p:cNvSpPr>
            <a:spLocks noGrp="1"/>
          </p:cNvSpPr>
          <p:nvPr>
            <p:ph type="ftr" sz="quarter" idx="15"/>
          </p:nvPr>
        </p:nvSpPr>
        <p:spPr/>
        <p:txBody>
          <a:bodyPr/>
          <a:lstStyle/>
          <a:p>
            <a:r>
              <a:rPr lang="da-DK"/>
              <a:t>Apopleksi og sundhedsadfærd</a:t>
            </a:r>
            <a:endParaRPr lang="da-DK" dirty="0"/>
          </a:p>
        </p:txBody>
      </p:sp>
      <p:sp>
        <p:nvSpPr>
          <p:cNvPr id="5" name="Slide Number Placeholder 4"/>
          <p:cNvSpPr>
            <a:spLocks noGrp="1"/>
          </p:cNvSpPr>
          <p:nvPr>
            <p:ph type="sldNum" sz="quarter" idx="16"/>
          </p:nvPr>
        </p:nvSpPr>
        <p:spPr/>
        <p:txBody>
          <a:bodyPr/>
          <a:lstStyle/>
          <a:p>
            <a:fld id="{667EC89C-17A0-4E64-A6D2-B825673CEEDF}" type="slidenum">
              <a:rPr lang="da-DK" smtClean="0"/>
              <a:pPr/>
              <a:t>2</a:t>
            </a:fld>
            <a:endParaRPr lang="da-DK" dirty="0"/>
          </a:p>
        </p:txBody>
      </p:sp>
      <p:sp>
        <p:nvSpPr>
          <p:cNvPr id="10" name="Titel 1">
            <a:extLst>
              <a:ext uri="{FF2B5EF4-FFF2-40B4-BE49-F238E27FC236}">
                <a16:creationId xmlns:a16="http://schemas.microsoft.com/office/drawing/2014/main" id="{521C40FD-0B01-4403-BE50-216FD88EB3EF}"/>
              </a:ext>
            </a:extLst>
          </p:cNvPr>
          <p:cNvSpPr>
            <a:spLocks noGrp="1"/>
          </p:cNvSpPr>
          <p:nvPr>
            <p:ph type="title"/>
          </p:nvPr>
        </p:nvSpPr>
        <p:spPr>
          <a:xfrm>
            <a:off x="1353299" y="662702"/>
            <a:ext cx="7092000" cy="1161947"/>
          </a:xfrm>
        </p:spPr>
        <p:txBody>
          <a:bodyPr/>
          <a:lstStyle/>
          <a:p>
            <a:pPr algn="ctr"/>
            <a:r>
              <a:rPr lang="da-DK" dirty="0"/>
              <a:t>CIRE NEURO/PSYK</a:t>
            </a:r>
            <a:br>
              <a:rPr lang="da-DK" dirty="0"/>
            </a:br>
            <a:r>
              <a:rPr lang="da-DK" dirty="0"/>
              <a:t>Organisation</a:t>
            </a:r>
          </a:p>
        </p:txBody>
      </p:sp>
      <p:pic>
        <p:nvPicPr>
          <p:cNvPr id="11" name="Billede 10">
            <a:extLst>
              <a:ext uri="{FF2B5EF4-FFF2-40B4-BE49-F238E27FC236}">
                <a16:creationId xmlns:a16="http://schemas.microsoft.com/office/drawing/2014/main" id="{24448230-7FB5-4EF9-92ED-3579A55677A5}"/>
              </a:ext>
            </a:extLst>
          </p:cNvPr>
          <p:cNvPicPr>
            <a:picLocks noChangeAspect="1"/>
          </p:cNvPicPr>
          <p:nvPr/>
        </p:nvPicPr>
        <p:blipFill>
          <a:blip r:embed="rId6"/>
          <a:stretch>
            <a:fillRect/>
          </a:stretch>
        </p:blipFill>
        <p:spPr>
          <a:xfrm>
            <a:off x="4347989" y="4895553"/>
            <a:ext cx="1102620" cy="1167059"/>
          </a:xfrm>
          <a:prstGeom prst="rect">
            <a:avLst/>
          </a:prstGeom>
        </p:spPr>
      </p:pic>
      <p:pic>
        <p:nvPicPr>
          <p:cNvPr id="12" name="Billede 11">
            <a:extLst>
              <a:ext uri="{FF2B5EF4-FFF2-40B4-BE49-F238E27FC236}">
                <a16:creationId xmlns:a16="http://schemas.microsoft.com/office/drawing/2014/main" id="{176B58DC-0ACC-46BA-B77B-9B564C0ED6DE}"/>
              </a:ext>
            </a:extLst>
          </p:cNvPr>
          <p:cNvPicPr>
            <a:picLocks noChangeAspect="1"/>
          </p:cNvPicPr>
          <p:nvPr/>
        </p:nvPicPr>
        <p:blipFill rotWithShape="1">
          <a:blip r:embed="rId7"/>
          <a:srcRect l="58863"/>
          <a:stretch/>
        </p:blipFill>
        <p:spPr>
          <a:xfrm>
            <a:off x="5392017" y="5198648"/>
            <a:ext cx="1357650" cy="678005"/>
          </a:xfrm>
          <a:prstGeom prst="rect">
            <a:avLst/>
          </a:prstGeom>
        </p:spPr>
      </p:pic>
      <p:pic>
        <p:nvPicPr>
          <p:cNvPr id="13" name="Picture 2" descr="Gå til forsiden på regionh.dk">
            <a:extLst>
              <a:ext uri="{FF2B5EF4-FFF2-40B4-BE49-F238E27FC236}">
                <a16:creationId xmlns:a16="http://schemas.microsoft.com/office/drawing/2014/main" id="{E8D20738-D759-479D-803E-F5409C398717}"/>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r="67880"/>
          <a:stretch/>
        </p:blipFill>
        <p:spPr bwMode="auto">
          <a:xfrm>
            <a:off x="3203848" y="5100092"/>
            <a:ext cx="936948" cy="875116"/>
          </a:xfrm>
          <a:prstGeom prst="rect">
            <a:avLst/>
          </a:prstGeom>
          <a:noFill/>
          <a:extLst>
            <a:ext uri="{909E8E84-426E-40DD-AFC4-6F175D3DCCD1}">
              <a14:hiddenFill xmlns:a14="http://schemas.microsoft.com/office/drawing/2010/main">
                <a:solidFill>
                  <a:srgbClr val="FFFFFF"/>
                </a:solidFill>
              </a14:hiddenFill>
            </a:ext>
          </a:extLst>
        </p:spPr>
      </p:pic>
      <p:sp>
        <p:nvSpPr>
          <p:cNvPr id="14" name="Tekstfelt 13">
            <a:extLst>
              <a:ext uri="{FF2B5EF4-FFF2-40B4-BE49-F238E27FC236}">
                <a16:creationId xmlns:a16="http://schemas.microsoft.com/office/drawing/2014/main" id="{A6ED3615-CAEB-49DE-ABA5-B92C2B85BB37}"/>
              </a:ext>
            </a:extLst>
          </p:cNvPr>
          <p:cNvSpPr txBox="1"/>
          <p:nvPr/>
        </p:nvSpPr>
        <p:spPr>
          <a:xfrm>
            <a:off x="3343976" y="3440984"/>
            <a:ext cx="2596178" cy="1283972"/>
          </a:xfrm>
          <a:prstGeom prst="rect">
            <a:avLst/>
          </a:prstGeom>
          <a:noFill/>
        </p:spPr>
        <p:txBody>
          <a:bodyPr wrap="square" lIns="0" tIns="0" rIns="0" bIns="0" rtlCol="0">
            <a:noAutofit/>
          </a:bodyPr>
          <a:lstStyle/>
          <a:p>
            <a:pPr algn="ctr"/>
            <a:r>
              <a:rPr lang="da-DK" b="1" dirty="0"/>
              <a:t>Rygmarvsskade </a:t>
            </a:r>
          </a:p>
          <a:p>
            <a:pPr marL="182563"/>
            <a:r>
              <a:rPr lang="da-DK" sz="1600" dirty="0"/>
              <a:t>Rigshospitalet, Klinik for rygmarvsskade, Hornbæk</a:t>
            </a:r>
            <a:endParaRPr lang="da-DK" dirty="0"/>
          </a:p>
        </p:txBody>
      </p:sp>
      <p:sp>
        <p:nvSpPr>
          <p:cNvPr id="15" name="Tekstfelt 14">
            <a:extLst>
              <a:ext uri="{FF2B5EF4-FFF2-40B4-BE49-F238E27FC236}">
                <a16:creationId xmlns:a16="http://schemas.microsoft.com/office/drawing/2014/main" id="{DAA995B2-1480-4D82-B08A-294F033CA11B}"/>
              </a:ext>
            </a:extLst>
          </p:cNvPr>
          <p:cNvSpPr txBox="1"/>
          <p:nvPr/>
        </p:nvSpPr>
        <p:spPr>
          <a:xfrm>
            <a:off x="1709893" y="2202994"/>
            <a:ext cx="7092000" cy="980588"/>
          </a:xfrm>
          <a:prstGeom prst="rect">
            <a:avLst/>
          </a:prstGeom>
          <a:noFill/>
        </p:spPr>
        <p:txBody>
          <a:bodyPr wrap="square" lIns="0" tIns="0" rIns="0" bIns="0" rtlCol="0">
            <a:noAutofit/>
          </a:bodyPr>
          <a:lstStyle/>
          <a:p>
            <a:r>
              <a:rPr lang="da-DK" sz="2000" dirty="0"/>
              <a:t>CIRE (Center for integreret rehabilitering af kræftpatienter)</a:t>
            </a:r>
          </a:p>
          <a:p>
            <a:r>
              <a:rPr lang="da-DK" sz="2000" dirty="0"/>
              <a:t>EEX-ACT (</a:t>
            </a:r>
            <a:r>
              <a:rPr lang="da-DK" sz="2000" dirty="0" err="1"/>
              <a:t>Early</a:t>
            </a:r>
            <a:r>
              <a:rPr lang="da-DK" sz="2000" dirty="0"/>
              <a:t>; </a:t>
            </a:r>
            <a:r>
              <a:rPr lang="da-DK" sz="2000" dirty="0" err="1"/>
              <a:t>Exercise</a:t>
            </a:r>
            <a:r>
              <a:rPr lang="da-DK" sz="2000" dirty="0"/>
              <a:t>; </a:t>
            </a:r>
            <a:r>
              <a:rPr lang="da-DK" sz="2000" dirty="0" err="1"/>
              <a:t>Activation</a:t>
            </a:r>
            <a:r>
              <a:rPr lang="da-DK" sz="2000" dirty="0"/>
              <a:t>)</a:t>
            </a:r>
          </a:p>
          <a:p>
            <a:pPr marL="742950" lvl="1" indent="-285750">
              <a:buFont typeface="Arial" panose="020B0604020202020204" pitchFamily="34" charset="0"/>
              <a:buChar char="•"/>
            </a:pPr>
            <a:r>
              <a:rPr lang="da-DK" dirty="0"/>
              <a:t>Tidlig opstart, Fysisk aktivitet, patientaktivering</a:t>
            </a:r>
          </a:p>
        </p:txBody>
      </p:sp>
      <p:sp>
        <p:nvSpPr>
          <p:cNvPr id="16" name="Tekstfelt 15">
            <a:extLst>
              <a:ext uri="{FF2B5EF4-FFF2-40B4-BE49-F238E27FC236}">
                <a16:creationId xmlns:a16="http://schemas.microsoft.com/office/drawing/2014/main" id="{275BE9DD-16D0-4E2C-8008-246F64CEE6F3}"/>
              </a:ext>
            </a:extLst>
          </p:cNvPr>
          <p:cNvSpPr txBox="1"/>
          <p:nvPr/>
        </p:nvSpPr>
        <p:spPr>
          <a:xfrm>
            <a:off x="6080282" y="3429000"/>
            <a:ext cx="2731051" cy="1283972"/>
          </a:xfrm>
          <a:prstGeom prst="rect">
            <a:avLst/>
          </a:prstGeom>
          <a:noFill/>
        </p:spPr>
        <p:txBody>
          <a:bodyPr wrap="square" lIns="0" tIns="0" rIns="0" bIns="0" rtlCol="0">
            <a:noAutofit/>
          </a:bodyPr>
          <a:lstStyle/>
          <a:p>
            <a:pPr algn="ctr"/>
            <a:r>
              <a:rPr lang="da-DK" b="1" dirty="0"/>
              <a:t>Unge med psykoser</a:t>
            </a:r>
          </a:p>
          <a:p>
            <a:pPr marL="182563"/>
            <a:r>
              <a:rPr lang="da-DK" sz="1600" dirty="0"/>
              <a:t>Psykiatrisk Center, Ballerup</a:t>
            </a:r>
          </a:p>
        </p:txBody>
      </p:sp>
      <p:sp>
        <p:nvSpPr>
          <p:cNvPr id="17" name="Tekstfelt 16">
            <a:extLst>
              <a:ext uri="{FF2B5EF4-FFF2-40B4-BE49-F238E27FC236}">
                <a16:creationId xmlns:a16="http://schemas.microsoft.com/office/drawing/2014/main" id="{51E59961-7B01-443C-BF87-7C55D787AD8A}"/>
              </a:ext>
            </a:extLst>
          </p:cNvPr>
          <p:cNvSpPr txBox="1"/>
          <p:nvPr/>
        </p:nvSpPr>
        <p:spPr>
          <a:xfrm>
            <a:off x="916586" y="3471919"/>
            <a:ext cx="2287262" cy="1283972"/>
          </a:xfrm>
          <a:prstGeom prst="rect">
            <a:avLst/>
          </a:prstGeom>
          <a:noFill/>
        </p:spPr>
        <p:txBody>
          <a:bodyPr wrap="square" lIns="0" tIns="0" rIns="0" bIns="0" rtlCol="0">
            <a:noAutofit/>
          </a:bodyPr>
          <a:lstStyle/>
          <a:p>
            <a:pPr algn="ctr"/>
            <a:r>
              <a:rPr lang="da-DK" b="1" dirty="0"/>
              <a:t>Apopleksi</a:t>
            </a:r>
          </a:p>
          <a:p>
            <a:pPr marL="182563"/>
            <a:r>
              <a:rPr lang="da-DK" sz="1600" dirty="0"/>
              <a:t>Nordsjælland Hospital Neurologisk afdeling</a:t>
            </a:r>
          </a:p>
          <a:p>
            <a:endParaRPr lang="da-DK" sz="1600" dirty="0"/>
          </a:p>
        </p:txBody>
      </p:sp>
    </p:spTree>
    <p:custDataLst>
      <p:custData r:id="rId1"/>
      <p:custData r:id="rId2"/>
      <p:tags r:id="rId3"/>
    </p:custDataLst>
    <p:extLst>
      <p:ext uri="{BB962C8B-B14F-4D97-AF65-F5344CB8AC3E}">
        <p14:creationId xmlns:p14="http://schemas.microsoft.com/office/powerpoint/2010/main" val="1598613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0</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56792"/>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Metode</a:t>
            </a:r>
          </a:p>
        </p:txBody>
      </p:sp>
      <p:grpSp>
        <p:nvGrpSpPr>
          <p:cNvPr id="8" name="Gruppe 7">
            <a:extLst>
              <a:ext uri="{FF2B5EF4-FFF2-40B4-BE49-F238E27FC236}">
                <a16:creationId xmlns:a16="http://schemas.microsoft.com/office/drawing/2014/main" id="{E2450113-7D5C-452C-89D4-C29AD8ECBB09}"/>
              </a:ext>
            </a:extLst>
          </p:cNvPr>
          <p:cNvGrpSpPr/>
          <p:nvPr/>
        </p:nvGrpSpPr>
        <p:grpSpPr>
          <a:xfrm>
            <a:off x="3741551" y="2219151"/>
            <a:ext cx="4646873" cy="3766134"/>
            <a:chOff x="2357267" y="2563897"/>
            <a:chExt cx="4646873" cy="3766134"/>
          </a:xfrm>
        </p:grpSpPr>
        <p:sp>
          <p:nvSpPr>
            <p:cNvPr id="9" name="Tekstfelt 8">
              <a:extLst>
                <a:ext uri="{FF2B5EF4-FFF2-40B4-BE49-F238E27FC236}">
                  <a16:creationId xmlns:a16="http://schemas.microsoft.com/office/drawing/2014/main" id="{7142801D-99FF-4F55-8581-A8105B0FE634}"/>
                </a:ext>
              </a:extLst>
            </p:cNvPr>
            <p:cNvSpPr txBox="1"/>
            <p:nvPr/>
          </p:nvSpPr>
          <p:spPr>
            <a:xfrm>
              <a:off x="3152570" y="2563897"/>
              <a:ext cx="1404151" cy="432048"/>
            </a:xfrm>
            <a:prstGeom prst="rect">
              <a:avLst/>
            </a:prstGeom>
            <a:solidFill>
              <a:schemeClr val="accent1">
                <a:lumMod val="20000"/>
                <a:lumOff val="80000"/>
              </a:schemeClr>
            </a:solidFill>
            <a:ln>
              <a:solidFill>
                <a:schemeClr val="tx1"/>
              </a:solidFill>
            </a:ln>
          </p:spPr>
          <p:txBody>
            <a:bodyPr wrap="square" lIns="0" tIns="0" rIns="0" bIns="0" rtlCol="0" anchor="ctr">
              <a:noAutofit/>
            </a:bodyPr>
            <a:lstStyle/>
            <a:p>
              <a:pPr algn="ctr"/>
              <a:r>
                <a:rPr lang="da-DK" sz="1100" b="1" dirty="0"/>
                <a:t>Databasesøgning</a:t>
              </a:r>
              <a:r>
                <a:rPr lang="da-DK" sz="1100" dirty="0"/>
                <a:t>:</a:t>
              </a:r>
            </a:p>
            <a:p>
              <a:pPr algn="ctr"/>
              <a:r>
                <a:rPr lang="da-DK" sz="1100" dirty="0"/>
                <a:t>10052 referencer</a:t>
              </a:r>
            </a:p>
          </p:txBody>
        </p:sp>
        <p:sp>
          <p:nvSpPr>
            <p:cNvPr id="10" name="Tekstfelt 9">
              <a:extLst>
                <a:ext uri="{FF2B5EF4-FFF2-40B4-BE49-F238E27FC236}">
                  <a16:creationId xmlns:a16="http://schemas.microsoft.com/office/drawing/2014/main" id="{7A309CB0-C698-4957-A6B2-9F4F59AE4D8E}"/>
                </a:ext>
              </a:extLst>
            </p:cNvPr>
            <p:cNvSpPr txBox="1"/>
            <p:nvPr/>
          </p:nvSpPr>
          <p:spPr>
            <a:xfrm>
              <a:off x="4709327" y="2565974"/>
              <a:ext cx="1332153" cy="432048"/>
            </a:xfrm>
            <a:prstGeom prst="rect">
              <a:avLst/>
            </a:prstGeom>
            <a:solidFill>
              <a:schemeClr val="accent1">
                <a:lumMod val="20000"/>
                <a:lumOff val="80000"/>
              </a:schemeClr>
            </a:solidFill>
            <a:ln>
              <a:solidFill>
                <a:schemeClr val="tx1"/>
              </a:solidFill>
            </a:ln>
          </p:spPr>
          <p:txBody>
            <a:bodyPr wrap="square" lIns="0" tIns="0" rIns="0" bIns="0" rtlCol="0" anchor="ctr">
              <a:noAutofit/>
            </a:bodyPr>
            <a:lstStyle/>
            <a:p>
              <a:pPr algn="ctr"/>
              <a:r>
                <a:rPr lang="da-DK" sz="1100" b="1" dirty="0"/>
                <a:t>Andre kilder</a:t>
              </a:r>
              <a:r>
                <a:rPr lang="da-DK" sz="1100" dirty="0"/>
                <a:t>:</a:t>
              </a:r>
            </a:p>
            <a:p>
              <a:pPr algn="ctr"/>
              <a:r>
                <a:rPr lang="da-DK" sz="1100" dirty="0"/>
                <a:t>42 referencer</a:t>
              </a:r>
            </a:p>
          </p:txBody>
        </p:sp>
        <p:sp>
          <p:nvSpPr>
            <p:cNvPr id="11" name="Tekstfelt 10">
              <a:extLst>
                <a:ext uri="{FF2B5EF4-FFF2-40B4-BE49-F238E27FC236}">
                  <a16:creationId xmlns:a16="http://schemas.microsoft.com/office/drawing/2014/main" id="{FC206DB2-E652-4512-804A-CBF6E2CB0AE4}"/>
                </a:ext>
              </a:extLst>
            </p:cNvPr>
            <p:cNvSpPr txBox="1"/>
            <p:nvPr/>
          </p:nvSpPr>
          <p:spPr>
            <a:xfrm>
              <a:off x="5780004" y="3462086"/>
              <a:ext cx="1224136" cy="432048"/>
            </a:xfrm>
            <a:prstGeom prst="rect">
              <a:avLst/>
            </a:prstGeom>
            <a:solidFill>
              <a:srgbClr val="FFE1EB"/>
            </a:solidFill>
            <a:ln>
              <a:solidFill>
                <a:schemeClr val="tx1"/>
              </a:solidFill>
            </a:ln>
          </p:spPr>
          <p:txBody>
            <a:bodyPr wrap="square" lIns="0" tIns="0" rIns="0" bIns="0" rtlCol="0" anchor="ctr">
              <a:noAutofit/>
            </a:bodyPr>
            <a:lstStyle/>
            <a:p>
              <a:pPr algn="ctr"/>
              <a:r>
                <a:rPr lang="da-DK" sz="1100" b="1" dirty="0" err="1"/>
                <a:t>Dublikater</a:t>
              </a:r>
              <a:r>
                <a:rPr lang="da-DK" sz="1100" dirty="0"/>
                <a:t>:</a:t>
              </a:r>
            </a:p>
            <a:p>
              <a:pPr algn="ctr"/>
              <a:r>
                <a:rPr lang="da-DK" sz="1100" dirty="0"/>
                <a:t>4127 referencer</a:t>
              </a:r>
            </a:p>
          </p:txBody>
        </p:sp>
        <p:sp>
          <p:nvSpPr>
            <p:cNvPr id="12" name="Tekstfelt 11">
              <a:extLst>
                <a:ext uri="{FF2B5EF4-FFF2-40B4-BE49-F238E27FC236}">
                  <a16:creationId xmlns:a16="http://schemas.microsoft.com/office/drawing/2014/main" id="{474A4727-690B-4503-A729-47849CBE0817}"/>
                </a:ext>
              </a:extLst>
            </p:cNvPr>
            <p:cNvSpPr txBox="1"/>
            <p:nvPr/>
          </p:nvSpPr>
          <p:spPr>
            <a:xfrm>
              <a:off x="4033697" y="4548508"/>
              <a:ext cx="1224136" cy="538108"/>
            </a:xfrm>
            <a:prstGeom prst="rect">
              <a:avLst/>
            </a:prstGeom>
            <a:solidFill>
              <a:srgbClr val="FFF3CD"/>
            </a:solidFill>
            <a:ln>
              <a:solidFill>
                <a:schemeClr val="tx1"/>
              </a:solidFill>
            </a:ln>
          </p:spPr>
          <p:txBody>
            <a:bodyPr wrap="square" lIns="0" tIns="0" rIns="0" bIns="0" rtlCol="0" anchor="ctr">
              <a:noAutofit/>
            </a:bodyPr>
            <a:lstStyle/>
            <a:p>
              <a:pPr algn="ctr"/>
              <a:r>
                <a:rPr lang="da-DK" sz="1400" b="1" dirty="0"/>
                <a:t>Fuldtekst</a:t>
              </a:r>
              <a:r>
                <a:rPr lang="da-DK" sz="1400" dirty="0"/>
                <a:t>:</a:t>
              </a:r>
            </a:p>
            <a:p>
              <a:pPr algn="ctr"/>
              <a:r>
                <a:rPr lang="da-DK" sz="1400" dirty="0"/>
                <a:t>129 referencer</a:t>
              </a:r>
            </a:p>
          </p:txBody>
        </p:sp>
        <p:sp>
          <p:nvSpPr>
            <p:cNvPr id="13" name="Tekstfelt 12">
              <a:extLst>
                <a:ext uri="{FF2B5EF4-FFF2-40B4-BE49-F238E27FC236}">
                  <a16:creationId xmlns:a16="http://schemas.microsoft.com/office/drawing/2014/main" id="{1E937310-2CE5-4A8B-9599-BCF184FEE80E}"/>
                </a:ext>
              </a:extLst>
            </p:cNvPr>
            <p:cNvSpPr txBox="1"/>
            <p:nvPr/>
          </p:nvSpPr>
          <p:spPr>
            <a:xfrm>
              <a:off x="5780004" y="4083274"/>
              <a:ext cx="1224136" cy="656605"/>
            </a:xfrm>
            <a:prstGeom prst="rect">
              <a:avLst/>
            </a:prstGeom>
            <a:solidFill>
              <a:srgbClr val="FFE1EB"/>
            </a:solidFill>
            <a:ln>
              <a:solidFill>
                <a:schemeClr val="tx1"/>
              </a:solidFill>
            </a:ln>
          </p:spPr>
          <p:txBody>
            <a:bodyPr wrap="square" lIns="0" tIns="0" rIns="0" bIns="0" rtlCol="0" anchor="ctr">
              <a:noAutofit/>
            </a:bodyPr>
            <a:lstStyle/>
            <a:p>
              <a:pPr algn="ctr"/>
              <a:r>
                <a:rPr lang="da-DK" sz="1100" b="1" dirty="0"/>
                <a:t>Ikke-originale publikationer</a:t>
              </a:r>
              <a:r>
                <a:rPr lang="da-DK" sz="1100" dirty="0"/>
                <a:t>:</a:t>
              </a:r>
            </a:p>
            <a:p>
              <a:pPr algn="ctr"/>
              <a:r>
                <a:rPr lang="da-DK" sz="1100" dirty="0"/>
                <a:t>974 referencer</a:t>
              </a:r>
            </a:p>
          </p:txBody>
        </p:sp>
        <p:sp>
          <p:nvSpPr>
            <p:cNvPr id="14" name="Tekstfelt 13">
              <a:extLst>
                <a:ext uri="{FF2B5EF4-FFF2-40B4-BE49-F238E27FC236}">
                  <a16:creationId xmlns:a16="http://schemas.microsoft.com/office/drawing/2014/main" id="{CB571895-A0D3-4869-B21F-6D78364AA2BE}"/>
                </a:ext>
              </a:extLst>
            </p:cNvPr>
            <p:cNvSpPr txBox="1"/>
            <p:nvPr/>
          </p:nvSpPr>
          <p:spPr>
            <a:xfrm>
              <a:off x="2357267" y="3690593"/>
              <a:ext cx="1531920" cy="891351"/>
            </a:xfrm>
            <a:prstGeom prst="rect">
              <a:avLst/>
            </a:prstGeom>
            <a:solidFill>
              <a:srgbClr val="FFE1EB"/>
            </a:solidFill>
            <a:ln>
              <a:solidFill>
                <a:schemeClr val="tx1"/>
              </a:solidFill>
            </a:ln>
          </p:spPr>
          <p:txBody>
            <a:bodyPr wrap="square" lIns="0" tIns="0" rIns="0" bIns="0" rtlCol="0" anchor="ctr">
              <a:noAutofit/>
            </a:bodyPr>
            <a:lstStyle/>
            <a:p>
              <a:pPr algn="ctr"/>
              <a:r>
                <a:rPr lang="da-DK" sz="1100" b="1" dirty="0"/>
                <a:t>Ekskluderet</a:t>
              </a:r>
              <a:r>
                <a:rPr lang="da-DK" sz="1100" dirty="0"/>
                <a:t>:</a:t>
              </a:r>
            </a:p>
            <a:p>
              <a:pPr algn="ctr"/>
              <a:r>
                <a:rPr lang="da-DK" sz="1100" dirty="0"/>
                <a:t>1736 ∵ population</a:t>
              </a:r>
            </a:p>
            <a:p>
              <a:pPr algn="ctr"/>
              <a:r>
                <a:rPr lang="da-DK" sz="1100" dirty="0"/>
                <a:t>2504 ∵ intervention</a:t>
              </a:r>
            </a:p>
            <a:p>
              <a:pPr algn="ctr"/>
              <a:r>
                <a:rPr lang="da-DK" sz="1100" dirty="0"/>
                <a:t>610 ∵ design</a:t>
              </a:r>
            </a:p>
            <a:p>
              <a:pPr algn="ctr"/>
              <a:r>
                <a:rPr lang="da-DK" sz="1100" dirty="0"/>
                <a:t>14 ∵ udfaldsmål</a:t>
              </a:r>
            </a:p>
          </p:txBody>
        </p:sp>
        <p:sp>
          <p:nvSpPr>
            <p:cNvPr id="15" name="Tekstfelt 14">
              <a:extLst>
                <a:ext uri="{FF2B5EF4-FFF2-40B4-BE49-F238E27FC236}">
                  <a16:creationId xmlns:a16="http://schemas.microsoft.com/office/drawing/2014/main" id="{229F58E8-A415-423C-9EB1-E26876A7C847}"/>
                </a:ext>
              </a:extLst>
            </p:cNvPr>
            <p:cNvSpPr txBox="1"/>
            <p:nvPr/>
          </p:nvSpPr>
          <p:spPr>
            <a:xfrm>
              <a:off x="4030722" y="3409060"/>
              <a:ext cx="1224136" cy="538103"/>
            </a:xfrm>
            <a:prstGeom prst="rect">
              <a:avLst/>
            </a:prstGeom>
            <a:solidFill>
              <a:schemeClr val="accent1">
                <a:lumMod val="20000"/>
                <a:lumOff val="80000"/>
              </a:schemeClr>
            </a:solidFill>
            <a:ln>
              <a:solidFill>
                <a:schemeClr val="tx1"/>
              </a:solidFill>
            </a:ln>
          </p:spPr>
          <p:txBody>
            <a:bodyPr wrap="square" lIns="0" tIns="0" rIns="0" bIns="0" rtlCol="0" anchor="ctr">
              <a:noAutofit/>
            </a:bodyPr>
            <a:lstStyle/>
            <a:p>
              <a:pPr algn="ctr"/>
              <a:r>
                <a:rPr lang="da-DK" sz="1400" dirty="0"/>
                <a:t>10094 referencer</a:t>
              </a:r>
            </a:p>
          </p:txBody>
        </p:sp>
        <p:cxnSp>
          <p:nvCxnSpPr>
            <p:cNvPr id="16" name="Lige pilforbindelse 15">
              <a:extLst>
                <a:ext uri="{FF2B5EF4-FFF2-40B4-BE49-F238E27FC236}">
                  <a16:creationId xmlns:a16="http://schemas.microsoft.com/office/drawing/2014/main" id="{C7017752-E17F-429C-A172-A46A2EF76AA4}"/>
                </a:ext>
              </a:extLst>
            </p:cNvPr>
            <p:cNvCxnSpPr>
              <a:cxnSpLocks/>
            </p:cNvCxnSpPr>
            <p:nvPr/>
          </p:nvCxnSpPr>
          <p:spPr>
            <a:xfrm>
              <a:off x="4267836" y="2995945"/>
              <a:ext cx="0" cy="413115"/>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17" name="Lige pilforbindelse 16">
              <a:extLst>
                <a:ext uri="{FF2B5EF4-FFF2-40B4-BE49-F238E27FC236}">
                  <a16:creationId xmlns:a16="http://schemas.microsoft.com/office/drawing/2014/main" id="{FBEBF26E-839F-4B3F-B970-24FBF47F3623}"/>
                </a:ext>
              </a:extLst>
            </p:cNvPr>
            <p:cNvCxnSpPr>
              <a:cxnSpLocks/>
            </p:cNvCxnSpPr>
            <p:nvPr/>
          </p:nvCxnSpPr>
          <p:spPr>
            <a:xfrm flipH="1">
              <a:off x="4998211" y="3010367"/>
              <a:ext cx="1" cy="38824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18" name="Lige pilforbindelse 17">
              <a:extLst>
                <a:ext uri="{FF2B5EF4-FFF2-40B4-BE49-F238E27FC236}">
                  <a16:creationId xmlns:a16="http://schemas.microsoft.com/office/drawing/2014/main" id="{DE98601D-C629-4134-A285-615CFFFE0878}"/>
                </a:ext>
              </a:extLst>
            </p:cNvPr>
            <p:cNvCxnSpPr>
              <a:cxnSpLocks/>
              <a:stCxn id="15" idx="2"/>
              <a:endCxn id="12" idx="0"/>
            </p:cNvCxnSpPr>
            <p:nvPr/>
          </p:nvCxnSpPr>
          <p:spPr>
            <a:xfrm>
              <a:off x="4642790" y="3947163"/>
              <a:ext cx="2975" cy="601345"/>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19" name="Lige pilforbindelse 18">
              <a:extLst>
                <a:ext uri="{FF2B5EF4-FFF2-40B4-BE49-F238E27FC236}">
                  <a16:creationId xmlns:a16="http://schemas.microsoft.com/office/drawing/2014/main" id="{538C43C3-B76D-40BD-932A-2D085258ABE0}"/>
                </a:ext>
              </a:extLst>
            </p:cNvPr>
            <p:cNvCxnSpPr>
              <a:cxnSpLocks/>
              <a:endCxn id="14" idx="3"/>
            </p:cNvCxnSpPr>
            <p:nvPr/>
          </p:nvCxnSpPr>
          <p:spPr>
            <a:xfrm flipH="1">
              <a:off x="3889187" y="4136269"/>
              <a:ext cx="753603"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0" name="Lige pilforbindelse 19">
              <a:extLst>
                <a:ext uri="{FF2B5EF4-FFF2-40B4-BE49-F238E27FC236}">
                  <a16:creationId xmlns:a16="http://schemas.microsoft.com/office/drawing/2014/main" id="{46E0CFDE-5668-4161-80D1-6172E73AAF01}"/>
                </a:ext>
              </a:extLst>
            </p:cNvPr>
            <p:cNvCxnSpPr>
              <a:cxnSpLocks/>
              <a:stCxn id="15" idx="3"/>
            </p:cNvCxnSpPr>
            <p:nvPr/>
          </p:nvCxnSpPr>
          <p:spPr>
            <a:xfrm>
              <a:off x="5254858" y="3678112"/>
              <a:ext cx="525146"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1" name="Lige pilforbindelse 20">
              <a:extLst>
                <a:ext uri="{FF2B5EF4-FFF2-40B4-BE49-F238E27FC236}">
                  <a16:creationId xmlns:a16="http://schemas.microsoft.com/office/drawing/2014/main" id="{EE0EFCA1-122F-4381-93F2-2318391FF5F3}"/>
                </a:ext>
              </a:extLst>
            </p:cNvPr>
            <p:cNvCxnSpPr>
              <a:cxnSpLocks/>
            </p:cNvCxnSpPr>
            <p:nvPr/>
          </p:nvCxnSpPr>
          <p:spPr>
            <a:xfrm>
              <a:off x="5491972" y="4421769"/>
              <a:ext cx="288032"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22" name="Tekstfelt 21">
              <a:extLst>
                <a:ext uri="{FF2B5EF4-FFF2-40B4-BE49-F238E27FC236}">
                  <a16:creationId xmlns:a16="http://schemas.microsoft.com/office/drawing/2014/main" id="{EDF2FC35-F53F-4AF1-9EE6-BE309961553B}"/>
                </a:ext>
              </a:extLst>
            </p:cNvPr>
            <p:cNvSpPr txBox="1"/>
            <p:nvPr/>
          </p:nvSpPr>
          <p:spPr>
            <a:xfrm>
              <a:off x="4033697" y="5693584"/>
              <a:ext cx="1224136" cy="636447"/>
            </a:xfrm>
            <a:prstGeom prst="rect">
              <a:avLst/>
            </a:prstGeom>
            <a:solidFill>
              <a:srgbClr val="DDF0C8"/>
            </a:solidFill>
            <a:ln>
              <a:solidFill>
                <a:schemeClr val="tx1"/>
              </a:solidFill>
            </a:ln>
          </p:spPr>
          <p:txBody>
            <a:bodyPr wrap="square" lIns="0" tIns="0" rIns="0" bIns="0" rtlCol="0" anchor="ctr">
              <a:noAutofit/>
            </a:bodyPr>
            <a:lstStyle/>
            <a:p>
              <a:pPr algn="ctr"/>
              <a:r>
                <a:rPr lang="da-DK" sz="1400" b="1" dirty="0"/>
                <a:t>Inkluderet:</a:t>
              </a:r>
            </a:p>
            <a:p>
              <a:pPr algn="ctr"/>
              <a:r>
                <a:rPr lang="da-DK" sz="1400" dirty="0"/>
                <a:t>29 studier</a:t>
              </a:r>
            </a:p>
          </p:txBody>
        </p:sp>
        <p:cxnSp>
          <p:nvCxnSpPr>
            <p:cNvPr id="23" name="Lige pilforbindelse 22">
              <a:extLst>
                <a:ext uri="{FF2B5EF4-FFF2-40B4-BE49-F238E27FC236}">
                  <a16:creationId xmlns:a16="http://schemas.microsoft.com/office/drawing/2014/main" id="{BAC372F5-CA03-4F20-9283-5339849A9818}"/>
                </a:ext>
              </a:extLst>
            </p:cNvPr>
            <p:cNvCxnSpPr>
              <a:cxnSpLocks/>
              <a:stCxn id="12" idx="2"/>
              <a:endCxn id="22" idx="0"/>
            </p:cNvCxnSpPr>
            <p:nvPr/>
          </p:nvCxnSpPr>
          <p:spPr>
            <a:xfrm>
              <a:off x="4645765" y="5086616"/>
              <a:ext cx="0" cy="606968"/>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4" name="Lige pilforbindelse 23">
              <a:extLst>
                <a:ext uri="{FF2B5EF4-FFF2-40B4-BE49-F238E27FC236}">
                  <a16:creationId xmlns:a16="http://schemas.microsoft.com/office/drawing/2014/main" id="{C77BEEF4-9114-4D0A-BCEE-C6B43D9D4ACB}"/>
                </a:ext>
              </a:extLst>
            </p:cNvPr>
            <p:cNvCxnSpPr>
              <a:cxnSpLocks/>
              <a:endCxn id="25" idx="3"/>
            </p:cNvCxnSpPr>
            <p:nvPr/>
          </p:nvCxnSpPr>
          <p:spPr>
            <a:xfrm flipH="1">
              <a:off x="3892366" y="5390100"/>
              <a:ext cx="750424"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25" name="Tekstfelt 24">
              <a:extLst>
                <a:ext uri="{FF2B5EF4-FFF2-40B4-BE49-F238E27FC236}">
                  <a16:creationId xmlns:a16="http://schemas.microsoft.com/office/drawing/2014/main" id="{C22BED55-FD50-4AFD-BE45-ACA9AF1708EA}"/>
                </a:ext>
              </a:extLst>
            </p:cNvPr>
            <p:cNvSpPr txBox="1"/>
            <p:nvPr/>
          </p:nvSpPr>
          <p:spPr>
            <a:xfrm>
              <a:off x="2360445" y="4752296"/>
              <a:ext cx="1531921" cy="1275607"/>
            </a:xfrm>
            <a:prstGeom prst="rect">
              <a:avLst/>
            </a:prstGeom>
            <a:solidFill>
              <a:srgbClr val="FFE1EB"/>
            </a:solidFill>
            <a:ln>
              <a:solidFill>
                <a:schemeClr val="tx1"/>
              </a:solidFill>
            </a:ln>
          </p:spPr>
          <p:txBody>
            <a:bodyPr wrap="square" lIns="0" tIns="0" rIns="0" bIns="0" rtlCol="0" anchor="ctr">
              <a:noAutofit/>
            </a:bodyPr>
            <a:lstStyle/>
            <a:p>
              <a:pPr algn="ctr"/>
              <a:r>
                <a:rPr lang="da-DK" sz="1100" b="1" dirty="0"/>
                <a:t>Ekskluderet</a:t>
              </a:r>
              <a:r>
                <a:rPr lang="da-DK" sz="1100" dirty="0"/>
                <a:t>:</a:t>
              </a:r>
            </a:p>
            <a:p>
              <a:pPr algn="ctr"/>
              <a:r>
                <a:rPr lang="da-DK" sz="1100" dirty="0"/>
                <a:t>31 dobbelt publikation</a:t>
              </a:r>
            </a:p>
            <a:p>
              <a:pPr algn="ctr"/>
              <a:r>
                <a:rPr lang="da-DK" sz="1100" dirty="0"/>
                <a:t>12 protokoller</a:t>
              </a:r>
            </a:p>
            <a:p>
              <a:pPr algn="ctr"/>
              <a:r>
                <a:rPr lang="da-DK" sz="1100" dirty="0"/>
                <a:t>10 ∵ population</a:t>
              </a:r>
            </a:p>
            <a:p>
              <a:pPr algn="ctr"/>
              <a:r>
                <a:rPr lang="da-DK" sz="1100" dirty="0"/>
                <a:t>27 ∵ intervention</a:t>
              </a:r>
            </a:p>
            <a:p>
              <a:pPr algn="ctr"/>
              <a:r>
                <a:rPr lang="da-DK" sz="1100" dirty="0"/>
                <a:t>10 ∵ design/kvalitet</a:t>
              </a:r>
            </a:p>
            <a:p>
              <a:pPr algn="ctr"/>
              <a:r>
                <a:rPr lang="da-DK" sz="1100" dirty="0"/>
                <a:t>10 ∵ udfaldsmål</a:t>
              </a:r>
            </a:p>
          </p:txBody>
        </p:sp>
        <p:cxnSp>
          <p:nvCxnSpPr>
            <p:cNvPr id="26" name="Lige forbindelse 25">
              <a:extLst>
                <a:ext uri="{FF2B5EF4-FFF2-40B4-BE49-F238E27FC236}">
                  <a16:creationId xmlns:a16="http://schemas.microsoft.com/office/drawing/2014/main" id="{A0055393-7723-4E21-ADE6-FB24C84B87B9}"/>
                </a:ext>
              </a:extLst>
            </p:cNvPr>
            <p:cNvCxnSpPr>
              <a:cxnSpLocks/>
            </p:cNvCxnSpPr>
            <p:nvPr/>
          </p:nvCxnSpPr>
          <p:spPr>
            <a:xfrm>
              <a:off x="5491972" y="3678110"/>
              <a:ext cx="0" cy="742269"/>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grpSp>
      <p:sp>
        <p:nvSpPr>
          <p:cNvPr id="27" name="Tekstfelt 26">
            <a:extLst>
              <a:ext uri="{FF2B5EF4-FFF2-40B4-BE49-F238E27FC236}">
                <a16:creationId xmlns:a16="http://schemas.microsoft.com/office/drawing/2014/main" id="{A21E8137-333E-47D4-AE53-4B83F0B8B3F7}"/>
              </a:ext>
            </a:extLst>
          </p:cNvPr>
          <p:cNvSpPr txBox="1"/>
          <p:nvPr/>
        </p:nvSpPr>
        <p:spPr>
          <a:xfrm>
            <a:off x="1240830" y="2216395"/>
            <a:ext cx="2431644" cy="3336172"/>
          </a:xfrm>
          <a:prstGeom prst="rect">
            <a:avLst/>
          </a:prstGeom>
          <a:noFill/>
        </p:spPr>
        <p:txBody>
          <a:bodyPr wrap="square" lIns="0" tIns="0" rIns="0" bIns="0" rtlCol="0">
            <a:noAutofit/>
          </a:bodyPr>
          <a:lstStyle/>
          <a:p>
            <a:pPr algn="ctr"/>
            <a:r>
              <a:rPr lang="da-DK" sz="2000" b="1" dirty="0"/>
              <a:t>Inklusion af studier</a:t>
            </a:r>
          </a:p>
          <a:p>
            <a:pPr marL="285750" indent="-285750">
              <a:spcAft>
                <a:spcPts val="600"/>
              </a:spcAft>
              <a:buFont typeface="Arial" panose="020B0604020202020204" pitchFamily="34" charset="0"/>
              <a:buChar char="•"/>
            </a:pPr>
            <a:r>
              <a:rPr lang="da-DK" dirty="0"/>
              <a:t>Randomiserede kontrollerede forsøg</a:t>
            </a:r>
          </a:p>
          <a:p>
            <a:pPr marL="285750" indent="-285750">
              <a:spcAft>
                <a:spcPts val="600"/>
              </a:spcAft>
              <a:buFont typeface="Arial" panose="020B0604020202020204" pitchFamily="34" charset="0"/>
              <a:buChar char="•"/>
            </a:pPr>
            <a:r>
              <a:rPr lang="da-DK" dirty="0"/>
              <a:t>Population:</a:t>
            </a:r>
            <a:br>
              <a:rPr lang="da-DK" dirty="0"/>
            </a:br>
            <a:r>
              <a:rPr lang="da-DK" i="1" dirty="0"/>
              <a:t>Apopleksi, TCI</a:t>
            </a:r>
          </a:p>
          <a:p>
            <a:pPr marL="285750" indent="-285750">
              <a:spcAft>
                <a:spcPts val="600"/>
              </a:spcAft>
              <a:buFont typeface="Arial" panose="020B0604020202020204" pitchFamily="34" charset="0"/>
              <a:buChar char="•"/>
            </a:pPr>
            <a:r>
              <a:rPr lang="da-DK" dirty="0"/>
              <a:t>Intervention: </a:t>
            </a:r>
            <a:br>
              <a:rPr lang="da-DK" dirty="0"/>
            </a:br>
            <a:r>
              <a:rPr lang="da-DK" i="1" dirty="0"/>
              <a:t>Rådgivning eller undervisning af individer eller grupper rettet mod adfærd </a:t>
            </a:r>
          </a:p>
          <a:p>
            <a:pPr marL="285750" indent="-285750">
              <a:spcAft>
                <a:spcPts val="600"/>
              </a:spcAft>
              <a:buFont typeface="Arial" panose="020B0604020202020204" pitchFamily="34" charset="0"/>
              <a:buChar char="•"/>
            </a:pPr>
            <a:r>
              <a:rPr lang="da-DK" dirty="0"/>
              <a:t>Primært udfald:</a:t>
            </a:r>
            <a:br>
              <a:rPr lang="da-DK" dirty="0"/>
            </a:br>
            <a:r>
              <a:rPr lang="da-DK" i="1" dirty="0"/>
              <a:t>Systolisk blodtryk</a:t>
            </a:r>
          </a:p>
          <a:p>
            <a:pPr marL="285750" indent="-285750">
              <a:buFont typeface="Arial" panose="020B0604020202020204" pitchFamily="34" charset="0"/>
              <a:buChar char="•"/>
            </a:pPr>
            <a:endParaRPr lang="da-DK" dirty="0"/>
          </a:p>
        </p:txBody>
      </p:sp>
    </p:spTree>
    <p:extLst>
      <p:ext uri="{BB962C8B-B14F-4D97-AF65-F5344CB8AC3E}">
        <p14:creationId xmlns:p14="http://schemas.microsoft.com/office/powerpoint/2010/main" val="11688397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1</a:t>
            </a:fld>
            <a:endParaRPr lang="da-DK" dirty="0"/>
          </a:p>
        </p:txBody>
      </p:sp>
      <p:pic>
        <p:nvPicPr>
          <p:cNvPr id="7" name="Billede 6">
            <a:extLst>
              <a:ext uri="{FF2B5EF4-FFF2-40B4-BE49-F238E27FC236}">
                <a16:creationId xmlns:a16="http://schemas.microsoft.com/office/drawing/2014/main" id="{19C2E817-A526-4D6B-884E-7A6FCCF2A8C2}"/>
              </a:ext>
            </a:extLst>
          </p:cNvPr>
          <p:cNvPicPr>
            <a:picLocks noChangeAspect="1"/>
          </p:cNvPicPr>
          <p:nvPr/>
        </p:nvPicPr>
        <p:blipFill>
          <a:blip r:embed="rId2"/>
          <a:stretch>
            <a:fillRect/>
          </a:stretch>
        </p:blipFill>
        <p:spPr>
          <a:xfrm>
            <a:off x="936088" y="1564790"/>
            <a:ext cx="8150144" cy="3331209"/>
          </a:xfrm>
          <a:prstGeom prst="rect">
            <a:avLst/>
          </a:prstGeom>
        </p:spPr>
      </p:pic>
      <p:sp>
        <p:nvSpPr>
          <p:cNvPr id="8" name="Rektangel 7">
            <a:extLst>
              <a:ext uri="{FF2B5EF4-FFF2-40B4-BE49-F238E27FC236}">
                <a16:creationId xmlns:a16="http://schemas.microsoft.com/office/drawing/2014/main" id="{5EF5C8D7-BB9F-4331-94AF-9AE068B8FCAA}"/>
              </a:ext>
            </a:extLst>
          </p:cNvPr>
          <p:cNvSpPr/>
          <p:nvPr/>
        </p:nvSpPr>
        <p:spPr>
          <a:xfrm>
            <a:off x="5796136" y="4342863"/>
            <a:ext cx="1368152" cy="252000"/>
          </a:xfrm>
          <a:prstGeom prst="rect">
            <a:avLst/>
          </a:prstGeom>
          <a:noFill/>
          <a:ln w="19050">
            <a:solidFill>
              <a:srgbClr val="00B050"/>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 name="Tekstfelt 8">
            <a:extLst>
              <a:ext uri="{FF2B5EF4-FFF2-40B4-BE49-F238E27FC236}">
                <a16:creationId xmlns:a16="http://schemas.microsoft.com/office/drawing/2014/main" id="{852FE980-CC7C-4696-B496-5F056BE3C359}"/>
              </a:ext>
            </a:extLst>
          </p:cNvPr>
          <p:cNvSpPr txBox="1"/>
          <p:nvPr/>
        </p:nvSpPr>
        <p:spPr>
          <a:xfrm>
            <a:off x="6011516" y="4975424"/>
            <a:ext cx="2448272" cy="1117871"/>
          </a:xfrm>
          <a:prstGeom prst="rect">
            <a:avLst/>
          </a:prstGeom>
          <a:solidFill>
            <a:srgbClr val="92D050">
              <a:alpha val="38039"/>
            </a:srgbClr>
          </a:solidFill>
          <a:ln>
            <a:noFill/>
          </a:ln>
        </p:spPr>
        <p:txBody>
          <a:bodyPr wrap="square" lIns="108000" tIns="0" rIns="0" bIns="0" rtlCol="0">
            <a:noAutofit/>
          </a:bodyPr>
          <a:lstStyle/>
          <a:p>
            <a:r>
              <a:rPr lang="da-DK" dirty="0"/>
              <a:t>Patienter der modtog intervention havde et systolisk blodtryk der var </a:t>
            </a:r>
            <a:r>
              <a:rPr lang="da-DK" i="1" dirty="0"/>
              <a:t>3,85 mmHg </a:t>
            </a:r>
            <a:r>
              <a:rPr lang="da-DK" dirty="0"/>
              <a:t>lavere</a:t>
            </a:r>
          </a:p>
        </p:txBody>
      </p:sp>
      <p:cxnSp>
        <p:nvCxnSpPr>
          <p:cNvPr id="11" name="Lige forbindelse 10">
            <a:extLst>
              <a:ext uri="{FF2B5EF4-FFF2-40B4-BE49-F238E27FC236}">
                <a16:creationId xmlns:a16="http://schemas.microsoft.com/office/drawing/2014/main" id="{3BA45C94-E9CE-4C69-99AF-FE67D74144E3}"/>
              </a:ext>
            </a:extLst>
          </p:cNvPr>
          <p:cNvCxnSpPr>
            <a:cxnSpLocks/>
            <a:stCxn id="8" idx="2"/>
          </p:cNvCxnSpPr>
          <p:nvPr/>
        </p:nvCxnSpPr>
        <p:spPr>
          <a:xfrm>
            <a:off x="6480212" y="4594863"/>
            <a:ext cx="108012" cy="380561"/>
          </a:xfrm>
          <a:prstGeom prst="line">
            <a:avLst/>
          </a:prstGeom>
          <a:ln w="190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4" name="Lige forbindelse 13">
            <a:extLst>
              <a:ext uri="{FF2B5EF4-FFF2-40B4-BE49-F238E27FC236}">
                <a16:creationId xmlns:a16="http://schemas.microsoft.com/office/drawing/2014/main" id="{2A188121-6866-4B51-896F-FAE8429F3A2D}"/>
              </a:ext>
            </a:extLst>
          </p:cNvPr>
          <p:cNvCxnSpPr>
            <a:cxnSpLocks/>
          </p:cNvCxnSpPr>
          <p:nvPr/>
        </p:nvCxnSpPr>
        <p:spPr>
          <a:xfrm>
            <a:off x="1835696" y="4725144"/>
            <a:ext cx="2988600" cy="0"/>
          </a:xfrm>
          <a:prstGeom prst="line">
            <a:avLst/>
          </a:prstGeom>
          <a:ln w="15875">
            <a:solidFill>
              <a:srgbClr val="FF0000"/>
            </a:solidFill>
          </a:ln>
        </p:spPr>
        <p:style>
          <a:lnRef idx="1">
            <a:schemeClr val="accent1"/>
          </a:lnRef>
          <a:fillRef idx="0">
            <a:schemeClr val="accent1"/>
          </a:fillRef>
          <a:effectRef idx="0">
            <a:schemeClr val="accent1"/>
          </a:effectRef>
          <a:fontRef idx="minor">
            <a:schemeClr val="tx1"/>
          </a:fontRef>
        </p:style>
      </p:cxnSp>
      <p:sp>
        <p:nvSpPr>
          <p:cNvPr id="16" name="Tekstfelt 15">
            <a:extLst>
              <a:ext uri="{FF2B5EF4-FFF2-40B4-BE49-F238E27FC236}">
                <a16:creationId xmlns:a16="http://schemas.microsoft.com/office/drawing/2014/main" id="{3933D1C0-4C66-445C-B619-DC0962F961D9}"/>
              </a:ext>
            </a:extLst>
          </p:cNvPr>
          <p:cNvSpPr txBox="1"/>
          <p:nvPr/>
        </p:nvSpPr>
        <p:spPr>
          <a:xfrm>
            <a:off x="1961346" y="4797284"/>
            <a:ext cx="2664296" cy="1296005"/>
          </a:xfrm>
          <a:prstGeom prst="rect">
            <a:avLst/>
          </a:prstGeom>
          <a:solidFill>
            <a:srgbClr val="FFE1EB"/>
          </a:solidFill>
          <a:ln>
            <a:solidFill>
              <a:srgbClr val="FF0000">
                <a:alpha val="51000"/>
              </a:srgbClr>
            </a:solidFill>
          </a:ln>
        </p:spPr>
        <p:txBody>
          <a:bodyPr wrap="square" lIns="72000" tIns="0" rIns="0" bIns="0" rtlCol="0">
            <a:noAutofit/>
          </a:bodyPr>
          <a:lstStyle/>
          <a:p>
            <a:r>
              <a:rPr lang="da-DK" sz="1600" dirty="0"/>
              <a:t>Moderat til betydelig grad af heterogenitet</a:t>
            </a:r>
          </a:p>
          <a:p>
            <a:pPr marL="182563" indent="-95250"/>
            <a:r>
              <a:rPr lang="da-DK" sz="1600" dirty="0"/>
              <a:t>- </a:t>
            </a:r>
            <a:r>
              <a:rPr lang="da-DK" sz="1600" i="1" dirty="0"/>
              <a:t>forventeligt når der også er metodisk og klinisk heterogenitet</a:t>
            </a:r>
          </a:p>
        </p:txBody>
      </p:sp>
      <p:sp>
        <p:nvSpPr>
          <p:cNvPr id="12" name="Tekstfelt 11">
            <a:extLst>
              <a:ext uri="{FF2B5EF4-FFF2-40B4-BE49-F238E27FC236}">
                <a16:creationId xmlns:a16="http://schemas.microsoft.com/office/drawing/2014/main" id="{FCD67C03-5FB0-46EF-A5FD-6B4A0AD0DDD8}"/>
              </a:ext>
            </a:extLst>
          </p:cNvPr>
          <p:cNvSpPr txBox="1"/>
          <p:nvPr/>
        </p:nvSpPr>
        <p:spPr>
          <a:xfrm>
            <a:off x="1097576" y="1432756"/>
            <a:ext cx="7632848" cy="330794"/>
          </a:xfrm>
          <a:prstGeom prst="rect">
            <a:avLst/>
          </a:prstGeom>
          <a:noFill/>
        </p:spPr>
        <p:txBody>
          <a:bodyPr wrap="square" lIns="0" tIns="0" rIns="0" bIns="0" rtlCol="0">
            <a:noAutofit/>
          </a:bodyPr>
          <a:lstStyle/>
          <a:p>
            <a:pPr algn="ctr"/>
            <a:r>
              <a:rPr lang="da-DK" dirty="0"/>
              <a:t>Systolisk blodtryk</a:t>
            </a:r>
          </a:p>
        </p:txBody>
      </p:sp>
    </p:spTree>
    <p:extLst>
      <p:ext uri="{BB962C8B-B14F-4D97-AF65-F5344CB8AC3E}">
        <p14:creationId xmlns:p14="http://schemas.microsoft.com/office/powerpoint/2010/main" val="11459741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2</a:t>
            </a:fld>
            <a:endParaRPr lang="da-DK" dirty="0"/>
          </a:p>
        </p:txBody>
      </p:sp>
      <p:pic>
        <p:nvPicPr>
          <p:cNvPr id="12" name="Billede 11">
            <a:extLst>
              <a:ext uri="{FF2B5EF4-FFF2-40B4-BE49-F238E27FC236}">
                <a16:creationId xmlns:a16="http://schemas.microsoft.com/office/drawing/2014/main" id="{9657FBBB-0AF2-4EBB-BD40-219FB94A0B5D}"/>
              </a:ext>
            </a:extLst>
          </p:cNvPr>
          <p:cNvPicPr>
            <a:picLocks noChangeAspect="1"/>
          </p:cNvPicPr>
          <p:nvPr/>
        </p:nvPicPr>
        <p:blipFill>
          <a:blip r:embed="rId2"/>
          <a:stretch>
            <a:fillRect/>
          </a:stretch>
        </p:blipFill>
        <p:spPr>
          <a:xfrm>
            <a:off x="1187624" y="1797185"/>
            <a:ext cx="6591856" cy="4080673"/>
          </a:xfrm>
          <a:prstGeom prst="rect">
            <a:avLst/>
          </a:prstGeom>
        </p:spPr>
      </p:pic>
      <p:sp>
        <p:nvSpPr>
          <p:cNvPr id="3" name="Tekstfelt 2">
            <a:extLst>
              <a:ext uri="{FF2B5EF4-FFF2-40B4-BE49-F238E27FC236}">
                <a16:creationId xmlns:a16="http://schemas.microsoft.com/office/drawing/2014/main" id="{6E0ADCCD-C844-4D2F-9F5E-02202C5E949E}"/>
              </a:ext>
            </a:extLst>
          </p:cNvPr>
          <p:cNvSpPr txBox="1"/>
          <p:nvPr/>
        </p:nvSpPr>
        <p:spPr>
          <a:xfrm>
            <a:off x="7616047" y="2391372"/>
            <a:ext cx="1292821" cy="631390"/>
          </a:xfrm>
          <a:prstGeom prst="rect">
            <a:avLst/>
          </a:prstGeom>
          <a:solidFill>
            <a:srgbClr val="DDF0C8"/>
          </a:solidFill>
        </p:spPr>
        <p:txBody>
          <a:bodyPr wrap="square" lIns="0" tIns="0" rIns="0" bIns="0" rtlCol="0">
            <a:noAutofit/>
          </a:bodyPr>
          <a:lstStyle/>
          <a:p>
            <a:pPr algn="ctr"/>
            <a:r>
              <a:rPr lang="da-DK" sz="1400" dirty="0"/>
              <a:t>Afgrænset til TIA og </a:t>
            </a:r>
            <a:r>
              <a:rPr lang="da-DK" sz="1400" dirty="0" err="1"/>
              <a:t>minor</a:t>
            </a:r>
            <a:r>
              <a:rPr lang="da-DK" sz="1400" dirty="0"/>
              <a:t> stroke</a:t>
            </a:r>
          </a:p>
        </p:txBody>
      </p:sp>
      <p:sp>
        <p:nvSpPr>
          <p:cNvPr id="8" name="Tekstfelt 7">
            <a:extLst>
              <a:ext uri="{FF2B5EF4-FFF2-40B4-BE49-F238E27FC236}">
                <a16:creationId xmlns:a16="http://schemas.microsoft.com/office/drawing/2014/main" id="{5C9B1A56-CC85-4E90-8F85-4319B64F840F}"/>
              </a:ext>
            </a:extLst>
          </p:cNvPr>
          <p:cNvSpPr txBox="1"/>
          <p:nvPr/>
        </p:nvSpPr>
        <p:spPr>
          <a:xfrm>
            <a:off x="7612938" y="3631288"/>
            <a:ext cx="1295931" cy="641268"/>
          </a:xfrm>
          <a:prstGeom prst="rect">
            <a:avLst/>
          </a:prstGeom>
          <a:solidFill>
            <a:srgbClr val="DDF0C8"/>
          </a:solidFill>
        </p:spPr>
        <p:txBody>
          <a:bodyPr wrap="square" lIns="0" tIns="0" rIns="0" bIns="0" rtlCol="0">
            <a:noAutofit/>
          </a:bodyPr>
          <a:lstStyle/>
          <a:p>
            <a:pPr algn="ctr"/>
            <a:r>
              <a:rPr lang="da-DK" sz="1400" dirty="0"/>
              <a:t>Alle </a:t>
            </a:r>
            <a:r>
              <a:rPr lang="da-DK" sz="1400" dirty="0" err="1"/>
              <a:t>sværheds-grader</a:t>
            </a:r>
            <a:r>
              <a:rPr lang="da-DK" sz="1400" dirty="0"/>
              <a:t> inkluderet</a:t>
            </a:r>
          </a:p>
        </p:txBody>
      </p:sp>
      <p:sp>
        <p:nvSpPr>
          <p:cNvPr id="9" name="Tekstfelt 8">
            <a:extLst>
              <a:ext uri="{FF2B5EF4-FFF2-40B4-BE49-F238E27FC236}">
                <a16:creationId xmlns:a16="http://schemas.microsoft.com/office/drawing/2014/main" id="{1DBF2DE2-B158-4161-A197-1CBCE19287BC}"/>
              </a:ext>
            </a:extLst>
          </p:cNvPr>
          <p:cNvSpPr txBox="1"/>
          <p:nvPr/>
        </p:nvSpPr>
        <p:spPr>
          <a:xfrm>
            <a:off x="7612937" y="4634346"/>
            <a:ext cx="1292821" cy="641268"/>
          </a:xfrm>
          <a:prstGeom prst="rect">
            <a:avLst/>
          </a:prstGeom>
          <a:solidFill>
            <a:srgbClr val="DDF0C8"/>
          </a:solidFill>
        </p:spPr>
        <p:txBody>
          <a:bodyPr wrap="square" lIns="0" tIns="0" rIns="0" bIns="0" rtlCol="0">
            <a:noAutofit/>
          </a:bodyPr>
          <a:lstStyle/>
          <a:p>
            <a:pPr algn="ctr"/>
            <a:r>
              <a:rPr lang="da-DK" sz="1400" dirty="0"/>
              <a:t>Sværhedsgrad ikke angivet i artiklen </a:t>
            </a:r>
          </a:p>
        </p:txBody>
      </p:sp>
      <p:sp>
        <p:nvSpPr>
          <p:cNvPr id="7" name="Højre klammeparentes 6">
            <a:extLst>
              <a:ext uri="{FF2B5EF4-FFF2-40B4-BE49-F238E27FC236}">
                <a16:creationId xmlns:a16="http://schemas.microsoft.com/office/drawing/2014/main" id="{125FFC33-134F-4370-A67F-3864B0299EB4}"/>
              </a:ext>
            </a:extLst>
          </p:cNvPr>
          <p:cNvSpPr/>
          <p:nvPr/>
        </p:nvSpPr>
        <p:spPr>
          <a:xfrm>
            <a:off x="7452321" y="2273166"/>
            <a:ext cx="144016" cy="867802"/>
          </a:xfrm>
          <a:prstGeom prst="rightBrace">
            <a:avLst>
              <a:gd name="adj1" fmla="val 31450"/>
              <a:gd name="adj2" fmla="val 50000"/>
            </a:avLst>
          </a:prstGeom>
          <a:ln w="9525">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1" name="Højre klammeparentes 10">
            <a:extLst>
              <a:ext uri="{FF2B5EF4-FFF2-40B4-BE49-F238E27FC236}">
                <a16:creationId xmlns:a16="http://schemas.microsoft.com/office/drawing/2014/main" id="{42500776-340B-4938-A283-0D404F4C374F}"/>
              </a:ext>
            </a:extLst>
          </p:cNvPr>
          <p:cNvSpPr/>
          <p:nvPr/>
        </p:nvSpPr>
        <p:spPr>
          <a:xfrm>
            <a:off x="7452321" y="3568141"/>
            <a:ext cx="144016" cy="704415"/>
          </a:xfrm>
          <a:prstGeom prst="rightBrace">
            <a:avLst>
              <a:gd name="adj1" fmla="val 31450"/>
              <a:gd name="adj2" fmla="val 50000"/>
            </a:avLst>
          </a:prstGeom>
          <a:ln w="9525">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3" name="Højre klammeparentes 12">
            <a:extLst>
              <a:ext uri="{FF2B5EF4-FFF2-40B4-BE49-F238E27FC236}">
                <a16:creationId xmlns:a16="http://schemas.microsoft.com/office/drawing/2014/main" id="{96D39DBD-B8FB-4A4F-82EB-4F44E688E560}"/>
              </a:ext>
            </a:extLst>
          </p:cNvPr>
          <p:cNvSpPr/>
          <p:nvPr/>
        </p:nvSpPr>
        <p:spPr>
          <a:xfrm>
            <a:off x="7452321" y="4673242"/>
            <a:ext cx="144016" cy="545482"/>
          </a:xfrm>
          <a:prstGeom prst="rightBrace">
            <a:avLst>
              <a:gd name="adj1" fmla="val 31450"/>
              <a:gd name="adj2" fmla="val 50000"/>
            </a:avLst>
          </a:prstGeom>
          <a:ln w="9525">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Tree>
    <p:extLst>
      <p:ext uri="{BB962C8B-B14F-4D97-AF65-F5344CB8AC3E}">
        <p14:creationId xmlns:p14="http://schemas.microsoft.com/office/powerpoint/2010/main" val="40965190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3</a:t>
            </a:fld>
            <a:endParaRPr lang="da-DK" dirty="0"/>
          </a:p>
        </p:txBody>
      </p:sp>
      <p:sp>
        <p:nvSpPr>
          <p:cNvPr id="8" name="Titel 1">
            <a:extLst>
              <a:ext uri="{FF2B5EF4-FFF2-40B4-BE49-F238E27FC236}">
                <a16:creationId xmlns:a16="http://schemas.microsoft.com/office/drawing/2014/main" id="{9AB84E92-4436-4452-8FC7-F03530DBC591}"/>
              </a:ext>
            </a:extLst>
          </p:cNvPr>
          <p:cNvSpPr txBox="1">
            <a:spLocks/>
          </p:cNvSpPr>
          <p:nvPr/>
        </p:nvSpPr>
        <p:spPr>
          <a:xfrm>
            <a:off x="1367788" y="1200751"/>
            <a:ext cx="7092000" cy="720081"/>
          </a:xfrm>
          <a:prstGeom prst="rect">
            <a:avLst/>
          </a:prstGeom>
        </p:spPr>
        <p:txBody>
          <a:bodyPr vert="horz" lIns="0" tIns="0" rIns="0" bIns="0" rtlCol="0" anchor="b"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Elementer i interventionerne</a:t>
            </a:r>
          </a:p>
        </p:txBody>
      </p:sp>
      <p:sp>
        <p:nvSpPr>
          <p:cNvPr id="3" name="Rektangel: afrundede hjørner 2">
            <a:extLst>
              <a:ext uri="{FF2B5EF4-FFF2-40B4-BE49-F238E27FC236}">
                <a16:creationId xmlns:a16="http://schemas.microsoft.com/office/drawing/2014/main" id="{51E73D12-6097-4EA8-8751-A4E878618A21}"/>
              </a:ext>
            </a:extLst>
          </p:cNvPr>
          <p:cNvSpPr/>
          <p:nvPr/>
        </p:nvSpPr>
        <p:spPr>
          <a:xfrm>
            <a:off x="1367788" y="2248868"/>
            <a:ext cx="3473278" cy="3124348"/>
          </a:xfrm>
          <a:prstGeom prst="roundRect">
            <a:avLst>
              <a:gd name="adj" fmla="val 8765"/>
            </a:avLst>
          </a:prstGeom>
          <a:solidFill>
            <a:srgbClr val="00B0F0">
              <a:alpha val="19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Pladsholder til indhold 5">
            <a:extLst>
              <a:ext uri="{FF2B5EF4-FFF2-40B4-BE49-F238E27FC236}">
                <a16:creationId xmlns:a16="http://schemas.microsoft.com/office/drawing/2014/main" id="{7A9A8AB5-711B-4974-B37B-F0EC21BEEBF6}"/>
              </a:ext>
            </a:extLst>
          </p:cNvPr>
          <p:cNvSpPr>
            <a:spLocks noGrp="1"/>
          </p:cNvSpPr>
          <p:nvPr>
            <p:ph sz="quarter" idx="13"/>
          </p:nvPr>
        </p:nvSpPr>
        <p:spPr>
          <a:xfrm>
            <a:off x="1537116" y="2389835"/>
            <a:ext cx="3303950" cy="2623342"/>
          </a:xfrm>
        </p:spPr>
        <p:txBody>
          <a:bodyPr/>
          <a:lstStyle/>
          <a:p>
            <a:pPr marL="0" indent="0" algn="ctr">
              <a:spcAft>
                <a:spcPts val="600"/>
              </a:spcAft>
              <a:buNone/>
            </a:pPr>
            <a:r>
              <a:rPr lang="da-DK" sz="2000" b="1" dirty="0"/>
              <a:t>Målet med interventionen</a:t>
            </a:r>
          </a:p>
          <a:p>
            <a:pPr marL="361950" lvl="1" indent="-180975"/>
            <a:r>
              <a:rPr lang="da-DK" sz="1800" dirty="0"/>
              <a:t>Varetagelse af egen sundhed</a:t>
            </a:r>
          </a:p>
          <a:p>
            <a:pPr marL="361950" lvl="1" indent="-180975"/>
            <a:r>
              <a:rPr lang="da-DK" sz="1800" dirty="0"/>
              <a:t>Fysisk aktivitet</a:t>
            </a:r>
          </a:p>
          <a:p>
            <a:pPr marL="361950" lvl="1" indent="-180975"/>
            <a:r>
              <a:rPr lang="da-DK" sz="1800" dirty="0"/>
              <a:t>Håndtering af stress og angst</a:t>
            </a:r>
          </a:p>
          <a:p>
            <a:pPr marL="361950" lvl="1" indent="-180975">
              <a:spcAft>
                <a:spcPts val="600"/>
              </a:spcAft>
            </a:pPr>
            <a:r>
              <a:rPr lang="da-DK" sz="1800" dirty="0"/>
              <a:t>Viden og færdigheder</a:t>
            </a:r>
          </a:p>
        </p:txBody>
      </p:sp>
      <p:sp>
        <p:nvSpPr>
          <p:cNvPr id="9" name="Rektangel: afrundede hjørner 8">
            <a:extLst>
              <a:ext uri="{FF2B5EF4-FFF2-40B4-BE49-F238E27FC236}">
                <a16:creationId xmlns:a16="http://schemas.microsoft.com/office/drawing/2014/main" id="{70FDDA81-0B84-4308-9FC5-78893AF71C75}"/>
              </a:ext>
            </a:extLst>
          </p:cNvPr>
          <p:cNvSpPr/>
          <p:nvPr/>
        </p:nvSpPr>
        <p:spPr>
          <a:xfrm>
            <a:off x="5076056" y="2248868"/>
            <a:ext cx="3383732" cy="3124348"/>
          </a:xfrm>
          <a:prstGeom prst="roundRect">
            <a:avLst>
              <a:gd name="adj" fmla="val 9561"/>
            </a:avLst>
          </a:prstGeom>
          <a:solidFill>
            <a:srgbClr val="92D050">
              <a:alpha val="40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Pladsholder til indhold 6">
            <a:extLst>
              <a:ext uri="{FF2B5EF4-FFF2-40B4-BE49-F238E27FC236}">
                <a16:creationId xmlns:a16="http://schemas.microsoft.com/office/drawing/2014/main" id="{7EF81705-EFEE-4CC8-B04C-F2502AC3FA1C}"/>
              </a:ext>
            </a:extLst>
          </p:cNvPr>
          <p:cNvSpPr txBox="1">
            <a:spLocks/>
          </p:cNvSpPr>
          <p:nvPr/>
        </p:nvSpPr>
        <p:spPr>
          <a:xfrm>
            <a:off x="5076056" y="2389834"/>
            <a:ext cx="3383732" cy="3665338"/>
          </a:xfrm>
          <a:prstGeom prst="rect">
            <a:avLst/>
          </a:prstGeom>
        </p:spPr>
        <p:txBody>
          <a:bodyPr vert="horz" lIns="0" tIns="0" rIns="0" bIns="0" rtlCol="0" anchor="t" anchorCtr="0">
            <a:noAutofit/>
          </a:bodyPr>
          <a:lstStyle>
            <a:defPPr>
              <a:defRPr lang="da-DK"/>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da-DK" b="1" dirty="0"/>
              <a:t>Interventionernes tilgange</a:t>
            </a:r>
          </a:p>
          <a:p>
            <a:pPr marL="0" lvl="1" algn="ctr">
              <a:spcAft>
                <a:spcPts val="600"/>
              </a:spcAft>
              <a:buClr>
                <a:schemeClr val="bg1">
                  <a:lumMod val="75000"/>
                </a:schemeClr>
              </a:buClr>
            </a:pPr>
            <a:r>
              <a:rPr lang="da-DK" sz="2000" b="1" dirty="0">
                <a:latin typeface="+mj-lt"/>
              </a:rPr>
              <a:t>Interventionernes tilgange</a:t>
            </a:r>
          </a:p>
          <a:p>
            <a:pPr marL="542925" lvl="1" indent="-180975">
              <a:spcAft>
                <a:spcPts val="600"/>
              </a:spcAft>
              <a:buClr>
                <a:schemeClr val="bg1">
                  <a:lumMod val="75000"/>
                </a:schemeClr>
              </a:buClr>
              <a:buFont typeface="Arial" panose="020B0604020202020204" pitchFamily="34" charset="0"/>
              <a:buChar char="•"/>
            </a:pPr>
            <a:r>
              <a:rPr lang="da-DK" dirty="0"/>
              <a:t>Formidling af viden</a:t>
            </a:r>
          </a:p>
          <a:p>
            <a:pPr marL="542925" lvl="1" indent="-180975">
              <a:spcAft>
                <a:spcPts val="600"/>
              </a:spcAft>
              <a:buClr>
                <a:schemeClr val="bg1">
                  <a:lumMod val="75000"/>
                </a:schemeClr>
              </a:buClr>
              <a:buFont typeface="Arial" panose="020B0604020202020204" pitchFamily="34" charset="0"/>
              <a:buChar char="•"/>
            </a:pPr>
            <a:r>
              <a:rPr lang="da-DK" dirty="0"/>
              <a:t>Rådgivning</a:t>
            </a:r>
          </a:p>
          <a:p>
            <a:pPr marL="542925" lvl="1" indent="-180975">
              <a:spcAft>
                <a:spcPts val="600"/>
              </a:spcAft>
              <a:buClr>
                <a:schemeClr val="bg1">
                  <a:lumMod val="75000"/>
                </a:schemeClr>
              </a:buClr>
              <a:buFont typeface="Arial" panose="020B0604020202020204" pitchFamily="34" charset="0"/>
              <a:buChar char="•"/>
            </a:pPr>
            <a:r>
              <a:rPr lang="da-DK" dirty="0"/>
              <a:t>Fysisk træning</a:t>
            </a:r>
          </a:p>
          <a:p>
            <a:pPr marL="542925" lvl="1" indent="-180975">
              <a:spcAft>
                <a:spcPts val="600"/>
              </a:spcAft>
              <a:buClr>
                <a:schemeClr val="bg1">
                  <a:lumMod val="75000"/>
                </a:schemeClr>
              </a:buClr>
              <a:buFont typeface="Arial" panose="020B0604020202020204" pitchFamily="34" charset="0"/>
              <a:buChar char="•"/>
            </a:pPr>
            <a:r>
              <a:rPr lang="da-DK" dirty="0"/>
              <a:t>Medicin</a:t>
            </a:r>
          </a:p>
          <a:p>
            <a:pPr marL="542925" lvl="1" indent="-180975">
              <a:spcAft>
                <a:spcPts val="600"/>
              </a:spcAft>
              <a:buClr>
                <a:schemeClr val="bg1">
                  <a:lumMod val="75000"/>
                </a:schemeClr>
              </a:buClr>
              <a:buFont typeface="Arial" panose="020B0604020202020204" pitchFamily="34" charset="0"/>
              <a:buChar char="•"/>
            </a:pPr>
            <a:r>
              <a:rPr lang="da-DK" dirty="0"/>
              <a:t>Monitorering</a:t>
            </a:r>
          </a:p>
          <a:p>
            <a:pPr marL="542925" lvl="1" indent="-180975">
              <a:spcAft>
                <a:spcPts val="600"/>
              </a:spcAft>
              <a:buClr>
                <a:schemeClr val="bg1">
                  <a:lumMod val="75000"/>
                </a:schemeClr>
              </a:buClr>
              <a:buFont typeface="Arial" panose="020B0604020202020204" pitchFamily="34" charset="0"/>
              <a:buChar char="•"/>
            </a:pPr>
            <a:r>
              <a:rPr lang="da-DK" dirty="0"/>
              <a:t>Vurdering af behov</a:t>
            </a:r>
          </a:p>
          <a:p>
            <a:pPr marL="542925" lvl="1" indent="-180975">
              <a:spcAft>
                <a:spcPts val="600"/>
              </a:spcAft>
              <a:buClr>
                <a:schemeClr val="bg1">
                  <a:lumMod val="75000"/>
                </a:schemeClr>
              </a:buClr>
              <a:buFont typeface="Arial" panose="020B0604020202020204" pitchFamily="34" charset="0"/>
              <a:buChar char="•"/>
            </a:pPr>
            <a:r>
              <a:rPr lang="da-DK" dirty="0"/>
              <a:t>Støtte</a:t>
            </a:r>
          </a:p>
        </p:txBody>
      </p:sp>
    </p:spTree>
    <p:extLst>
      <p:ext uri="{BB962C8B-B14F-4D97-AF65-F5344CB8AC3E}">
        <p14:creationId xmlns:p14="http://schemas.microsoft.com/office/powerpoint/2010/main" val="424240859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chemeClr val="accent1">
              <a:lumMod val="20000"/>
              <a:lumOff val="80000"/>
            </a:schemeClr>
          </a:solidFill>
        </p:spPr>
        <p:txBody>
          <a:bodyPr anchor="ctr"/>
          <a:lstStyle/>
          <a:p>
            <a:pPr algn="ctr"/>
            <a:r>
              <a:rPr lang="da-DK" dirty="0"/>
              <a:t>1. Systematisk </a:t>
            </a:r>
            <a:r>
              <a:rPr lang="da-DK" dirty="0" err="1"/>
              <a:t>review</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4</a:t>
            </a:fld>
            <a:endParaRPr lang="da-DK" dirty="0"/>
          </a:p>
        </p:txBody>
      </p:sp>
      <p:sp>
        <p:nvSpPr>
          <p:cNvPr id="8" name="Titel 1">
            <a:extLst>
              <a:ext uri="{FF2B5EF4-FFF2-40B4-BE49-F238E27FC236}">
                <a16:creationId xmlns:a16="http://schemas.microsoft.com/office/drawing/2014/main" id="{9AB84E92-4436-4452-8FC7-F03530DBC591}"/>
              </a:ext>
            </a:extLst>
          </p:cNvPr>
          <p:cNvSpPr txBox="1">
            <a:spLocks/>
          </p:cNvSpPr>
          <p:nvPr/>
        </p:nvSpPr>
        <p:spPr>
          <a:xfrm>
            <a:off x="1367788" y="1200751"/>
            <a:ext cx="7092000" cy="720081"/>
          </a:xfrm>
          <a:prstGeom prst="rect">
            <a:avLst/>
          </a:prstGeom>
        </p:spPr>
        <p:txBody>
          <a:bodyPr vert="horz" lIns="0" tIns="0" rIns="0" bIns="0" rtlCol="0" anchor="b"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Elementer i interventionerne</a:t>
            </a:r>
          </a:p>
        </p:txBody>
      </p:sp>
      <p:sp>
        <p:nvSpPr>
          <p:cNvPr id="3" name="Rektangel: afrundede hjørner 2">
            <a:extLst>
              <a:ext uri="{FF2B5EF4-FFF2-40B4-BE49-F238E27FC236}">
                <a16:creationId xmlns:a16="http://schemas.microsoft.com/office/drawing/2014/main" id="{51E73D12-6097-4EA8-8751-A4E878618A21}"/>
              </a:ext>
            </a:extLst>
          </p:cNvPr>
          <p:cNvSpPr/>
          <p:nvPr/>
        </p:nvSpPr>
        <p:spPr>
          <a:xfrm>
            <a:off x="1367788" y="2248868"/>
            <a:ext cx="3473278" cy="3124348"/>
          </a:xfrm>
          <a:prstGeom prst="roundRect">
            <a:avLst>
              <a:gd name="adj" fmla="val 8765"/>
            </a:avLst>
          </a:prstGeom>
          <a:solidFill>
            <a:srgbClr val="00B0F0">
              <a:alpha val="19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Pladsholder til indhold 5">
            <a:extLst>
              <a:ext uri="{FF2B5EF4-FFF2-40B4-BE49-F238E27FC236}">
                <a16:creationId xmlns:a16="http://schemas.microsoft.com/office/drawing/2014/main" id="{7A9A8AB5-711B-4974-B37B-F0EC21BEEBF6}"/>
              </a:ext>
            </a:extLst>
          </p:cNvPr>
          <p:cNvSpPr>
            <a:spLocks noGrp="1"/>
          </p:cNvSpPr>
          <p:nvPr>
            <p:ph sz="quarter" idx="13"/>
          </p:nvPr>
        </p:nvSpPr>
        <p:spPr>
          <a:xfrm>
            <a:off x="1537116" y="2389835"/>
            <a:ext cx="3303950" cy="2623342"/>
          </a:xfrm>
        </p:spPr>
        <p:txBody>
          <a:bodyPr/>
          <a:lstStyle/>
          <a:p>
            <a:pPr marL="0" indent="0" algn="ctr">
              <a:spcAft>
                <a:spcPts val="600"/>
              </a:spcAft>
              <a:buNone/>
            </a:pPr>
            <a:r>
              <a:rPr lang="da-DK" sz="2000" b="1" dirty="0"/>
              <a:t>Målet med interventionen</a:t>
            </a:r>
          </a:p>
          <a:p>
            <a:pPr marL="361950" lvl="1" indent="-180975"/>
            <a:r>
              <a:rPr lang="da-DK" sz="1800" dirty="0">
                <a:solidFill>
                  <a:schemeClr val="tx2">
                    <a:lumMod val="60000"/>
                    <a:lumOff val="40000"/>
                  </a:schemeClr>
                </a:solidFill>
              </a:rPr>
              <a:t>Varetagelse af egen sundhed</a:t>
            </a:r>
          </a:p>
          <a:p>
            <a:pPr marL="361950" lvl="1" indent="-180975"/>
            <a:r>
              <a:rPr lang="da-DK" sz="1800" dirty="0">
                <a:solidFill>
                  <a:schemeClr val="tx2">
                    <a:lumMod val="60000"/>
                    <a:lumOff val="40000"/>
                  </a:schemeClr>
                </a:solidFill>
              </a:rPr>
              <a:t>Fysisk aktivitet</a:t>
            </a:r>
          </a:p>
          <a:p>
            <a:pPr marL="361950" lvl="1" indent="-180975"/>
            <a:r>
              <a:rPr lang="da-DK" sz="1800" dirty="0">
                <a:solidFill>
                  <a:schemeClr val="tx2">
                    <a:lumMod val="60000"/>
                    <a:lumOff val="40000"/>
                  </a:schemeClr>
                </a:solidFill>
              </a:rPr>
              <a:t>Håndtering af stress og angst</a:t>
            </a:r>
          </a:p>
          <a:p>
            <a:pPr marL="361950" lvl="1" indent="-180975">
              <a:spcAft>
                <a:spcPts val="600"/>
              </a:spcAft>
            </a:pPr>
            <a:r>
              <a:rPr lang="da-DK" sz="1800" dirty="0">
                <a:solidFill>
                  <a:schemeClr val="tx2">
                    <a:lumMod val="60000"/>
                    <a:lumOff val="40000"/>
                  </a:schemeClr>
                </a:solidFill>
              </a:rPr>
              <a:t>Viden og færdigheder</a:t>
            </a:r>
          </a:p>
        </p:txBody>
      </p:sp>
      <p:sp>
        <p:nvSpPr>
          <p:cNvPr id="9" name="Rektangel: afrundede hjørner 8">
            <a:extLst>
              <a:ext uri="{FF2B5EF4-FFF2-40B4-BE49-F238E27FC236}">
                <a16:creationId xmlns:a16="http://schemas.microsoft.com/office/drawing/2014/main" id="{70FDDA81-0B84-4308-9FC5-78893AF71C75}"/>
              </a:ext>
            </a:extLst>
          </p:cNvPr>
          <p:cNvSpPr/>
          <p:nvPr/>
        </p:nvSpPr>
        <p:spPr>
          <a:xfrm>
            <a:off x="5076056" y="2248868"/>
            <a:ext cx="3383732" cy="3124348"/>
          </a:xfrm>
          <a:prstGeom prst="roundRect">
            <a:avLst>
              <a:gd name="adj" fmla="val 9561"/>
            </a:avLst>
          </a:prstGeom>
          <a:solidFill>
            <a:srgbClr val="92D050">
              <a:alpha val="40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Pladsholder til indhold 6">
            <a:extLst>
              <a:ext uri="{FF2B5EF4-FFF2-40B4-BE49-F238E27FC236}">
                <a16:creationId xmlns:a16="http://schemas.microsoft.com/office/drawing/2014/main" id="{7EF81705-EFEE-4CC8-B04C-F2502AC3FA1C}"/>
              </a:ext>
            </a:extLst>
          </p:cNvPr>
          <p:cNvSpPr txBox="1">
            <a:spLocks/>
          </p:cNvSpPr>
          <p:nvPr/>
        </p:nvSpPr>
        <p:spPr>
          <a:xfrm>
            <a:off x="5076056" y="2389834"/>
            <a:ext cx="3383732" cy="3665338"/>
          </a:xfrm>
          <a:prstGeom prst="rect">
            <a:avLst/>
          </a:prstGeom>
        </p:spPr>
        <p:txBody>
          <a:bodyPr vert="horz" lIns="0" tIns="0" rIns="0" bIns="0" rtlCol="0" anchor="t" anchorCtr="0">
            <a:noAutofit/>
          </a:bodyPr>
          <a:lstStyle>
            <a:defPPr>
              <a:defRPr lang="da-DK"/>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da-DK" b="1" dirty="0"/>
              <a:t>Interventionernes tilgange</a:t>
            </a:r>
          </a:p>
          <a:p>
            <a:pPr marL="0" lvl="1" algn="ctr">
              <a:spcAft>
                <a:spcPts val="600"/>
              </a:spcAft>
              <a:buClr>
                <a:schemeClr val="bg1">
                  <a:lumMod val="75000"/>
                </a:schemeClr>
              </a:buClr>
            </a:pPr>
            <a:r>
              <a:rPr lang="da-DK" sz="2000" b="1" dirty="0">
                <a:latin typeface="+mj-lt"/>
              </a:rPr>
              <a:t>Interventionernes tilgange</a:t>
            </a:r>
          </a:p>
          <a:p>
            <a:pPr marL="542925" lvl="1" indent="-180975">
              <a:spcAft>
                <a:spcPts val="600"/>
              </a:spcAft>
              <a:buClr>
                <a:schemeClr val="bg1">
                  <a:lumMod val="75000"/>
                </a:schemeClr>
              </a:buClr>
              <a:buFont typeface="Arial" panose="020B0604020202020204" pitchFamily="34" charset="0"/>
              <a:buChar char="•"/>
            </a:pPr>
            <a:r>
              <a:rPr lang="da-DK" dirty="0">
                <a:solidFill>
                  <a:schemeClr val="tx2">
                    <a:lumMod val="60000"/>
                    <a:lumOff val="40000"/>
                  </a:schemeClr>
                </a:solidFill>
              </a:rPr>
              <a:t>Formidling af viden</a:t>
            </a:r>
          </a:p>
          <a:p>
            <a:pPr marL="542925" lvl="1" indent="-180975">
              <a:spcAft>
                <a:spcPts val="600"/>
              </a:spcAft>
              <a:buClr>
                <a:schemeClr val="bg1">
                  <a:lumMod val="75000"/>
                </a:schemeClr>
              </a:buClr>
              <a:buFont typeface="Arial" panose="020B0604020202020204" pitchFamily="34" charset="0"/>
              <a:buChar char="•"/>
            </a:pPr>
            <a:r>
              <a:rPr lang="da-DK" dirty="0">
                <a:solidFill>
                  <a:schemeClr val="tx2">
                    <a:lumMod val="60000"/>
                    <a:lumOff val="40000"/>
                  </a:schemeClr>
                </a:solidFill>
              </a:rPr>
              <a:t>Rådgivning</a:t>
            </a:r>
          </a:p>
          <a:p>
            <a:pPr marL="542925" lvl="1" indent="-180975">
              <a:spcAft>
                <a:spcPts val="600"/>
              </a:spcAft>
              <a:buClr>
                <a:schemeClr val="bg1">
                  <a:lumMod val="75000"/>
                </a:schemeClr>
              </a:buClr>
              <a:buFont typeface="Arial" panose="020B0604020202020204" pitchFamily="34" charset="0"/>
              <a:buChar char="•"/>
            </a:pPr>
            <a:r>
              <a:rPr lang="da-DK" b="1" dirty="0"/>
              <a:t>Fysisk træning</a:t>
            </a:r>
          </a:p>
          <a:p>
            <a:pPr marL="542925" lvl="1" indent="-180975">
              <a:spcAft>
                <a:spcPts val="600"/>
              </a:spcAft>
              <a:buClr>
                <a:schemeClr val="bg1">
                  <a:lumMod val="75000"/>
                </a:schemeClr>
              </a:buClr>
              <a:buFont typeface="Arial" panose="020B0604020202020204" pitchFamily="34" charset="0"/>
              <a:buChar char="•"/>
            </a:pPr>
            <a:r>
              <a:rPr lang="da-DK" dirty="0"/>
              <a:t>Medicin</a:t>
            </a:r>
          </a:p>
          <a:p>
            <a:pPr marL="542925" lvl="1" indent="-180975">
              <a:spcAft>
                <a:spcPts val="600"/>
              </a:spcAft>
              <a:buClr>
                <a:schemeClr val="bg1">
                  <a:lumMod val="75000"/>
                </a:schemeClr>
              </a:buClr>
              <a:buFont typeface="Arial" panose="020B0604020202020204" pitchFamily="34" charset="0"/>
              <a:buChar char="•"/>
            </a:pPr>
            <a:r>
              <a:rPr lang="da-DK" dirty="0"/>
              <a:t>Monitorering</a:t>
            </a:r>
          </a:p>
          <a:p>
            <a:pPr marL="542925" lvl="1" indent="-180975">
              <a:spcAft>
                <a:spcPts val="600"/>
              </a:spcAft>
              <a:buClr>
                <a:schemeClr val="bg1">
                  <a:lumMod val="75000"/>
                </a:schemeClr>
              </a:buClr>
              <a:buFont typeface="Arial" panose="020B0604020202020204" pitchFamily="34" charset="0"/>
              <a:buChar char="•"/>
            </a:pPr>
            <a:r>
              <a:rPr lang="da-DK" dirty="0">
                <a:solidFill>
                  <a:schemeClr val="tx2">
                    <a:lumMod val="60000"/>
                    <a:lumOff val="40000"/>
                  </a:schemeClr>
                </a:solidFill>
              </a:rPr>
              <a:t>Vurdering af behov</a:t>
            </a:r>
          </a:p>
          <a:p>
            <a:pPr marL="542925" lvl="1" indent="-180975">
              <a:spcAft>
                <a:spcPts val="600"/>
              </a:spcAft>
              <a:buClr>
                <a:schemeClr val="bg1">
                  <a:lumMod val="75000"/>
                </a:schemeClr>
              </a:buClr>
              <a:buFont typeface="Arial" panose="020B0604020202020204" pitchFamily="34" charset="0"/>
              <a:buChar char="•"/>
            </a:pPr>
            <a:r>
              <a:rPr lang="da-DK" dirty="0">
                <a:solidFill>
                  <a:schemeClr val="tx2">
                    <a:lumMod val="60000"/>
                    <a:lumOff val="40000"/>
                  </a:schemeClr>
                </a:solidFill>
              </a:rPr>
              <a:t>Støtte</a:t>
            </a:r>
          </a:p>
        </p:txBody>
      </p:sp>
      <p:sp>
        <p:nvSpPr>
          <p:cNvPr id="7" name="Rektangel 6">
            <a:extLst>
              <a:ext uri="{FF2B5EF4-FFF2-40B4-BE49-F238E27FC236}">
                <a16:creationId xmlns:a16="http://schemas.microsoft.com/office/drawing/2014/main" id="{2F68F356-A126-4E1F-AB7E-D80AEBEEBE15}"/>
              </a:ext>
            </a:extLst>
          </p:cNvPr>
          <p:cNvSpPr/>
          <p:nvPr/>
        </p:nvSpPr>
        <p:spPr>
          <a:xfrm>
            <a:off x="5508104" y="3451002"/>
            <a:ext cx="1872208" cy="360040"/>
          </a:xfrm>
          <a:prstGeom prst="rect">
            <a:avLst/>
          </a:prstGeom>
          <a:noFill/>
          <a:ln w="15875">
            <a:solidFill>
              <a:srgbClr val="FF0000"/>
            </a:solidFill>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2" name="Tekstfelt 11">
            <a:extLst>
              <a:ext uri="{FF2B5EF4-FFF2-40B4-BE49-F238E27FC236}">
                <a16:creationId xmlns:a16="http://schemas.microsoft.com/office/drawing/2014/main" id="{FC0A9392-0BFE-477F-A09A-1344F10299E5}"/>
              </a:ext>
            </a:extLst>
          </p:cNvPr>
          <p:cNvSpPr txBox="1"/>
          <p:nvPr/>
        </p:nvSpPr>
        <p:spPr>
          <a:xfrm>
            <a:off x="5269709" y="3873790"/>
            <a:ext cx="2996426" cy="707337"/>
          </a:xfrm>
          <a:prstGeom prst="rect">
            <a:avLst/>
          </a:prstGeom>
          <a:solidFill>
            <a:schemeClr val="bg1"/>
          </a:solidFill>
          <a:ln>
            <a:solidFill>
              <a:schemeClr val="bg1">
                <a:lumMod val="75000"/>
              </a:schemeClr>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dirty="0"/>
              <a:t>Mean </a:t>
            </a:r>
            <a:r>
              <a:rPr lang="da-DK" dirty="0" err="1"/>
              <a:t>diff</a:t>
            </a:r>
            <a:r>
              <a:rPr lang="da-DK" dirty="0"/>
              <a:t>. = -9,83 mmHg </a:t>
            </a:r>
          </a:p>
          <a:p>
            <a:pPr algn="ctr"/>
            <a:r>
              <a:rPr lang="da-DK" dirty="0"/>
              <a:t>[-16,56; -3,09]</a:t>
            </a:r>
          </a:p>
        </p:txBody>
      </p:sp>
    </p:spTree>
    <p:extLst>
      <p:ext uri="{BB962C8B-B14F-4D97-AF65-F5344CB8AC3E}">
        <p14:creationId xmlns:p14="http://schemas.microsoft.com/office/powerpoint/2010/main" val="58454292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3" name="Pladsholder til indhold 2">
            <a:extLst>
              <a:ext uri="{FF2B5EF4-FFF2-40B4-BE49-F238E27FC236}">
                <a16:creationId xmlns:a16="http://schemas.microsoft.com/office/drawing/2014/main" id="{5529CE6E-C106-42C9-BE31-122434886F12}"/>
              </a:ext>
            </a:extLst>
          </p:cNvPr>
          <p:cNvSpPr>
            <a:spLocks noGrp="1"/>
          </p:cNvSpPr>
          <p:nvPr>
            <p:ph sz="quarter" idx="13"/>
          </p:nvPr>
        </p:nvSpPr>
        <p:spPr>
          <a:xfrm>
            <a:off x="1547663" y="3146405"/>
            <a:ext cx="6696744" cy="1770956"/>
          </a:xfrm>
        </p:spPr>
        <p:txBody>
          <a:bodyPr/>
          <a:lstStyle/>
          <a:p>
            <a:pPr>
              <a:spcAft>
                <a:spcPts val="600"/>
              </a:spcAft>
            </a:pPr>
            <a:r>
              <a:rPr lang="da-DK" sz="2400" dirty="0"/>
              <a:t>Formål</a:t>
            </a:r>
          </a:p>
          <a:p>
            <a:pPr marL="342000" lvl="2" indent="0">
              <a:buNone/>
            </a:pPr>
            <a:r>
              <a:rPr lang="da-DK" sz="2000" dirty="0"/>
              <a:t>At undersøge anvendeligheden og effekten af tidligt initieret klient-centreret patientrådgivning om rygestop, fysisk aktivitet og medicin-adhærence hos patienter med let apopleksi/TCI</a:t>
            </a:r>
          </a:p>
          <a:p>
            <a:pPr marL="179388" lvl="2" indent="-179388">
              <a:spcAft>
                <a:spcPts val="600"/>
              </a:spcAft>
            </a:pPr>
            <a:r>
              <a:rPr lang="da-DK" sz="2400" dirty="0"/>
              <a:t>Design</a:t>
            </a:r>
          </a:p>
          <a:p>
            <a:pPr marL="360000" lvl="3" indent="0">
              <a:buNone/>
            </a:pPr>
            <a:r>
              <a:rPr lang="da-DK" sz="2000" dirty="0"/>
              <a:t>Randomiseret kontrolleret pilot studie</a:t>
            </a:r>
          </a:p>
          <a:p>
            <a:pPr marL="342000" lvl="2" indent="0">
              <a:buNone/>
            </a:pPr>
            <a:endParaRPr lang="da-DK" i="1" dirty="0"/>
          </a:p>
          <a:p>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5</a:t>
            </a:fld>
            <a:endParaRPr lang="da-DK" dirty="0"/>
          </a:p>
        </p:txBody>
      </p:sp>
      <p:sp>
        <p:nvSpPr>
          <p:cNvPr id="8" name="Tekstboks 7">
            <a:extLst>
              <a:ext uri="{FF2B5EF4-FFF2-40B4-BE49-F238E27FC236}">
                <a16:creationId xmlns:a16="http://schemas.microsoft.com/office/drawing/2014/main" id="{46EB14EE-B465-45C6-8F31-B5366B2E4F5C}"/>
              </a:ext>
            </a:extLst>
          </p:cNvPr>
          <p:cNvSpPr txBox="1"/>
          <p:nvPr/>
        </p:nvSpPr>
        <p:spPr>
          <a:xfrm>
            <a:off x="1547663" y="1658044"/>
            <a:ext cx="6696744" cy="1200329"/>
          </a:xfrm>
          <a:prstGeom prst="rect">
            <a:avLst/>
          </a:prstGeom>
          <a:solidFill>
            <a:srgbClr val="FFF3CD"/>
          </a:solidFill>
          <a:ln>
            <a:solidFill>
              <a:srgbClr val="FFC000"/>
            </a:solidFill>
          </a:ln>
        </p:spPr>
        <p:txBody>
          <a:bodyPr wrap="square" rtlCol="0">
            <a:spAutoFit/>
          </a:bodyPr>
          <a:lstStyle/>
          <a:p>
            <a:pPr algn="just"/>
            <a:r>
              <a:rPr lang="da-DK" sz="2400" dirty="0">
                <a:latin typeface="+mn-lt"/>
              </a:rPr>
              <a:t>Tidligt initieret patient rådgivning om rygestop, fysisk aktivitet &amp; </a:t>
            </a:r>
            <a:r>
              <a:rPr lang="da-DK" sz="2400" dirty="0" err="1">
                <a:latin typeface="+mn-lt"/>
              </a:rPr>
              <a:t>medicintagning</a:t>
            </a:r>
            <a:r>
              <a:rPr lang="da-DK" sz="2400" dirty="0">
                <a:latin typeface="+mn-lt"/>
              </a:rPr>
              <a:t> hos patienter med let apopleksi/TCI</a:t>
            </a:r>
          </a:p>
        </p:txBody>
      </p:sp>
    </p:spTree>
    <p:extLst>
      <p:ext uri="{BB962C8B-B14F-4D97-AF65-F5344CB8AC3E}">
        <p14:creationId xmlns:p14="http://schemas.microsoft.com/office/powerpoint/2010/main" val="146728491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6</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Rådgivningen</a:t>
            </a:r>
          </a:p>
        </p:txBody>
      </p:sp>
      <p:sp>
        <p:nvSpPr>
          <p:cNvPr id="8" name="Rektangel: afrundede hjørner 7">
            <a:extLst>
              <a:ext uri="{FF2B5EF4-FFF2-40B4-BE49-F238E27FC236}">
                <a16:creationId xmlns:a16="http://schemas.microsoft.com/office/drawing/2014/main" id="{7DAD8FED-BCCE-4FBB-A9BE-1515A4D1EF36}"/>
              </a:ext>
            </a:extLst>
          </p:cNvPr>
          <p:cNvSpPr/>
          <p:nvPr/>
        </p:nvSpPr>
        <p:spPr>
          <a:xfrm>
            <a:off x="1259632" y="2728816"/>
            <a:ext cx="2450202" cy="3076448"/>
          </a:xfrm>
          <a:prstGeom prst="roundRect">
            <a:avLst>
              <a:gd name="adj" fmla="val 8182"/>
            </a:avLst>
          </a:prstGeom>
          <a:solidFill>
            <a:schemeClr val="accent3">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2" name="Rektangel: afrundede hjørner 11">
            <a:extLst>
              <a:ext uri="{FF2B5EF4-FFF2-40B4-BE49-F238E27FC236}">
                <a16:creationId xmlns:a16="http://schemas.microsoft.com/office/drawing/2014/main" id="{8E3783D1-5963-4829-A047-588FAEA9EF73}"/>
              </a:ext>
            </a:extLst>
          </p:cNvPr>
          <p:cNvSpPr/>
          <p:nvPr/>
        </p:nvSpPr>
        <p:spPr>
          <a:xfrm>
            <a:off x="3823834" y="2728816"/>
            <a:ext cx="2346332" cy="3076448"/>
          </a:xfrm>
          <a:prstGeom prst="roundRect">
            <a:avLst>
              <a:gd name="adj" fmla="val 8182"/>
            </a:avLst>
          </a:prstGeom>
          <a:solidFill>
            <a:schemeClr val="accent3">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852D4AF6-0116-4B27-A7F0-05D65AF3D1A1}"/>
              </a:ext>
            </a:extLst>
          </p:cNvPr>
          <p:cNvSpPr/>
          <p:nvPr/>
        </p:nvSpPr>
        <p:spPr>
          <a:xfrm>
            <a:off x="6265643" y="2728816"/>
            <a:ext cx="2338805" cy="3076448"/>
          </a:xfrm>
          <a:prstGeom prst="roundRect">
            <a:avLst>
              <a:gd name="adj" fmla="val 8182"/>
            </a:avLst>
          </a:prstGeom>
          <a:solidFill>
            <a:schemeClr val="accent3">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3" name="Tekstfelt 102">
            <a:extLst>
              <a:ext uri="{FF2B5EF4-FFF2-40B4-BE49-F238E27FC236}">
                <a16:creationId xmlns:a16="http://schemas.microsoft.com/office/drawing/2014/main" id="{07C7DB4F-8D66-405C-9EA2-7D1149115B5A}"/>
              </a:ext>
            </a:extLst>
          </p:cNvPr>
          <p:cNvSpPr txBox="1"/>
          <p:nvPr/>
        </p:nvSpPr>
        <p:spPr>
          <a:xfrm>
            <a:off x="3923928" y="2780928"/>
            <a:ext cx="2165955" cy="1057572"/>
          </a:xfrm>
          <a:prstGeom prst="rect">
            <a:avLst/>
          </a:prstGeom>
          <a:noFill/>
        </p:spPr>
        <p:txBody>
          <a:bodyPr wrap="square" lIns="0" tIns="0" rIns="0" bIns="0" rtlCol="0">
            <a:noAutofit/>
          </a:bodyPr>
          <a:lstStyle/>
          <a:p>
            <a:pPr algn="ctr">
              <a:spcAft>
                <a:spcPts val="600"/>
              </a:spcAft>
            </a:pPr>
            <a:r>
              <a:rPr lang="da-DK" sz="2000" b="1" dirty="0"/>
              <a:t>Klient-centreret</a:t>
            </a:r>
          </a:p>
          <a:p>
            <a:pPr marL="182563" indent="-182563">
              <a:spcAft>
                <a:spcPts val="600"/>
              </a:spcAft>
              <a:buFont typeface="Arial" panose="020B0604020202020204" pitchFamily="34" charset="0"/>
              <a:buChar char="•"/>
            </a:pPr>
            <a:r>
              <a:rPr lang="da-DK" dirty="0"/>
              <a:t>Ægte og ærlig samtale</a:t>
            </a:r>
          </a:p>
          <a:p>
            <a:pPr marL="182563" indent="-182563">
              <a:spcAft>
                <a:spcPts val="600"/>
              </a:spcAft>
              <a:buFont typeface="Arial" panose="020B0604020202020204" pitchFamily="34" charset="0"/>
              <a:buChar char="•"/>
            </a:pPr>
            <a:r>
              <a:rPr lang="da-DK" dirty="0"/>
              <a:t>Åbenhed om intentionen </a:t>
            </a:r>
          </a:p>
          <a:p>
            <a:pPr marL="182563" indent="-182563">
              <a:spcAft>
                <a:spcPts val="600"/>
              </a:spcAft>
              <a:buFont typeface="Arial" panose="020B0604020202020204" pitchFamily="34" charset="0"/>
              <a:buChar char="•"/>
            </a:pPr>
            <a:r>
              <a:rPr lang="da-DK" dirty="0"/>
              <a:t>Accept af patienten</a:t>
            </a:r>
          </a:p>
          <a:p>
            <a:pPr marL="182563" indent="-182563">
              <a:spcAft>
                <a:spcPts val="600"/>
              </a:spcAft>
              <a:buFont typeface="Arial" panose="020B0604020202020204" pitchFamily="34" charset="0"/>
              <a:buChar char="•"/>
            </a:pPr>
            <a:r>
              <a:rPr lang="da-DK" dirty="0"/>
              <a:t>Empati</a:t>
            </a:r>
            <a:endParaRPr lang="da-DK" sz="1600" dirty="0"/>
          </a:p>
        </p:txBody>
      </p:sp>
      <p:sp>
        <p:nvSpPr>
          <p:cNvPr id="104" name="Tekstfelt 103">
            <a:extLst>
              <a:ext uri="{FF2B5EF4-FFF2-40B4-BE49-F238E27FC236}">
                <a16:creationId xmlns:a16="http://schemas.microsoft.com/office/drawing/2014/main" id="{11031875-728B-41F2-B1AD-4E0E92C959A7}"/>
              </a:ext>
            </a:extLst>
          </p:cNvPr>
          <p:cNvSpPr txBox="1"/>
          <p:nvPr/>
        </p:nvSpPr>
        <p:spPr>
          <a:xfrm>
            <a:off x="6341525" y="2780928"/>
            <a:ext cx="2187040" cy="1595892"/>
          </a:xfrm>
          <a:prstGeom prst="rect">
            <a:avLst/>
          </a:prstGeom>
          <a:noFill/>
        </p:spPr>
        <p:txBody>
          <a:bodyPr wrap="square" lIns="0" tIns="0" rIns="0" bIns="0" rtlCol="0">
            <a:noAutofit/>
          </a:bodyPr>
          <a:lstStyle/>
          <a:p>
            <a:pPr algn="ctr">
              <a:spcAft>
                <a:spcPts val="600"/>
              </a:spcAft>
            </a:pPr>
            <a:r>
              <a:rPr lang="da-DK" sz="2000" b="1" dirty="0"/>
              <a:t>Rehabiliterende</a:t>
            </a:r>
          </a:p>
          <a:p>
            <a:pPr marL="182563" indent="-182563">
              <a:spcAft>
                <a:spcPts val="600"/>
              </a:spcAft>
              <a:buFont typeface="Arial" panose="020B0604020202020204" pitchFamily="34" charset="0"/>
              <a:buChar char="•"/>
            </a:pPr>
            <a:r>
              <a:rPr lang="da-DK" dirty="0"/>
              <a:t>Helhedsorienteret </a:t>
            </a:r>
          </a:p>
          <a:p>
            <a:pPr marL="182563" indent="-182563">
              <a:spcAft>
                <a:spcPts val="600"/>
              </a:spcAft>
              <a:buFont typeface="Arial" panose="020B0604020202020204" pitchFamily="34" charset="0"/>
              <a:buChar char="•"/>
            </a:pPr>
            <a:r>
              <a:rPr lang="da-DK" dirty="0"/>
              <a:t>Tilpasning til patientens evner og forståelse</a:t>
            </a:r>
          </a:p>
          <a:p>
            <a:pPr marL="182563" indent="-182563">
              <a:spcAft>
                <a:spcPts val="600"/>
              </a:spcAft>
              <a:buFont typeface="Arial" panose="020B0604020202020204" pitchFamily="34" charset="0"/>
              <a:buChar char="•"/>
            </a:pPr>
            <a:r>
              <a:rPr lang="da-DK" dirty="0"/>
              <a:t>Udgangspunkt i patients situation og kontekst</a:t>
            </a:r>
          </a:p>
        </p:txBody>
      </p:sp>
      <p:sp>
        <p:nvSpPr>
          <p:cNvPr id="105" name="Tekstfelt 104">
            <a:extLst>
              <a:ext uri="{FF2B5EF4-FFF2-40B4-BE49-F238E27FC236}">
                <a16:creationId xmlns:a16="http://schemas.microsoft.com/office/drawing/2014/main" id="{F49EA3AB-E967-449D-9945-BF15D24DB289}"/>
              </a:ext>
            </a:extLst>
          </p:cNvPr>
          <p:cNvSpPr txBox="1"/>
          <p:nvPr/>
        </p:nvSpPr>
        <p:spPr>
          <a:xfrm>
            <a:off x="1363503" y="2780928"/>
            <a:ext cx="2346331" cy="1057572"/>
          </a:xfrm>
          <a:prstGeom prst="rect">
            <a:avLst/>
          </a:prstGeom>
          <a:noFill/>
        </p:spPr>
        <p:txBody>
          <a:bodyPr wrap="square" lIns="0" tIns="0" rIns="0" bIns="0" rtlCol="0">
            <a:noAutofit/>
          </a:bodyPr>
          <a:lstStyle/>
          <a:p>
            <a:pPr algn="ctr">
              <a:spcAft>
                <a:spcPts val="600"/>
              </a:spcAft>
            </a:pPr>
            <a:r>
              <a:rPr lang="da-DK" sz="2000" b="1" dirty="0"/>
              <a:t>Social-kognitiv</a:t>
            </a:r>
          </a:p>
          <a:p>
            <a:r>
              <a:rPr lang="da-DK" dirty="0"/>
              <a:t>Forudsætning for adfærd:</a:t>
            </a:r>
          </a:p>
          <a:p>
            <a:pPr marL="182563" indent="-182563">
              <a:spcBef>
                <a:spcPts val="600"/>
              </a:spcBef>
              <a:buFont typeface="Arial" panose="020B0604020202020204" pitchFamily="34" charset="0"/>
              <a:buChar char="•"/>
            </a:pPr>
            <a:r>
              <a:rPr lang="da-DK" dirty="0"/>
              <a:t>Stærk intentions</a:t>
            </a:r>
          </a:p>
          <a:p>
            <a:pPr marL="182563" indent="-182563">
              <a:spcBef>
                <a:spcPts val="600"/>
              </a:spcBef>
              <a:buFont typeface="Arial" panose="020B0604020202020204" pitchFamily="34" charset="0"/>
              <a:buChar char="•"/>
            </a:pPr>
            <a:r>
              <a:rPr lang="da-DK" dirty="0"/>
              <a:t>Viden og færdigheder</a:t>
            </a:r>
          </a:p>
          <a:p>
            <a:pPr marL="182563" indent="-182563">
              <a:spcBef>
                <a:spcPts val="600"/>
              </a:spcBef>
              <a:buFont typeface="Arial" panose="020B0604020202020204" pitchFamily="34" charset="0"/>
              <a:buChar char="•"/>
            </a:pPr>
            <a:r>
              <a:rPr lang="da-DK" dirty="0"/>
              <a:t>Fravær af begrænsninger</a:t>
            </a:r>
          </a:p>
          <a:p>
            <a:pPr marL="182563" indent="-182563">
              <a:spcBef>
                <a:spcPts val="600"/>
              </a:spcBef>
              <a:buFont typeface="Arial" panose="020B0604020202020204" pitchFamily="34" charset="0"/>
              <a:buChar char="•"/>
            </a:pPr>
            <a:r>
              <a:rPr lang="da-DK" dirty="0"/>
              <a:t>Oplevelse af kontrol</a:t>
            </a:r>
          </a:p>
          <a:p>
            <a:pPr marL="342900" indent="-342900">
              <a:buAutoNum type="arabicParenR"/>
            </a:pPr>
            <a:endParaRPr lang="da-DK" sz="1400" dirty="0"/>
          </a:p>
        </p:txBody>
      </p:sp>
      <p:sp>
        <p:nvSpPr>
          <p:cNvPr id="3" name="Tekstfelt 2">
            <a:extLst>
              <a:ext uri="{FF2B5EF4-FFF2-40B4-BE49-F238E27FC236}">
                <a16:creationId xmlns:a16="http://schemas.microsoft.com/office/drawing/2014/main" id="{A564C7E6-23AF-4A34-A3D4-8B12D11F802C}"/>
              </a:ext>
            </a:extLst>
          </p:cNvPr>
          <p:cNvSpPr txBox="1"/>
          <p:nvPr/>
        </p:nvSpPr>
        <p:spPr>
          <a:xfrm>
            <a:off x="3275856" y="2296768"/>
            <a:ext cx="3312368" cy="432048"/>
          </a:xfrm>
          <a:prstGeom prst="rect">
            <a:avLst/>
          </a:prstGeom>
          <a:noFill/>
        </p:spPr>
        <p:txBody>
          <a:bodyPr wrap="square" lIns="0" tIns="0" rIns="0" bIns="0" rtlCol="0">
            <a:noAutofit/>
          </a:bodyPr>
          <a:lstStyle/>
          <a:p>
            <a:pPr algn="ctr"/>
            <a:r>
              <a:rPr lang="da-DK" sz="2400" dirty="0"/>
              <a:t>Teoretisk grundlag</a:t>
            </a:r>
          </a:p>
        </p:txBody>
      </p:sp>
    </p:spTree>
    <p:extLst>
      <p:ext uri="{BB962C8B-B14F-4D97-AF65-F5344CB8AC3E}">
        <p14:creationId xmlns:p14="http://schemas.microsoft.com/office/powerpoint/2010/main" val="326233433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7</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Rådgivningen</a:t>
            </a:r>
          </a:p>
        </p:txBody>
      </p:sp>
      <p:sp>
        <p:nvSpPr>
          <p:cNvPr id="22" name="Rektangel: afrundede hjørner 21">
            <a:extLst>
              <a:ext uri="{FF2B5EF4-FFF2-40B4-BE49-F238E27FC236}">
                <a16:creationId xmlns:a16="http://schemas.microsoft.com/office/drawing/2014/main" id="{E0968441-7A63-47A5-8AD8-F9BD0A875365}"/>
              </a:ext>
            </a:extLst>
          </p:cNvPr>
          <p:cNvSpPr/>
          <p:nvPr/>
        </p:nvSpPr>
        <p:spPr>
          <a:xfrm>
            <a:off x="2051721" y="2022175"/>
            <a:ext cx="5688632" cy="4074593"/>
          </a:xfrm>
          <a:prstGeom prst="roundRect">
            <a:avLst>
              <a:gd name="adj" fmla="val 6862"/>
            </a:avLst>
          </a:prstGeom>
          <a:solidFill>
            <a:schemeClr val="bg2">
              <a:lumMod val="75000"/>
              <a:alpha val="38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0" name="Tekstfelt 39">
            <a:extLst>
              <a:ext uri="{FF2B5EF4-FFF2-40B4-BE49-F238E27FC236}">
                <a16:creationId xmlns:a16="http://schemas.microsoft.com/office/drawing/2014/main" id="{894B5828-1F3E-4350-8CF2-7DA0A2C23C8C}"/>
              </a:ext>
            </a:extLst>
          </p:cNvPr>
          <p:cNvSpPr txBox="1"/>
          <p:nvPr/>
        </p:nvSpPr>
        <p:spPr>
          <a:xfrm>
            <a:off x="2339752" y="2034291"/>
            <a:ext cx="5184575" cy="4008483"/>
          </a:xfrm>
          <a:prstGeom prst="rect">
            <a:avLst/>
          </a:prstGeom>
          <a:noFill/>
          <a:ln>
            <a:noFill/>
          </a:ln>
        </p:spPr>
        <p:txBody>
          <a:bodyPr wrap="square" lIns="0" tIns="0" rIns="0" bIns="0" rtlCol="0">
            <a:noAutofit/>
          </a:bodyPr>
          <a:lstStyle/>
          <a:p>
            <a:pPr algn="ctr"/>
            <a:r>
              <a:rPr lang="da-DK" sz="2000" b="1" dirty="0"/>
              <a:t>The 5A’s approach</a:t>
            </a:r>
          </a:p>
        </p:txBody>
      </p:sp>
      <p:sp>
        <p:nvSpPr>
          <p:cNvPr id="8" name="Tekstfelt 7">
            <a:extLst>
              <a:ext uri="{FF2B5EF4-FFF2-40B4-BE49-F238E27FC236}">
                <a16:creationId xmlns:a16="http://schemas.microsoft.com/office/drawing/2014/main" id="{6E1311E1-485F-48B3-9733-145C688DD43E}"/>
              </a:ext>
            </a:extLst>
          </p:cNvPr>
          <p:cNvSpPr txBox="1"/>
          <p:nvPr/>
        </p:nvSpPr>
        <p:spPr>
          <a:xfrm>
            <a:off x="2364944" y="2451595"/>
            <a:ext cx="758119" cy="432048"/>
          </a:xfrm>
          <a:prstGeom prst="rect">
            <a:avLst/>
          </a:prstGeom>
          <a:noFill/>
        </p:spPr>
        <p:txBody>
          <a:bodyPr wrap="square" lIns="0" tIns="0" rIns="0" bIns="0" rtlCol="0" anchor="ctr">
            <a:noAutofit/>
          </a:bodyPr>
          <a:lstStyle/>
          <a:p>
            <a:pPr algn="ctr"/>
            <a:r>
              <a:rPr lang="da-DK" sz="1600" b="1" dirty="0">
                <a:solidFill>
                  <a:sysClr val="windowText" lastClr="000000"/>
                </a:solidFill>
              </a:rPr>
              <a:t>Ask/ </a:t>
            </a:r>
          </a:p>
          <a:p>
            <a:pPr algn="ctr"/>
            <a:r>
              <a:rPr lang="da-DK" sz="1600" b="1" dirty="0" err="1">
                <a:solidFill>
                  <a:sysClr val="windowText" lastClr="000000"/>
                </a:solidFill>
              </a:rPr>
              <a:t>assess</a:t>
            </a:r>
            <a:endParaRPr lang="da-DK" sz="1600" dirty="0"/>
          </a:p>
        </p:txBody>
      </p:sp>
      <p:sp>
        <p:nvSpPr>
          <p:cNvPr id="9" name="Tekstfelt 8">
            <a:extLst>
              <a:ext uri="{FF2B5EF4-FFF2-40B4-BE49-F238E27FC236}">
                <a16:creationId xmlns:a16="http://schemas.microsoft.com/office/drawing/2014/main" id="{4B279EA4-8BCD-431B-B930-40336B09361F}"/>
              </a:ext>
            </a:extLst>
          </p:cNvPr>
          <p:cNvSpPr txBox="1"/>
          <p:nvPr/>
        </p:nvSpPr>
        <p:spPr>
          <a:xfrm>
            <a:off x="2296360" y="3061792"/>
            <a:ext cx="964777" cy="432048"/>
          </a:xfrm>
          <a:prstGeom prst="rect">
            <a:avLst/>
          </a:prstGeom>
          <a:noFill/>
        </p:spPr>
        <p:txBody>
          <a:bodyPr wrap="square" lIns="0" tIns="0" rIns="0" bIns="0" rtlCol="0" anchor="ctr">
            <a:noAutofit/>
          </a:bodyPr>
          <a:lstStyle/>
          <a:p>
            <a:pPr algn="ctr"/>
            <a:r>
              <a:rPr lang="da-DK" sz="1600" b="1" dirty="0" err="1">
                <a:solidFill>
                  <a:sysClr val="windowText" lastClr="000000"/>
                </a:solidFill>
              </a:rPr>
              <a:t>Assess</a:t>
            </a:r>
            <a:endParaRPr lang="da-DK" sz="1600" b="1" dirty="0">
              <a:solidFill>
                <a:sysClr val="windowText" lastClr="000000"/>
              </a:solidFill>
            </a:endParaRPr>
          </a:p>
          <a:p>
            <a:pPr algn="ctr"/>
            <a:r>
              <a:rPr lang="da-DK" sz="1600" b="1" dirty="0" err="1">
                <a:solidFill>
                  <a:sysClr val="windowText" lastClr="000000"/>
                </a:solidFill>
              </a:rPr>
              <a:t>readiness</a:t>
            </a:r>
            <a:endParaRPr lang="da-DK" sz="1600" b="1" dirty="0">
              <a:solidFill>
                <a:sysClr val="windowText" lastClr="000000"/>
              </a:solidFill>
            </a:endParaRPr>
          </a:p>
        </p:txBody>
      </p:sp>
      <p:sp>
        <p:nvSpPr>
          <p:cNvPr id="10" name="Tekstfelt 9">
            <a:extLst>
              <a:ext uri="{FF2B5EF4-FFF2-40B4-BE49-F238E27FC236}">
                <a16:creationId xmlns:a16="http://schemas.microsoft.com/office/drawing/2014/main" id="{72697FF4-616C-45C2-BD9B-DD4CE82CE61B}"/>
              </a:ext>
            </a:extLst>
          </p:cNvPr>
          <p:cNvSpPr txBox="1"/>
          <p:nvPr/>
        </p:nvSpPr>
        <p:spPr>
          <a:xfrm>
            <a:off x="2384093" y="3626013"/>
            <a:ext cx="719820" cy="432048"/>
          </a:xfrm>
          <a:prstGeom prst="rect">
            <a:avLst/>
          </a:prstGeom>
          <a:noFill/>
        </p:spPr>
        <p:txBody>
          <a:bodyPr wrap="square" lIns="0" tIns="0" rIns="0" bIns="0" rtlCol="0" anchor="ctr">
            <a:noAutofit/>
          </a:bodyPr>
          <a:lstStyle/>
          <a:p>
            <a:r>
              <a:rPr lang="da-DK" sz="1600" b="1" dirty="0" err="1">
                <a:solidFill>
                  <a:sysClr val="windowText" lastClr="000000"/>
                </a:solidFill>
              </a:rPr>
              <a:t>Advise</a:t>
            </a:r>
            <a:endParaRPr lang="da-DK" sz="1400" b="1" dirty="0">
              <a:solidFill>
                <a:sysClr val="windowText" lastClr="000000"/>
              </a:solidFill>
            </a:endParaRPr>
          </a:p>
        </p:txBody>
      </p:sp>
      <p:sp>
        <p:nvSpPr>
          <p:cNvPr id="11" name="Tekstfelt 10">
            <a:extLst>
              <a:ext uri="{FF2B5EF4-FFF2-40B4-BE49-F238E27FC236}">
                <a16:creationId xmlns:a16="http://schemas.microsoft.com/office/drawing/2014/main" id="{EA8DFA76-4427-4EE0-AFB2-4D586A4CCEDE}"/>
              </a:ext>
            </a:extLst>
          </p:cNvPr>
          <p:cNvSpPr txBox="1"/>
          <p:nvPr/>
        </p:nvSpPr>
        <p:spPr>
          <a:xfrm>
            <a:off x="2446473" y="4190234"/>
            <a:ext cx="595059" cy="432048"/>
          </a:xfrm>
          <a:prstGeom prst="rect">
            <a:avLst/>
          </a:prstGeom>
          <a:noFill/>
        </p:spPr>
        <p:txBody>
          <a:bodyPr wrap="square" lIns="0" tIns="0" rIns="0" bIns="0" rtlCol="0" anchor="ctr">
            <a:noAutofit/>
          </a:bodyPr>
          <a:lstStyle/>
          <a:p>
            <a:r>
              <a:rPr lang="da-DK" sz="1600" b="1" dirty="0" err="1">
                <a:solidFill>
                  <a:sysClr val="windowText" lastClr="000000"/>
                </a:solidFill>
              </a:rPr>
              <a:t>Agree</a:t>
            </a:r>
            <a:endParaRPr lang="da-DK" sz="1400" b="1" dirty="0">
              <a:solidFill>
                <a:sysClr val="windowText" lastClr="000000"/>
              </a:solidFill>
            </a:endParaRPr>
          </a:p>
        </p:txBody>
      </p:sp>
      <p:sp>
        <p:nvSpPr>
          <p:cNvPr id="12" name="Tekstfelt 11">
            <a:extLst>
              <a:ext uri="{FF2B5EF4-FFF2-40B4-BE49-F238E27FC236}">
                <a16:creationId xmlns:a16="http://schemas.microsoft.com/office/drawing/2014/main" id="{9F7D0D04-E89D-4F95-A5FF-09CA2623BD43}"/>
              </a:ext>
            </a:extLst>
          </p:cNvPr>
          <p:cNvSpPr txBox="1"/>
          <p:nvPr/>
        </p:nvSpPr>
        <p:spPr>
          <a:xfrm>
            <a:off x="2407040" y="4838305"/>
            <a:ext cx="673923" cy="432048"/>
          </a:xfrm>
          <a:prstGeom prst="rect">
            <a:avLst/>
          </a:prstGeom>
          <a:noFill/>
        </p:spPr>
        <p:txBody>
          <a:bodyPr wrap="square" lIns="0" tIns="0" rIns="0" bIns="0" rtlCol="0" anchor="ctr">
            <a:noAutofit/>
          </a:bodyPr>
          <a:lstStyle/>
          <a:p>
            <a:r>
              <a:rPr lang="da-DK" sz="1600" b="1" dirty="0" err="1">
                <a:solidFill>
                  <a:sysClr val="windowText" lastClr="000000"/>
                </a:solidFill>
              </a:rPr>
              <a:t>Assist</a:t>
            </a:r>
            <a:endParaRPr lang="da-DK" sz="1400" b="1" dirty="0">
              <a:solidFill>
                <a:sysClr val="windowText" lastClr="000000"/>
              </a:solidFill>
            </a:endParaRPr>
          </a:p>
        </p:txBody>
      </p:sp>
      <p:sp>
        <p:nvSpPr>
          <p:cNvPr id="13" name="Tekstfelt 12">
            <a:extLst>
              <a:ext uri="{FF2B5EF4-FFF2-40B4-BE49-F238E27FC236}">
                <a16:creationId xmlns:a16="http://schemas.microsoft.com/office/drawing/2014/main" id="{7358CF37-49E8-48FC-BD97-FA3474C9527C}"/>
              </a:ext>
            </a:extLst>
          </p:cNvPr>
          <p:cNvSpPr txBox="1"/>
          <p:nvPr/>
        </p:nvSpPr>
        <p:spPr>
          <a:xfrm>
            <a:off x="2326396" y="5510913"/>
            <a:ext cx="826544" cy="432048"/>
          </a:xfrm>
          <a:prstGeom prst="rect">
            <a:avLst/>
          </a:prstGeom>
          <a:noFill/>
        </p:spPr>
        <p:txBody>
          <a:bodyPr wrap="square" lIns="0" tIns="0" rIns="0" bIns="0" rtlCol="0" anchor="ctr">
            <a:noAutofit/>
          </a:bodyPr>
          <a:lstStyle/>
          <a:p>
            <a:r>
              <a:rPr lang="da-DK" sz="1600" b="1" dirty="0" err="1">
                <a:solidFill>
                  <a:sysClr val="windowText" lastClr="000000"/>
                </a:solidFill>
              </a:rPr>
              <a:t>Arrange</a:t>
            </a:r>
            <a:endParaRPr lang="da-DK" sz="1400" b="1" dirty="0">
              <a:solidFill>
                <a:sysClr val="windowText" lastClr="000000"/>
              </a:solidFill>
            </a:endParaRPr>
          </a:p>
        </p:txBody>
      </p:sp>
      <p:sp>
        <p:nvSpPr>
          <p:cNvPr id="14" name="Tekstfelt 13">
            <a:extLst>
              <a:ext uri="{FF2B5EF4-FFF2-40B4-BE49-F238E27FC236}">
                <a16:creationId xmlns:a16="http://schemas.microsoft.com/office/drawing/2014/main" id="{3AB0A542-883E-411B-B777-965C0ED769D5}"/>
              </a:ext>
            </a:extLst>
          </p:cNvPr>
          <p:cNvSpPr txBox="1"/>
          <p:nvPr/>
        </p:nvSpPr>
        <p:spPr>
          <a:xfrm>
            <a:off x="5364088" y="2409792"/>
            <a:ext cx="2031372" cy="515654"/>
          </a:xfrm>
          <a:prstGeom prst="rect">
            <a:avLst/>
          </a:prstGeom>
          <a:solidFill>
            <a:schemeClr val="bg1"/>
          </a:solidFill>
          <a:ln>
            <a:noFill/>
          </a:ln>
          <a:effectLst>
            <a:outerShdw sx="1000" sy="1000" algn="ctr" rotWithShape="0">
              <a:schemeClr val="bg1"/>
            </a:outerShdw>
          </a:effectLst>
        </p:spPr>
        <p:txBody>
          <a:bodyPr wrap="square" lIns="0" tIns="0" rIns="0" bIns="0" rtlCol="0" anchor="ctr">
            <a:noAutofit/>
          </a:bodyPr>
          <a:lstStyle/>
          <a:p>
            <a:pPr marL="87312"/>
            <a:r>
              <a:rPr lang="da-DK" sz="1400" dirty="0"/>
              <a:t>Vurdering af patientens sundhedstilstand</a:t>
            </a:r>
          </a:p>
        </p:txBody>
      </p:sp>
      <p:sp>
        <p:nvSpPr>
          <p:cNvPr id="15" name="Tekstfelt 14">
            <a:extLst>
              <a:ext uri="{FF2B5EF4-FFF2-40B4-BE49-F238E27FC236}">
                <a16:creationId xmlns:a16="http://schemas.microsoft.com/office/drawing/2014/main" id="{58757DE1-47C3-406C-91DE-7A56F596ED73}"/>
              </a:ext>
            </a:extLst>
          </p:cNvPr>
          <p:cNvSpPr txBox="1"/>
          <p:nvPr/>
        </p:nvSpPr>
        <p:spPr>
          <a:xfrm>
            <a:off x="4851574" y="3019989"/>
            <a:ext cx="2535428" cy="515654"/>
          </a:xfrm>
          <a:prstGeom prst="rect">
            <a:avLst/>
          </a:prstGeom>
          <a:solidFill>
            <a:schemeClr val="bg1"/>
          </a:solidFill>
          <a:ln>
            <a:noFill/>
          </a:ln>
        </p:spPr>
        <p:txBody>
          <a:bodyPr wrap="square" lIns="0" tIns="0" rIns="0" bIns="0" rtlCol="0" anchor="ctr">
            <a:noAutofit/>
          </a:bodyPr>
          <a:lstStyle/>
          <a:p>
            <a:pPr marL="87312" lvl="0">
              <a:defRPr/>
            </a:pPr>
            <a:r>
              <a:rPr lang="en-GB" sz="1400" dirty="0" err="1">
                <a:solidFill>
                  <a:schemeClr val="dk1"/>
                </a:solidFill>
              </a:rPr>
              <a:t>Vurdering</a:t>
            </a:r>
            <a:r>
              <a:rPr lang="en-GB" sz="1400" dirty="0">
                <a:solidFill>
                  <a:schemeClr val="dk1"/>
                </a:solidFill>
              </a:rPr>
              <a:t> </a:t>
            </a:r>
            <a:r>
              <a:rPr lang="en-GB" sz="1400" dirty="0" err="1">
                <a:solidFill>
                  <a:schemeClr val="dk1"/>
                </a:solidFill>
              </a:rPr>
              <a:t>af</a:t>
            </a:r>
            <a:r>
              <a:rPr lang="en-GB" sz="1400" dirty="0">
                <a:solidFill>
                  <a:schemeClr val="dk1"/>
                </a:solidFill>
              </a:rPr>
              <a:t> </a:t>
            </a:r>
            <a:r>
              <a:rPr lang="en-GB" sz="1400" dirty="0" err="1">
                <a:solidFill>
                  <a:schemeClr val="dk1"/>
                </a:solidFill>
              </a:rPr>
              <a:t>patientens</a:t>
            </a:r>
            <a:r>
              <a:rPr lang="en-GB" sz="1400" dirty="0">
                <a:solidFill>
                  <a:schemeClr val="dk1"/>
                </a:solidFill>
              </a:rPr>
              <a:t> </a:t>
            </a:r>
            <a:r>
              <a:rPr lang="en-GB" sz="1400" dirty="0" err="1">
                <a:solidFill>
                  <a:schemeClr val="dk1"/>
                </a:solidFill>
              </a:rPr>
              <a:t>parathed</a:t>
            </a:r>
            <a:r>
              <a:rPr lang="en-GB" sz="1400" dirty="0">
                <a:solidFill>
                  <a:schemeClr val="dk1"/>
                </a:solidFill>
              </a:rPr>
              <a:t> </a:t>
            </a:r>
            <a:r>
              <a:rPr lang="en-GB" sz="1400" dirty="0" err="1">
                <a:solidFill>
                  <a:schemeClr val="dk1"/>
                </a:solidFill>
              </a:rPr>
              <a:t>til</a:t>
            </a:r>
            <a:r>
              <a:rPr lang="en-GB" sz="1400" dirty="0">
                <a:solidFill>
                  <a:schemeClr val="dk1"/>
                </a:solidFill>
              </a:rPr>
              <a:t> at </a:t>
            </a:r>
            <a:r>
              <a:rPr lang="en-GB" sz="1400" dirty="0" err="1">
                <a:solidFill>
                  <a:schemeClr val="dk1"/>
                </a:solidFill>
              </a:rPr>
              <a:t>ændre</a:t>
            </a:r>
            <a:r>
              <a:rPr lang="en-GB" sz="1400" dirty="0">
                <a:solidFill>
                  <a:schemeClr val="dk1"/>
                </a:solidFill>
              </a:rPr>
              <a:t> </a:t>
            </a:r>
            <a:r>
              <a:rPr lang="en-GB" sz="1400" dirty="0" err="1">
                <a:solidFill>
                  <a:schemeClr val="dk1"/>
                </a:solidFill>
              </a:rPr>
              <a:t>adfærd</a:t>
            </a:r>
            <a:endParaRPr lang="en-GB" sz="1400" dirty="0">
              <a:solidFill>
                <a:schemeClr val="dk1"/>
              </a:solidFill>
            </a:endParaRPr>
          </a:p>
        </p:txBody>
      </p:sp>
      <p:sp>
        <p:nvSpPr>
          <p:cNvPr id="16" name="Tekstfelt 15">
            <a:extLst>
              <a:ext uri="{FF2B5EF4-FFF2-40B4-BE49-F238E27FC236}">
                <a16:creationId xmlns:a16="http://schemas.microsoft.com/office/drawing/2014/main" id="{02DBABDC-144B-4C38-84DC-A4AECC1D382C}"/>
              </a:ext>
            </a:extLst>
          </p:cNvPr>
          <p:cNvSpPr txBox="1"/>
          <p:nvPr/>
        </p:nvSpPr>
        <p:spPr>
          <a:xfrm>
            <a:off x="3777945" y="3630187"/>
            <a:ext cx="3615548" cy="415027"/>
          </a:xfrm>
          <a:prstGeom prst="rect">
            <a:avLst/>
          </a:prstGeom>
          <a:solidFill>
            <a:schemeClr val="bg1"/>
          </a:solidFill>
          <a:ln>
            <a:noFill/>
          </a:ln>
        </p:spPr>
        <p:txBody>
          <a:bodyPr wrap="square" lIns="0" tIns="0" rIns="0" bIns="0" rtlCol="0" anchor="ctr">
            <a:noAutofit/>
          </a:bodyPr>
          <a:lstStyle/>
          <a:p>
            <a:pPr marL="87312" lvl="0">
              <a:defRPr/>
            </a:pPr>
            <a:r>
              <a:rPr lang="en-GB" sz="1400" dirty="0" err="1">
                <a:solidFill>
                  <a:schemeClr val="dk1"/>
                </a:solidFill>
              </a:rPr>
              <a:t>Giv</a:t>
            </a:r>
            <a:r>
              <a:rPr lang="en-GB" sz="1400" dirty="0">
                <a:solidFill>
                  <a:schemeClr val="dk1"/>
                </a:solidFill>
              </a:rPr>
              <a:t> </a:t>
            </a:r>
            <a:r>
              <a:rPr lang="en-GB" sz="1400" dirty="0" err="1">
                <a:solidFill>
                  <a:schemeClr val="dk1"/>
                </a:solidFill>
              </a:rPr>
              <a:t>en</a:t>
            </a:r>
            <a:r>
              <a:rPr lang="en-GB" sz="1400" dirty="0">
                <a:solidFill>
                  <a:schemeClr val="dk1"/>
                </a:solidFill>
              </a:rPr>
              <a:t> </a:t>
            </a:r>
            <a:r>
              <a:rPr lang="en-GB" sz="1400" dirty="0" err="1">
                <a:solidFill>
                  <a:schemeClr val="dk1"/>
                </a:solidFill>
              </a:rPr>
              <a:t>klar</a:t>
            </a:r>
            <a:r>
              <a:rPr lang="en-GB" sz="1400" dirty="0">
                <a:solidFill>
                  <a:schemeClr val="dk1"/>
                </a:solidFill>
              </a:rPr>
              <a:t>, </a:t>
            </a:r>
            <a:r>
              <a:rPr lang="en-GB" sz="1400" dirty="0" err="1">
                <a:solidFill>
                  <a:schemeClr val="dk1"/>
                </a:solidFill>
              </a:rPr>
              <a:t>specifik</a:t>
            </a:r>
            <a:r>
              <a:rPr lang="en-GB" sz="1400" dirty="0">
                <a:solidFill>
                  <a:schemeClr val="dk1"/>
                </a:solidFill>
              </a:rPr>
              <a:t> </a:t>
            </a:r>
            <a:r>
              <a:rPr lang="en-GB" sz="1400" dirty="0" err="1">
                <a:solidFill>
                  <a:schemeClr val="dk1"/>
                </a:solidFill>
              </a:rPr>
              <a:t>og</a:t>
            </a:r>
            <a:r>
              <a:rPr lang="en-GB" sz="1400" dirty="0">
                <a:solidFill>
                  <a:schemeClr val="dk1"/>
                </a:solidFill>
              </a:rPr>
              <a:t> </a:t>
            </a:r>
            <a:r>
              <a:rPr lang="en-GB" sz="1400" dirty="0" err="1">
                <a:solidFill>
                  <a:schemeClr val="dk1"/>
                </a:solidFill>
              </a:rPr>
              <a:t>personlig</a:t>
            </a:r>
            <a:r>
              <a:rPr lang="en-GB" sz="1400" dirty="0">
                <a:solidFill>
                  <a:schemeClr val="dk1"/>
                </a:solidFill>
              </a:rPr>
              <a:t> </a:t>
            </a:r>
            <a:r>
              <a:rPr lang="en-GB" sz="1400" dirty="0" err="1">
                <a:solidFill>
                  <a:schemeClr val="dk1"/>
                </a:solidFill>
              </a:rPr>
              <a:t>anbefaling</a:t>
            </a:r>
            <a:endParaRPr lang="en-GB" sz="1400" dirty="0">
              <a:solidFill>
                <a:schemeClr val="dk1"/>
              </a:solidFill>
            </a:endParaRPr>
          </a:p>
        </p:txBody>
      </p:sp>
      <p:sp>
        <p:nvSpPr>
          <p:cNvPr id="17" name="Tekstfelt 16">
            <a:extLst>
              <a:ext uri="{FF2B5EF4-FFF2-40B4-BE49-F238E27FC236}">
                <a16:creationId xmlns:a16="http://schemas.microsoft.com/office/drawing/2014/main" id="{52B68586-6167-4163-934F-F03BDD60ED34}"/>
              </a:ext>
            </a:extLst>
          </p:cNvPr>
          <p:cNvSpPr txBox="1"/>
          <p:nvPr/>
        </p:nvSpPr>
        <p:spPr>
          <a:xfrm>
            <a:off x="4211961" y="4147946"/>
            <a:ext cx="3183500" cy="522811"/>
          </a:xfrm>
          <a:prstGeom prst="rect">
            <a:avLst/>
          </a:prstGeom>
          <a:solidFill>
            <a:schemeClr val="bg1"/>
          </a:solidFill>
          <a:ln>
            <a:noFill/>
          </a:ln>
        </p:spPr>
        <p:txBody>
          <a:bodyPr wrap="square" lIns="0" tIns="0" rIns="0" bIns="0" rtlCol="0" anchor="ctr">
            <a:noAutofit/>
          </a:bodyPr>
          <a:lstStyle/>
          <a:p>
            <a:pPr marL="87312" lvl="0">
              <a:defRPr/>
            </a:pPr>
            <a:r>
              <a:rPr lang="en-GB" sz="1400" dirty="0" err="1">
                <a:solidFill>
                  <a:schemeClr val="dk1"/>
                </a:solidFill>
              </a:rPr>
              <a:t>Støt</a:t>
            </a:r>
            <a:r>
              <a:rPr lang="en-GB" sz="1400" dirty="0">
                <a:solidFill>
                  <a:schemeClr val="dk1"/>
                </a:solidFill>
              </a:rPr>
              <a:t> </a:t>
            </a:r>
            <a:r>
              <a:rPr lang="en-GB" sz="1400" dirty="0" err="1">
                <a:solidFill>
                  <a:schemeClr val="dk1"/>
                </a:solidFill>
              </a:rPr>
              <a:t>patienten</a:t>
            </a:r>
            <a:r>
              <a:rPr lang="en-GB" sz="1400" dirty="0">
                <a:solidFill>
                  <a:schemeClr val="dk1"/>
                </a:solidFill>
              </a:rPr>
              <a:t> </a:t>
            </a:r>
            <a:r>
              <a:rPr lang="en-GB" sz="1400" dirty="0" err="1">
                <a:solidFill>
                  <a:schemeClr val="dk1"/>
                </a:solidFill>
              </a:rPr>
              <a:t>i</a:t>
            </a:r>
            <a:r>
              <a:rPr lang="en-GB" sz="1400" dirty="0">
                <a:solidFill>
                  <a:schemeClr val="dk1"/>
                </a:solidFill>
              </a:rPr>
              <a:t> at </a:t>
            </a:r>
            <a:r>
              <a:rPr lang="en-GB" sz="1400" dirty="0" err="1">
                <a:solidFill>
                  <a:schemeClr val="dk1"/>
                </a:solidFill>
              </a:rPr>
              <a:t>vælge</a:t>
            </a:r>
            <a:r>
              <a:rPr lang="en-GB" sz="1400" dirty="0">
                <a:solidFill>
                  <a:schemeClr val="dk1"/>
                </a:solidFill>
              </a:rPr>
              <a:t> </a:t>
            </a:r>
            <a:r>
              <a:rPr lang="en-GB" sz="1400" dirty="0" err="1">
                <a:solidFill>
                  <a:schemeClr val="dk1"/>
                </a:solidFill>
              </a:rPr>
              <a:t>realistiske</a:t>
            </a:r>
            <a:r>
              <a:rPr lang="en-GB" sz="1400" dirty="0">
                <a:solidFill>
                  <a:schemeClr val="dk1"/>
                </a:solidFill>
              </a:rPr>
              <a:t> </a:t>
            </a:r>
            <a:r>
              <a:rPr lang="en-GB" sz="1400" dirty="0" err="1">
                <a:solidFill>
                  <a:schemeClr val="dk1"/>
                </a:solidFill>
              </a:rPr>
              <a:t>og</a:t>
            </a:r>
            <a:r>
              <a:rPr lang="en-GB" sz="1400" dirty="0">
                <a:solidFill>
                  <a:schemeClr val="dk1"/>
                </a:solidFill>
              </a:rPr>
              <a:t> </a:t>
            </a:r>
            <a:r>
              <a:rPr lang="en-GB" sz="1400" dirty="0" err="1">
                <a:solidFill>
                  <a:schemeClr val="dk1"/>
                </a:solidFill>
              </a:rPr>
              <a:t>specifikke</a:t>
            </a:r>
            <a:r>
              <a:rPr lang="en-GB" sz="1400" dirty="0">
                <a:solidFill>
                  <a:schemeClr val="dk1"/>
                </a:solidFill>
              </a:rPr>
              <a:t> </a:t>
            </a:r>
            <a:r>
              <a:rPr lang="en-GB" sz="1400" dirty="0" err="1">
                <a:solidFill>
                  <a:schemeClr val="dk1"/>
                </a:solidFill>
              </a:rPr>
              <a:t>behandlingsmål</a:t>
            </a:r>
            <a:endParaRPr lang="en-GB" sz="1400" dirty="0">
              <a:solidFill>
                <a:schemeClr val="dk1"/>
              </a:solidFill>
            </a:endParaRPr>
          </a:p>
        </p:txBody>
      </p:sp>
      <p:sp>
        <p:nvSpPr>
          <p:cNvPr id="18" name="Tekstfelt 17">
            <a:extLst>
              <a:ext uri="{FF2B5EF4-FFF2-40B4-BE49-F238E27FC236}">
                <a16:creationId xmlns:a16="http://schemas.microsoft.com/office/drawing/2014/main" id="{944D2912-6CE1-4ECC-A0E3-5FDF58D9E485}"/>
              </a:ext>
            </a:extLst>
          </p:cNvPr>
          <p:cNvSpPr txBox="1"/>
          <p:nvPr/>
        </p:nvSpPr>
        <p:spPr>
          <a:xfrm>
            <a:off x="3330921" y="4768592"/>
            <a:ext cx="4066334" cy="571474"/>
          </a:xfrm>
          <a:prstGeom prst="rect">
            <a:avLst/>
          </a:prstGeom>
          <a:solidFill>
            <a:schemeClr val="bg1"/>
          </a:solidFill>
          <a:ln>
            <a:noFill/>
          </a:ln>
        </p:spPr>
        <p:txBody>
          <a:bodyPr wrap="square" lIns="0" tIns="0" rIns="0" bIns="0" rtlCol="0" anchor="ctr">
            <a:noAutofit/>
          </a:bodyPr>
          <a:lstStyle/>
          <a:p>
            <a:pPr marL="87312" lvl="0">
              <a:defRPr/>
            </a:pPr>
            <a:r>
              <a:rPr lang="en-GB" sz="1400" dirty="0" err="1">
                <a:solidFill>
                  <a:schemeClr val="dk1"/>
                </a:solidFill>
              </a:rPr>
              <a:t>Hjælp</a:t>
            </a:r>
            <a:r>
              <a:rPr lang="en-GB" sz="1400" dirty="0">
                <a:solidFill>
                  <a:schemeClr val="dk1"/>
                </a:solidFill>
              </a:rPr>
              <a:t> </a:t>
            </a:r>
            <a:r>
              <a:rPr lang="en-GB" sz="1400" dirty="0" err="1">
                <a:solidFill>
                  <a:schemeClr val="dk1"/>
                </a:solidFill>
              </a:rPr>
              <a:t>patienten</a:t>
            </a:r>
            <a:r>
              <a:rPr lang="en-GB" sz="1400" dirty="0">
                <a:solidFill>
                  <a:schemeClr val="dk1"/>
                </a:solidFill>
              </a:rPr>
              <a:t> med at </a:t>
            </a:r>
            <a:r>
              <a:rPr lang="en-GB" sz="1400" dirty="0" err="1">
                <a:solidFill>
                  <a:schemeClr val="dk1"/>
                </a:solidFill>
              </a:rPr>
              <a:t>få</a:t>
            </a:r>
            <a:r>
              <a:rPr lang="en-GB" sz="1400" dirty="0">
                <a:solidFill>
                  <a:schemeClr val="dk1"/>
                </a:solidFill>
              </a:rPr>
              <a:t> den </a:t>
            </a:r>
            <a:r>
              <a:rPr lang="en-GB" sz="1400" dirty="0" err="1">
                <a:solidFill>
                  <a:schemeClr val="dk1"/>
                </a:solidFill>
              </a:rPr>
              <a:t>nødvendige</a:t>
            </a:r>
            <a:r>
              <a:rPr lang="en-GB" sz="1400" dirty="0">
                <a:solidFill>
                  <a:schemeClr val="dk1"/>
                </a:solidFill>
              </a:rPr>
              <a:t> </a:t>
            </a:r>
            <a:r>
              <a:rPr lang="en-GB" sz="1400" dirty="0" err="1">
                <a:solidFill>
                  <a:schemeClr val="dk1"/>
                </a:solidFill>
              </a:rPr>
              <a:t>viden</a:t>
            </a:r>
            <a:r>
              <a:rPr lang="en-GB" sz="1400" dirty="0">
                <a:solidFill>
                  <a:schemeClr val="dk1"/>
                </a:solidFill>
              </a:rPr>
              <a:t>, </a:t>
            </a:r>
            <a:r>
              <a:rPr lang="en-GB" sz="1400" dirty="0" err="1">
                <a:solidFill>
                  <a:schemeClr val="dk1"/>
                </a:solidFill>
              </a:rPr>
              <a:t>færdigheder</a:t>
            </a:r>
            <a:r>
              <a:rPr lang="en-GB" sz="1400" dirty="0">
                <a:solidFill>
                  <a:schemeClr val="dk1"/>
                </a:solidFill>
              </a:rPr>
              <a:t>, </a:t>
            </a:r>
            <a:r>
              <a:rPr lang="en-GB" sz="1400" dirty="0" err="1">
                <a:solidFill>
                  <a:schemeClr val="dk1"/>
                </a:solidFill>
              </a:rPr>
              <a:t>sikkerhed</a:t>
            </a:r>
            <a:r>
              <a:rPr lang="en-GB" sz="1400" dirty="0">
                <a:solidFill>
                  <a:schemeClr val="dk1"/>
                </a:solidFill>
              </a:rPr>
              <a:t> </a:t>
            </a:r>
            <a:r>
              <a:rPr lang="en-GB" sz="1400" dirty="0" err="1">
                <a:solidFill>
                  <a:schemeClr val="dk1"/>
                </a:solidFill>
              </a:rPr>
              <a:t>og</a:t>
            </a:r>
            <a:r>
              <a:rPr lang="en-GB" sz="1400" dirty="0">
                <a:solidFill>
                  <a:schemeClr val="dk1"/>
                </a:solidFill>
              </a:rPr>
              <a:t> social </a:t>
            </a:r>
            <a:r>
              <a:rPr lang="en-GB" sz="1400" dirty="0" err="1">
                <a:solidFill>
                  <a:schemeClr val="dk1"/>
                </a:solidFill>
              </a:rPr>
              <a:t>støtte</a:t>
            </a:r>
            <a:endParaRPr lang="en-GB" sz="1400" dirty="0">
              <a:solidFill>
                <a:schemeClr val="dk1"/>
              </a:solidFill>
            </a:endParaRPr>
          </a:p>
        </p:txBody>
      </p:sp>
      <p:sp>
        <p:nvSpPr>
          <p:cNvPr id="19" name="Tekstfelt 18">
            <a:extLst>
              <a:ext uri="{FF2B5EF4-FFF2-40B4-BE49-F238E27FC236}">
                <a16:creationId xmlns:a16="http://schemas.microsoft.com/office/drawing/2014/main" id="{0C0DAB34-116B-4DFB-8676-116C3C44CA5D}"/>
              </a:ext>
            </a:extLst>
          </p:cNvPr>
          <p:cNvSpPr txBox="1"/>
          <p:nvPr/>
        </p:nvSpPr>
        <p:spPr>
          <a:xfrm>
            <a:off x="3635896" y="5457291"/>
            <a:ext cx="3772315" cy="530615"/>
          </a:xfrm>
          <a:prstGeom prst="rect">
            <a:avLst/>
          </a:prstGeom>
          <a:solidFill>
            <a:schemeClr val="bg1"/>
          </a:solidFill>
          <a:ln>
            <a:noFill/>
          </a:ln>
        </p:spPr>
        <p:txBody>
          <a:bodyPr wrap="square" lIns="0" tIns="0" rIns="0" bIns="0" rtlCol="0" anchor="ctr">
            <a:noAutofit/>
          </a:bodyPr>
          <a:lstStyle/>
          <a:p>
            <a:pPr marL="87312" lvl="0">
              <a:defRPr/>
            </a:pPr>
            <a:r>
              <a:rPr lang="en-GB" sz="1400" dirty="0" err="1">
                <a:solidFill>
                  <a:schemeClr val="dk1"/>
                </a:solidFill>
              </a:rPr>
              <a:t>Planlæg</a:t>
            </a:r>
            <a:r>
              <a:rPr lang="en-GB" sz="1400" dirty="0">
                <a:solidFill>
                  <a:schemeClr val="dk1"/>
                </a:solidFill>
              </a:rPr>
              <a:t> </a:t>
            </a:r>
            <a:r>
              <a:rPr lang="en-GB" sz="1400" dirty="0" err="1">
                <a:solidFill>
                  <a:schemeClr val="dk1"/>
                </a:solidFill>
              </a:rPr>
              <a:t>opfølgning</a:t>
            </a:r>
            <a:r>
              <a:rPr lang="en-GB" sz="1400" dirty="0">
                <a:solidFill>
                  <a:schemeClr val="dk1"/>
                </a:solidFill>
              </a:rPr>
              <a:t> </a:t>
            </a:r>
            <a:r>
              <a:rPr lang="en-GB" sz="1400" dirty="0" err="1">
                <a:solidFill>
                  <a:schemeClr val="dk1"/>
                </a:solidFill>
              </a:rPr>
              <a:t>og</a:t>
            </a:r>
            <a:r>
              <a:rPr lang="en-GB" sz="1400" dirty="0">
                <a:solidFill>
                  <a:schemeClr val="dk1"/>
                </a:solidFill>
              </a:rPr>
              <a:t> </a:t>
            </a:r>
            <a:r>
              <a:rPr lang="en-GB" sz="1400" dirty="0" err="1">
                <a:solidFill>
                  <a:schemeClr val="dk1"/>
                </a:solidFill>
              </a:rPr>
              <a:t>mulighed</a:t>
            </a:r>
            <a:r>
              <a:rPr lang="en-GB" sz="1400" dirty="0">
                <a:solidFill>
                  <a:schemeClr val="dk1"/>
                </a:solidFill>
              </a:rPr>
              <a:t> for </a:t>
            </a:r>
            <a:r>
              <a:rPr lang="en-GB" sz="1400" dirty="0" err="1">
                <a:solidFill>
                  <a:schemeClr val="dk1"/>
                </a:solidFill>
              </a:rPr>
              <a:t>kontinuerlig</a:t>
            </a:r>
            <a:r>
              <a:rPr lang="en-GB" sz="1400" dirty="0">
                <a:solidFill>
                  <a:schemeClr val="dk1"/>
                </a:solidFill>
              </a:rPr>
              <a:t> </a:t>
            </a:r>
            <a:r>
              <a:rPr lang="en-GB" sz="1400" dirty="0" err="1">
                <a:solidFill>
                  <a:schemeClr val="dk1"/>
                </a:solidFill>
              </a:rPr>
              <a:t>støtte</a:t>
            </a:r>
            <a:r>
              <a:rPr lang="en-GB" sz="1400" dirty="0">
                <a:solidFill>
                  <a:schemeClr val="dk1"/>
                </a:solidFill>
              </a:rPr>
              <a:t> </a:t>
            </a:r>
            <a:r>
              <a:rPr lang="en-GB" sz="1400" dirty="0" err="1">
                <a:solidFill>
                  <a:schemeClr val="dk1"/>
                </a:solidFill>
              </a:rPr>
              <a:t>og</a:t>
            </a:r>
            <a:r>
              <a:rPr lang="en-GB" sz="1400" dirty="0">
                <a:solidFill>
                  <a:schemeClr val="dk1"/>
                </a:solidFill>
              </a:rPr>
              <a:t> </a:t>
            </a:r>
            <a:r>
              <a:rPr lang="en-GB" sz="1400" dirty="0" err="1">
                <a:solidFill>
                  <a:schemeClr val="dk1"/>
                </a:solidFill>
              </a:rPr>
              <a:t>revurdering</a:t>
            </a:r>
            <a:r>
              <a:rPr lang="en-GB" sz="1400" dirty="0">
                <a:solidFill>
                  <a:schemeClr val="dk1"/>
                </a:solidFill>
              </a:rPr>
              <a:t> </a:t>
            </a:r>
            <a:r>
              <a:rPr lang="en-GB" sz="1400" dirty="0" err="1">
                <a:solidFill>
                  <a:schemeClr val="dk1"/>
                </a:solidFill>
              </a:rPr>
              <a:t>af</a:t>
            </a:r>
            <a:r>
              <a:rPr lang="en-GB" sz="1400" dirty="0">
                <a:solidFill>
                  <a:schemeClr val="dk1"/>
                </a:solidFill>
              </a:rPr>
              <a:t> </a:t>
            </a:r>
            <a:r>
              <a:rPr lang="en-GB" sz="1400" dirty="0" err="1">
                <a:solidFill>
                  <a:schemeClr val="dk1"/>
                </a:solidFill>
              </a:rPr>
              <a:t>målene</a:t>
            </a:r>
            <a:endParaRPr lang="en-GB" sz="1400" dirty="0">
              <a:solidFill>
                <a:schemeClr val="dk1"/>
              </a:solidFill>
            </a:endParaRPr>
          </a:p>
        </p:txBody>
      </p:sp>
      <p:cxnSp>
        <p:nvCxnSpPr>
          <p:cNvPr id="27" name="Lige forbindelse 26">
            <a:extLst>
              <a:ext uri="{FF2B5EF4-FFF2-40B4-BE49-F238E27FC236}">
                <a16:creationId xmlns:a16="http://schemas.microsoft.com/office/drawing/2014/main" id="{C3582ACA-DFDF-4786-92E2-0B74ADD4BFDA}"/>
              </a:ext>
            </a:extLst>
          </p:cNvPr>
          <p:cNvCxnSpPr>
            <a:cxnSpLocks/>
            <a:stCxn id="13" idx="3"/>
            <a:endCxn id="19" idx="1"/>
          </p:cNvCxnSpPr>
          <p:nvPr/>
        </p:nvCxnSpPr>
        <p:spPr>
          <a:xfrm flipV="1">
            <a:off x="3152940" y="5722599"/>
            <a:ext cx="482956" cy="4338"/>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 name="Lige forbindelse 27">
            <a:extLst>
              <a:ext uri="{FF2B5EF4-FFF2-40B4-BE49-F238E27FC236}">
                <a16:creationId xmlns:a16="http://schemas.microsoft.com/office/drawing/2014/main" id="{65626C09-097F-4E41-A980-2C1361C2B9C6}"/>
              </a:ext>
            </a:extLst>
          </p:cNvPr>
          <p:cNvCxnSpPr>
            <a:cxnSpLocks/>
            <a:stCxn id="12" idx="3"/>
            <a:endCxn id="18" idx="1"/>
          </p:cNvCxnSpPr>
          <p:nvPr/>
        </p:nvCxnSpPr>
        <p:spPr>
          <a:xfrm>
            <a:off x="3080963" y="5054329"/>
            <a:ext cx="249958" cy="0"/>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 name="Lige forbindelse 28">
            <a:extLst>
              <a:ext uri="{FF2B5EF4-FFF2-40B4-BE49-F238E27FC236}">
                <a16:creationId xmlns:a16="http://schemas.microsoft.com/office/drawing/2014/main" id="{327098EC-84D4-4B30-9C3E-C3920E1AC088}"/>
              </a:ext>
            </a:extLst>
          </p:cNvPr>
          <p:cNvCxnSpPr>
            <a:cxnSpLocks/>
            <a:stCxn id="11" idx="3"/>
            <a:endCxn id="17" idx="1"/>
          </p:cNvCxnSpPr>
          <p:nvPr/>
        </p:nvCxnSpPr>
        <p:spPr>
          <a:xfrm>
            <a:off x="3041532" y="4406258"/>
            <a:ext cx="1170429" cy="3094"/>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0" name="Lige forbindelse 29">
            <a:extLst>
              <a:ext uri="{FF2B5EF4-FFF2-40B4-BE49-F238E27FC236}">
                <a16:creationId xmlns:a16="http://schemas.microsoft.com/office/drawing/2014/main" id="{B63CB787-7285-4704-B0A8-736F728F0DDF}"/>
              </a:ext>
            </a:extLst>
          </p:cNvPr>
          <p:cNvCxnSpPr>
            <a:cxnSpLocks/>
            <a:stCxn id="10" idx="3"/>
            <a:endCxn id="16" idx="1"/>
          </p:cNvCxnSpPr>
          <p:nvPr/>
        </p:nvCxnSpPr>
        <p:spPr>
          <a:xfrm flipV="1">
            <a:off x="3103913" y="3837701"/>
            <a:ext cx="674032" cy="4336"/>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1" name="Lige forbindelse 30">
            <a:extLst>
              <a:ext uri="{FF2B5EF4-FFF2-40B4-BE49-F238E27FC236}">
                <a16:creationId xmlns:a16="http://schemas.microsoft.com/office/drawing/2014/main" id="{E82D6A0B-CD8B-4D6A-BDEE-2295A8C09F92}"/>
              </a:ext>
            </a:extLst>
          </p:cNvPr>
          <p:cNvCxnSpPr>
            <a:cxnSpLocks/>
            <a:stCxn id="9" idx="3"/>
            <a:endCxn id="15" idx="1"/>
          </p:cNvCxnSpPr>
          <p:nvPr/>
        </p:nvCxnSpPr>
        <p:spPr>
          <a:xfrm>
            <a:off x="3261137" y="3277816"/>
            <a:ext cx="1590437" cy="0"/>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2" name="Lige forbindelse 31">
            <a:extLst>
              <a:ext uri="{FF2B5EF4-FFF2-40B4-BE49-F238E27FC236}">
                <a16:creationId xmlns:a16="http://schemas.microsoft.com/office/drawing/2014/main" id="{0702E5F5-AF1E-423B-8935-D0C04D89A3B7}"/>
              </a:ext>
            </a:extLst>
          </p:cNvPr>
          <p:cNvCxnSpPr>
            <a:cxnSpLocks/>
            <a:stCxn id="8" idx="3"/>
            <a:endCxn id="14" idx="1"/>
          </p:cNvCxnSpPr>
          <p:nvPr/>
        </p:nvCxnSpPr>
        <p:spPr>
          <a:xfrm>
            <a:off x="3123063" y="2667619"/>
            <a:ext cx="2241025" cy="0"/>
          </a:xfrm>
          <a:prstGeom prst="line">
            <a:avLst/>
          </a:prstGeom>
          <a:ln w="15875">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4077886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8</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Screening og rekruttering</a:t>
            </a:r>
          </a:p>
        </p:txBody>
      </p:sp>
      <p:sp>
        <p:nvSpPr>
          <p:cNvPr id="8" name="Tekstfelt 7">
            <a:extLst>
              <a:ext uri="{FF2B5EF4-FFF2-40B4-BE49-F238E27FC236}">
                <a16:creationId xmlns:a16="http://schemas.microsoft.com/office/drawing/2014/main" id="{B296F595-4BF3-4988-B9F9-118158531D64}"/>
              </a:ext>
            </a:extLst>
          </p:cNvPr>
          <p:cNvSpPr txBox="1"/>
          <p:nvPr/>
        </p:nvSpPr>
        <p:spPr>
          <a:xfrm>
            <a:off x="1402887" y="2247343"/>
            <a:ext cx="2988146" cy="3852429"/>
          </a:xfrm>
          <a:prstGeom prst="rect">
            <a:avLst/>
          </a:prstGeom>
          <a:noFill/>
        </p:spPr>
        <p:txBody>
          <a:bodyPr wrap="square" lIns="0" tIns="0" rIns="0" bIns="0" rtlCol="0">
            <a:noAutofit/>
          </a:bodyPr>
          <a:lstStyle/>
          <a:p>
            <a:r>
              <a:rPr lang="da-DK" sz="2000" b="1" dirty="0"/>
              <a:t>Inklusionskriterier</a:t>
            </a:r>
          </a:p>
          <a:p>
            <a:pPr marL="285750" indent="-285750">
              <a:buFont typeface="Arial" panose="020B0604020202020204" pitchFamily="34" charset="0"/>
              <a:buChar char="•"/>
            </a:pPr>
            <a:r>
              <a:rPr lang="da-DK" sz="1600" dirty="0"/>
              <a:t>TCI/</a:t>
            </a:r>
            <a:r>
              <a:rPr lang="da-DK" sz="1600" dirty="0" err="1"/>
              <a:t>minor</a:t>
            </a:r>
            <a:r>
              <a:rPr lang="da-DK" sz="1600" dirty="0"/>
              <a:t> stroke (SSS &gt; 45)</a:t>
            </a:r>
          </a:p>
          <a:p>
            <a:pPr marL="285750" indent="-285750">
              <a:buFont typeface="Arial" panose="020B0604020202020204" pitchFamily="34" charset="0"/>
              <a:buChar char="•"/>
            </a:pPr>
            <a:r>
              <a:rPr lang="da-DK" sz="1600" dirty="0"/>
              <a:t>Udskrivelse til eget hjem</a:t>
            </a:r>
          </a:p>
          <a:p>
            <a:pPr marL="285750" indent="-285750">
              <a:buFont typeface="Arial" panose="020B0604020202020204" pitchFamily="34" charset="0"/>
              <a:buChar char="•"/>
            </a:pPr>
            <a:r>
              <a:rPr lang="da-DK" sz="1600" dirty="0"/>
              <a:t>Kunne give samtykke</a:t>
            </a:r>
          </a:p>
          <a:p>
            <a:pPr>
              <a:spcBef>
                <a:spcPts val="1200"/>
              </a:spcBef>
            </a:pPr>
            <a:r>
              <a:rPr lang="da-DK" sz="2000" b="1" dirty="0"/>
              <a:t>Eksklusionskriterier</a:t>
            </a:r>
          </a:p>
          <a:p>
            <a:pPr marL="285750" indent="-285750">
              <a:buFont typeface="Arial" panose="020B0604020202020204" pitchFamily="34" charset="0"/>
              <a:buChar char="•"/>
            </a:pPr>
            <a:r>
              <a:rPr lang="da-DK" sz="1600" dirty="0"/>
              <a:t>Kommunikative barrierer</a:t>
            </a:r>
          </a:p>
          <a:p>
            <a:pPr marL="285750" indent="-285750">
              <a:buFont typeface="Arial" panose="020B0604020202020204" pitchFamily="34" charset="0"/>
              <a:buChar char="•"/>
            </a:pPr>
            <a:r>
              <a:rPr lang="da-DK" sz="1600" dirty="0"/>
              <a:t>Betydelige begrænsninger i mobilitet eller ADL</a:t>
            </a:r>
          </a:p>
          <a:p>
            <a:pPr marL="285750" indent="-285750">
              <a:buFont typeface="Arial" panose="020B0604020202020204" pitchFamily="34" charset="0"/>
              <a:buChar char="•"/>
            </a:pPr>
            <a:r>
              <a:rPr lang="da-DK" sz="1600" dirty="0"/>
              <a:t>Svær psykiatrisk sygdom/demens</a:t>
            </a:r>
          </a:p>
          <a:p>
            <a:pPr marL="285750" indent="-285750">
              <a:buFont typeface="Arial" panose="020B0604020202020204" pitchFamily="34" charset="0"/>
              <a:buChar char="•"/>
            </a:pPr>
            <a:r>
              <a:rPr lang="da-DK" sz="1600" dirty="0"/>
              <a:t>Misbrug</a:t>
            </a:r>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endParaRPr lang="da-DK" dirty="0"/>
          </a:p>
        </p:txBody>
      </p:sp>
      <p:sp>
        <p:nvSpPr>
          <p:cNvPr id="9" name="Tekstfelt 8">
            <a:extLst>
              <a:ext uri="{FF2B5EF4-FFF2-40B4-BE49-F238E27FC236}">
                <a16:creationId xmlns:a16="http://schemas.microsoft.com/office/drawing/2014/main" id="{D70FD682-33AB-47FF-98F9-89FAE114E99B}"/>
              </a:ext>
            </a:extLst>
          </p:cNvPr>
          <p:cNvSpPr txBox="1"/>
          <p:nvPr/>
        </p:nvSpPr>
        <p:spPr>
          <a:xfrm>
            <a:off x="4716016" y="2170097"/>
            <a:ext cx="1656184" cy="618209"/>
          </a:xfrm>
          <a:prstGeom prst="rect">
            <a:avLst/>
          </a:prstGeom>
          <a:solidFill>
            <a:srgbClr val="FFF3CD"/>
          </a:solidFill>
          <a:ln>
            <a:solidFill>
              <a:schemeClr val="tx1"/>
            </a:solidFill>
          </a:ln>
        </p:spPr>
        <p:txBody>
          <a:bodyPr wrap="square" lIns="0" tIns="0" rIns="0" bIns="0" rtlCol="0" anchor="ctr">
            <a:noAutofit/>
          </a:bodyPr>
          <a:lstStyle/>
          <a:p>
            <a:pPr algn="ctr"/>
            <a:r>
              <a:rPr lang="da-DK" b="1" dirty="0"/>
              <a:t>Screening</a:t>
            </a:r>
          </a:p>
          <a:p>
            <a:pPr algn="ctr"/>
            <a:r>
              <a:rPr lang="da-DK" sz="1400" i="1" dirty="0"/>
              <a:t>n = 1010</a:t>
            </a:r>
          </a:p>
        </p:txBody>
      </p:sp>
      <p:sp>
        <p:nvSpPr>
          <p:cNvPr id="10" name="Tekstfelt 9">
            <a:extLst>
              <a:ext uri="{FF2B5EF4-FFF2-40B4-BE49-F238E27FC236}">
                <a16:creationId xmlns:a16="http://schemas.microsoft.com/office/drawing/2014/main" id="{0EAAFC41-2361-42B9-8EEC-70E53030FFEE}"/>
              </a:ext>
            </a:extLst>
          </p:cNvPr>
          <p:cNvSpPr txBox="1"/>
          <p:nvPr/>
        </p:nvSpPr>
        <p:spPr>
          <a:xfrm>
            <a:off x="4716016" y="3912233"/>
            <a:ext cx="1656184" cy="618209"/>
          </a:xfrm>
          <a:prstGeom prst="rect">
            <a:avLst/>
          </a:prstGeom>
          <a:solidFill>
            <a:srgbClr val="FFF3CD"/>
          </a:solidFill>
          <a:ln>
            <a:solidFill>
              <a:schemeClr val="tx1"/>
            </a:solidFill>
          </a:ln>
        </p:spPr>
        <p:txBody>
          <a:bodyPr wrap="square" lIns="0" tIns="0" rIns="0" bIns="0" rtlCol="0" anchor="ctr">
            <a:noAutofit/>
          </a:bodyPr>
          <a:lstStyle/>
          <a:p>
            <a:pPr algn="ctr"/>
            <a:r>
              <a:rPr lang="da-DK" b="1" dirty="0"/>
              <a:t>Invitation</a:t>
            </a:r>
            <a:r>
              <a:rPr lang="da-DK" sz="1400" b="1" dirty="0"/>
              <a:t> </a:t>
            </a:r>
          </a:p>
          <a:p>
            <a:pPr algn="ctr"/>
            <a:r>
              <a:rPr lang="da-DK" sz="1400" i="1" dirty="0"/>
              <a:t>n = 84</a:t>
            </a:r>
          </a:p>
        </p:txBody>
      </p:sp>
      <p:sp>
        <p:nvSpPr>
          <p:cNvPr id="11" name="Tekstfelt 10">
            <a:extLst>
              <a:ext uri="{FF2B5EF4-FFF2-40B4-BE49-F238E27FC236}">
                <a16:creationId xmlns:a16="http://schemas.microsoft.com/office/drawing/2014/main" id="{46A7FF93-C202-480E-AE18-1B0E1113F781}"/>
              </a:ext>
            </a:extLst>
          </p:cNvPr>
          <p:cNvSpPr txBox="1"/>
          <p:nvPr/>
        </p:nvSpPr>
        <p:spPr>
          <a:xfrm>
            <a:off x="4716016" y="5336594"/>
            <a:ext cx="1656184" cy="618209"/>
          </a:xfrm>
          <a:prstGeom prst="rect">
            <a:avLst/>
          </a:prstGeom>
          <a:solidFill>
            <a:srgbClr val="FFF3CD"/>
          </a:solidFill>
          <a:ln>
            <a:solidFill>
              <a:schemeClr val="tx1"/>
            </a:solidFill>
          </a:ln>
        </p:spPr>
        <p:txBody>
          <a:bodyPr wrap="square" lIns="0" tIns="0" rIns="0" bIns="0" rtlCol="0" anchor="ctr">
            <a:noAutofit/>
          </a:bodyPr>
          <a:lstStyle/>
          <a:p>
            <a:pPr algn="ctr"/>
            <a:r>
              <a:rPr lang="da-DK" b="1" dirty="0"/>
              <a:t>Randomiseret </a:t>
            </a:r>
          </a:p>
          <a:p>
            <a:pPr algn="ctr"/>
            <a:r>
              <a:rPr lang="da-DK" sz="1400" i="1" dirty="0"/>
              <a:t>n = 20 + 20</a:t>
            </a:r>
          </a:p>
        </p:txBody>
      </p:sp>
      <p:sp>
        <p:nvSpPr>
          <p:cNvPr id="12" name="Tekstfelt 11">
            <a:extLst>
              <a:ext uri="{FF2B5EF4-FFF2-40B4-BE49-F238E27FC236}">
                <a16:creationId xmlns:a16="http://schemas.microsoft.com/office/drawing/2014/main" id="{F6F4C591-B809-4B16-A0E7-94BCFB217B22}"/>
              </a:ext>
            </a:extLst>
          </p:cNvPr>
          <p:cNvSpPr txBox="1"/>
          <p:nvPr/>
        </p:nvSpPr>
        <p:spPr>
          <a:xfrm>
            <a:off x="6717304" y="2265275"/>
            <a:ext cx="2016224" cy="1163726"/>
          </a:xfrm>
          <a:prstGeom prst="rect">
            <a:avLst/>
          </a:prstGeom>
          <a:solidFill>
            <a:srgbClr val="FFE1EB"/>
          </a:solidFill>
          <a:ln>
            <a:solidFill>
              <a:schemeClr val="tx1"/>
            </a:solidFill>
          </a:ln>
        </p:spPr>
        <p:txBody>
          <a:bodyPr wrap="square" lIns="0" tIns="0" rIns="0" bIns="0" rtlCol="0" anchor="ctr">
            <a:noAutofit/>
          </a:bodyPr>
          <a:lstStyle/>
          <a:p>
            <a:pPr algn="ctr">
              <a:spcAft>
                <a:spcPts val="600"/>
              </a:spcAft>
            </a:pPr>
            <a:r>
              <a:rPr lang="da-DK" sz="1400" b="1" dirty="0"/>
              <a:t>Eksklusion</a:t>
            </a:r>
            <a:endParaRPr lang="da-DK" sz="1200" b="1" i="1" dirty="0"/>
          </a:p>
          <a:p>
            <a:pPr algn="ctr"/>
            <a:r>
              <a:rPr lang="da-DK" sz="1400" dirty="0"/>
              <a:t>Opfylder ikke kriterier</a:t>
            </a:r>
          </a:p>
          <a:p>
            <a:pPr algn="ctr"/>
            <a:r>
              <a:rPr lang="da-DK" sz="1200" i="1" dirty="0"/>
              <a:t>n = 687</a:t>
            </a:r>
          </a:p>
          <a:p>
            <a:pPr algn="ctr"/>
            <a:r>
              <a:rPr lang="da-DK" sz="1400" dirty="0"/>
              <a:t>Andre årsager</a:t>
            </a:r>
          </a:p>
          <a:p>
            <a:pPr algn="ctr"/>
            <a:r>
              <a:rPr lang="da-DK" sz="1200" i="1" dirty="0"/>
              <a:t>n = 106</a:t>
            </a:r>
          </a:p>
        </p:txBody>
      </p:sp>
      <p:sp>
        <p:nvSpPr>
          <p:cNvPr id="13" name="Tekstfelt 12">
            <a:extLst>
              <a:ext uri="{FF2B5EF4-FFF2-40B4-BE49-F238E27FC236}">
                <a16:creationId xmlns:a16="http://schemas.microsoft.com/office/drawing/2014/main" id="{6811AF4A-3478-4401-B4A2-5446D0A0E181}"/>
              </a:ext>
            </a:extLst>
          </p:cNvPr>
          <p:cNvSpPr txBox="1"/>
          <p:nvPr/>
        </p:nvSpPr>
        <p:spPr>
          <a:xfrm>
            <a:off x="6717304" y="3551205"/>
            <a:ext cx="2016224" cy="525868"/>
          </a:xfrm>
          <a:prstGeom prst="rect">
            <a:avLst/>
          </a:prstGeom>
          <a:solidFill>
            <a:srgbClr val="FFE1EB"/>
          </a:solidFill>
          <a:ln>
            <a:solidFill>
              <a:schemeClr val="tx1"/>
            </a:solidFill>
          </a:ln>
        </p:spPr>
        <p:txBody>
          <a:bodyPr wrap="square" lIns="0" tIns="0" rIns="0" bIns="0" rtlCol="0" anchor="ctr">
            <a:noAutofit/>
          </a:bodyPr>
          <a:lstStyle/>
          <a:p>
            <a:pPr algn="ctr"/>
            <a:r>
              <a:rPr lang="da-DK" sz="1400" b="1" dirty="0"/>
              <a:t>Ikke inviteret</a:t>
            </a:r>
            <a:endParaRPr lang="da-DK" sz="1200" b="1" i="1" dirty="0"/>
          </a:p>
          <a:p>
            <a:pPr algn="ctr"/>
            <a:r>
              <a:rPr lang="da-DK" sz="1200" i="1" dirty="0"/>
              <a:t>n = 133</a:t>
            </a:r>
          </a:p>
        </p:txBody>
      </p:sp>
      <p:sp>
        <p:nvSpPr>
          <p:cNvPr id="14" name="Tekstfelt 13">
            <a:extLst>
              <a:ext uri="{FF2B5EF4-FFF2-40B4-BE49-F238E27FC236}">
                <a16:creationId xmlns:a16="http://schemas.microsoft.com/office/drawing/2014/main" id="{8DD23DAB-EC53-44F2-BA30-8611434F69E4}"/>
              </a:ext>
            </a:extLst>
          </p:cNvPr>
          <p:cNvSpPr txBox="1"/>
          <p:nvPr/>
        </p:nvSpPr>
        <p:spPr>
          <a:xfrm>
            <a:off x="6717304" y="4458907"/>
            <a:ext cx="2016224" cy="1163726"/>
          </a:xfrm>
          <a:prstGeom prst="rect">
            <a:avLst/>
          </a:prstGeom>
          <a:solidFill>
            <a:srgbClr val="FFE1EB"/>
          </a:solidFill>
          <a:ln>
            <a:solidFill>
              <a:schemeClr val="tx1"/>
            </a:solidFill>
          </a:ln>
        </p:spPr>
        <p:txBody>
          <a:bodyPr wrap="square" lIns="0" tIns="0" rIns="0" bIns="0" rtlCol="0" anchor="ctr">
            <a:noAutofit/>
          </a:bodyPr>
          <a:lstStyle/>
          <a:p>
            <a:pPr algn="ctr">
              <a:spcAft>
                <a:spcPts val="600"/>
              </a:spcAft>
            </a:pPr>
            <a:r>
              <a:rPr lang="da-DK" sz="1400" b="1" dirty="0"/>
              <a:t>Ikke inkluderet</a:t>
            </a:r>
            <a:endParaRPr lang="da-DK" sz="1200" b="1" i="1" dirty="0"/>
          </a:p>
          <a:p>
            <a:pPr algn="ctr"/>
            <a:r>
              <a:rPr lang="da-DK" sz="1400" dirty="0"/>
              <a:t>Ekskluderet</a:t>
            </a:r>
          </a:p>
          <a:p>
            <a:pPr algn="ctr"/>
            <a:r>
              <a:rPr lang="da-DK" sz="1200" i="1" dirty="0"/>
              <a:t>n = 8</a:t>
            </a:r>
          </a:p>
          <a:p>
            <a:pPr algn="ctr"/>
            <a:r>
              <a:rPr lang="da-DK" sz="1400" dirty="0"/>
              <a:t>Afvist deltagelse</a:t>
            </a:r>
          </a:p>
          <a:p>
            <a:pPr algn="ctr"/>
            <a:r>
              <a:rPr lang="da-DK" sz="1200" i="1" dirty="0"/>
              <a:t>n = 36</a:t>
            </a:r>
          </a:p>
        </p:txBody>
      </p:sp>
      <p:cxnSp>
        <p:nvCxnSpPr>
          <p:cNvPr id="16" name="Lige pilforbindelse 15">
            <a:extLst>
              <a:ext uri="{FF2B5EF4-FFF2-40B4-BE49-F238E27FC236}">
                <a16:creationId xmlns:a16="http://schemas.microsoft.com/office/drawing/2014/main" id="{F5433A0F-B783-4C27-BBB3-800564E9F416}"/>
              </a:ext>
            </a:extLst>
          </p:cNvPr>
          <p:cNvCxnSpPr>
            <a:stCxn id="9" idx="2"/>
            <a:endCxn id="10" idx="0"/>
          </p:cNvCxnSpPr>
          <p:nvPr/>
        </p:nvCxnSpPr>
        <p:spPr>
          <a:xfrm>
            <a:off x="5544108" y="2788306"/>
            <a:ext cx="0" cy="1123927"/>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17" name="Lige pilforbindelse 16">
            <a:extLst>
              <a:ext uri="{FF2B5EF4-FFF2-40B4-BE49-F238E27FC236}">
                <a16:creationId xmlns:a16="http://schemas.microsoft.com/office/drawing/2014/main" id="{5B4E1E5A-5DB9-42D8-A165-637A51B82C66}"/>
              </a:ext>
            </a:extLst>
          </p:cNvPr>
          <p:cNvCxnSpPr>
            <a:cxnSpLocks/>
            <a:endCxn id="11" idx="0"/>
          </p:cNvCxnSpPr>
          <p:nvPr/>
        </p:nvCxnSpPr>
        <p:spPr>
          <a:xfrm>
            <a:off x="5544108" y="4548738"/>
            <a:ext cx="0" cy="787856"/>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0" name="Lige pilforbindelse 19">
            <a:extLst>
              <a:ext uri="{FF2B5EF4-FFF2-40B4-BE49-F238E27FC236}">
                <a16:creationId xmlns:a16="http://schemas.microsoft.com/office/drawing/2014/main" id="{D998DB2E-5432-4395-8FE6-E43A8ACA834D}"/>
              </a:ext>
            </a:extLst>
          </p:cNvPr>
          <p:cNvCxnSpPr>
            <a:cxnSpLocks/>
          </p:cNvCxnSpPr>
          <p:nvPr/>
        </p:nvCxnSpPr>
        <p:spPr>
          <a:xfrm>
            <a:off x="5544108" y="2940706"/>
            <a:ext cx="1173196"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3" name="Lige pilforbindelse 22">
            <a:extLst>
              <a:ext uri="{FF2B5EF4-FFF2-40B4-BE49-F238E27FC236}">
                <a16:creationId xmlns:a16="http://schemas.microsoft.com/office/drawing/2014/main" id="{FADC8D3B-50FB-4075-A7E4-45EB5C55E14A}"/>
              </a:ext>
            </a:extLst>
          </p:cNvPr>
          <p:cNvCxnSpPr>
            <a:cxnSpLocks/>
          </p:cNvCxnSpPr>
          <p:nvPr/>
        </p:nvCxnSpPr>
        <p:spPr>
          <a:xfrm>
            <a:off x="5544108" y="3717032"/>
            <a:ext cx="1173196"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4" name="Lige pilforbindelse 23">
            <a:extLst>
              <a:ext uri="{FF2B5EF4-FFF2-40B4-BE49-F238E27FC236}">
                <a16:creationId xmlns:a16="http://schemas.microsoft.com/office/drawing/2014/main" id="{E27C3FA1-B101-4710-BD26-EA35AEA8C26B}"/>
              </a:ext>
            </a:extLst>
          </p:cNvPr>
          <p:cNvCxnSpPr>
            <a:cxnSpLocks/>
          </p:cNvCxnSpPr>
          <p:nvPr/>
        </p:nvCxnSpPr>
        <p:spPr>
          <a:xfrm>
            <a:off x="5544108" y="4932291"/>
            <a:ext cx="1173196" cy="0"/>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5687617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29</a:t>
            </a:fld>
            <a:endParaRPr lang="da-DK" dirty="0"/>
          </a:p>
        </p:txBody>
      </p:sp>
      <p:sp>
        <p:nvSpPr>
          <p:cNvPr id="55" name="12 uger boks baggrund">
            <a:extLst>
              <a:ext uri="{FF2B5EF4-FFF2-40B4-BE49-F238E27FC236}">
                <a16:creationId xmlns:a16="http://schemas.microsoft.com/office/drawing/2014/main" id="{C00F9643-53E6-46CD-BE41-28753F798994}"/>
              </a:ext>
            </a:extLst>
          </p:cNvPr>
          <p:cNvSpPr/>
          <p:nvPr/>
        </p:nvSpPr>
        <p:spPr>
          <a:xfrm>
            <a:off x="1834391" y="5443506"/>
            <a:ext cx="6120680" cy="612000"/>
          </a:xfrm>
          <a:prstGeom prst="rect">
            <a:avLst/>
          </a:prstGeom>
          <a:solidFill>
            <a:srgbClr val="ECDFF5">
              <a:alpha val="59000"/>
            </a:srgb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7" name="8 uger boks baggrund">
            <a:extLst>
              <a:ext uri="{FF2B5EF4-FFF2-40B4-BE49-F238E27FC236}">
                <a16:creationId xmlns:a16="http://schemas.microsoft.com/office/drawing/2014/main" id="{74D4FCEA-1D0D-43D0-8498-8EE341A4850C}"/>
              </a:ext>
            </a:extLst>
          </p:cNvPr>
          <p:cNvSpPr/>
          <p:nvPr/>
        </p:nvSpPr>
        <p:spPr>
          <a:xfrm>
            <a:off x="4937798" y="4806376"/>
            <a:ext cx="3024336" cy="572362"/>
          </a:xfrm>
          <a:prstGeom prst="rect">
            <a:avLst/>
          </a:prstGeom>
          <a:solidFill>
            <a:srgbClr val="FFE1EB">
              <a:alpha val="44000"/>
            </a:srgb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6" name="4 uger boks baggrund">
            <a:extLst>
              <a:ext uri="{FF2B5EF4-FFF2-40B4-BE49-F238E27FC236}">
                <a16:creationId xmlns:a16="http://schemas.microsoft.com/office/drawing/2014/main" id="{90628FB5-537C-4E49-8611-F3828CE543B9}"/>
              </a:ext>
            </a:extLst>
          </p:cNvPr>
          <p:cNvSpPr/>
          <p:nvPr/>
        </p:nvSpPr>
        <p:spPr>
          <a:xfrm>
            <a:off x="4932040" y="4164733"/>
            <a:ext cx="3024336" cy="572362"/>
          </a:xfrm>
          <a:prstGeom prst="rect">
            <a:avLst/>
          </a:prstGeom>
          <a:solidFill>
            <a:srgbClr val="FFE1EB">
              <a:alpha val="53000"/>
            </a:srgbClr>
          </a:solidFill>
          <a:ln w="19050">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7" name="Indlæggelse boks">
            <a:extLst>
              <a:ext uri="{FF2B5EF4-FFF2-40B4-BE49-F238E27FC236}">
                <a16:creationId xmlns:a16="http://schemas.microsoft.com/office/drawing/2014/main" id="{743907A6-2A25-46A8-A262-81FD16C9CAFB}"/>
              </a:ext>
            </a:extLst>
          </p:cNvPr>
          <p:cNvSpPr/>
          <p:nvPr/>
        </p:nvSpPr>
        <p:spPr>
          <a:xfrm>
            <a:off x="1835696" y="1428865"/>
            <a:ext cx="6120680" cy="2675928"/>
          </a:xfrm>
          <a:prstGeom prst="rect">
            <a:avLst/>
          </a:prstGeom>
          <a:solidFill>
            <a:schemeClr val="bg1">
              <a:lumMod val="95000"/>
              <a:alpha val="14000"/>
            </a:schemeClr>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7" name="Usual care">
            <a:extLst>
              <a:ext uri="{FF2B5EF4-FFF2-40B4-BE49-F238E27FC236}">
                <a16:creationId xmlns:a16="http://schemas.microsoft.com/office/drawing/2014/main" id="{1ABC9236-3D2E-4AC9-B852-A01F3444228E}"/>
              </a:ext>
            </a:extLst>
          </p:cNvPr>
          <p:cNvSpPr txBox="1"/>
          <p:nvPr/>
        </p:nvSpPr>
        <p:spPr>
          <a:xfrm>
            <a:off x="1988255" y="3174886"/>
            <a:ext cx="2088232" cy="2952000"/>
          </a:xfrm>
          <a:prstGeom prst="rect">
            <a:avLst/>
          </a:prstGeom>
          <a:solidFill>
            <a:srgbClr val="C2E49C"/>
          </a:solidFill>
        </p:spPr>
        <p:txBody>
          <a:bodyPr wrap="square" lIns="0" tIns="0" rIns="0" bIns="0" rtlCol="0">
            <a:noAutofit/>
          </a:bodyPr>
          <a:lstStyle/>
          <a:p>
            <a:pPr algn="ctr"/>
            <a:r>
              <a:rPr lang="da-DK" dirty="0" err="1"/>
              <a:t>Usual</a:t>
            </a:r>
            <a:r>
              <a:rPr lang="da-DK" dirty="0"/>
              <a:t> </a:t>
            </a:r>
            <a:r>
              <a:rPr lang="da-DK" dirty="0" err="1"/>
              <a:t>care</a:t>
            </a:r>
            <a:endParaRPr lang="da-DK" dirty="0"/>
          </a:p>
        </p:txBody>
      </p:sp>
      <p:sp>
        <p:nvSpPr>
          <p:cNvPr id="18" name="Intervention">
            <a:extLst>
              <a:ext uri="{FF2B5EF4-FFF2-40B4-BE49-F238E27FC236}">
                <a16:creationId xmlns:a16="http://schemas.microsoft.com/office/drawing/2014/main" id="{D5F88A9C-B6FA-45C5-A755-3A14E5B5EDCB}"/>
              </a:ext>
            </a:extLst>
          </p:cNvPr>
          <p:cNvSpPr txBox="1"/>
          <p:nvPr/>
        </p:nvSpPr>
        <p:spPr>
          <a:xfrm>
            <a:off x="5736901" y="3177296"/>
            <a:ext cx="2088232" cy="2952000"/>
          </a:xfrm>
          <a:prstGeom prst="rect">
            <a:avLst/>
          </a:prstGeom>
          <a:solidFill>
            <a:schemeClr val="accent3">
              <a:lumMod val="40000"/>
              <a:lumOff val="60000"/>
            </a:schemeClr>
          </a:solidFill>
        </p:spPr>
        <p:txBody>
          <a:bodyPr wrap="square" lIns="0" tIns="0" rIns="0" bIns="0" rtlCol="0">
            <a:noAutofit/>
          </a:bodyPr>
          <a:lstStyle/>
          <a:p>
            <a:pPr algn="ctr"/>
            <a:r>
              <a:rPr lang="da-DK" dirty="0"/>
              <a:t>Intervention</a:t>
            </a:r>
          </a:p>
        </p:txBody>
      </p:sp>
      <p:sp>
        <p:nvSpPr>
          <p:cNvPr id="24" name="Venstre klammeparentes 23">
            <a:extLst>
              <a:ext uri="{FF2B5EF4-FFF2-40B4-BE49-F238E27FC236}">
                <a16:creationId xmlns:a16="http://schemas.microsoft.com/office/drawing/2014/main" id="{510F71D7-BEBF-40AD-B174-9B729A7BA2A9}"/>
              </a:ext>
            </a:extLst>
          </p:cNvPr>
          <p:cNvSpPr/>
          <p:nvPr/>
        </p:nvSpPr>
        <p:spPr>
          <a:xfrm rot="5400000">
            <a:off x="4645575" y="1091390"/>
            <a:ext cx="498312" cy="3744384"/>
          </a:xfrm>
          <a:prstGeom prst="leftBrace">
            <a:avLst>
              <a:gd name="adj1" fmla="val 25061"/>
              <a:gd name="adj2" fmla="val 49526"/>
            </a:avLst>
          </a:prstGeom>
          <a:ln w="19050">
            <a:solidFill>
              <a:srgbClr val="1F2936"/>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3" name="Indlæggelse">
            <a:extLst>
              <a:ext uri="{FF2B5EF4-FFF2-40B4-BE49-F238E27FC236}">
                <a16:creationId xmlns:a16="http://schemas.microsoft.com/office/drawing/2014/main" id="{09C9DCA1-A9E2-4C8A-8865-577FE3E9B99E}"/>
              </a:ext>
            </a:extLst>
          </p:cNvPr>
          <p:cNvSpPr txBox="1"/>
          <p:nvPr/>
        </p:nvSpPr>
        <p:spPr>
          <a:xfrm>
            <a:off x="4408966" y="1471846"/>
            <a:ext cx="1008112" cy="288032"/>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Indlæggelse</a:t>
            </a:r>
          </a:p>
        </p:txBody>
      </p:sp>
      <p:sp>
        <p:nvSpPr>
          <p:cNvPr id="8" name="Rekruttering">
            <a:extLst>
              <a:ext uri="{FF2B5EF4-FFF2-40B4-BE49-F238E27FC236}">
                <a16:creationId xmlns:a16="http://schemas.microsoft.com/office/drawing/2014/main" id="{F904BD30-7B3E-4A12-B0C5-D70147FFB9BE}"/>
              </a:ext>
            </a:extLst>
          </p:cNvPr>
          <p:cNvSpPr txBox="1"/>
          <p:nvPr/>
        </p:nvSpPr>
        <p:spPr>
          <a:xfrm>
            <a:off x="4408966" y="1840667"/>
            <a:ext cx="1008112" cy="447774"/>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Rekruttering</a:t>
            </a:r>
          </a:p>
          <a:p>
            <a:pPr algn="ctr"/>
            <a:r>
              <a:rPr lang="da-DK" sz="1200" dirty="0"/>
              <a:t>Samtykke</a:t>
            </a:r>
          </a:p>
        </p:txBody>
      </p:sp>
      <p:sp>
        <p:nvSpPr>
          <p:cNvPr id="10" name="Baseling">
            <a:extLst>
              <a:ext uri="{FF2B5EF4-FFF2-40B4-BE49-F238E27FC236}">
                <a16:creationId xmlns:a16="http://schemas.microsoft.com/office/drawing/2014/main" id="{FA893AB8-AEF9-44EE-8741-5568663745BE}"/>
              </a:ext>
            </a:extLst>
          </p:cNvPr>
          <p:cNvSpPr txBox="1"/>
          <p:nvPr/>
        </p:nvSpPr>
        <p:spPr>
          <a:xfrm>
            <a:off x="4408966" y="2358938"/>
            <a:ext cx="1008112" cy="288032"/>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Baseline</a:t>
            </a:r>
          </a:p>
        </p:txBody>
      </p:sp>
      <p:sp>
        <p:nvSpPr>
          <p:cNvPr id="11" name="Randomisering">
            <a:extLst>
              <a:ext uri="{FF2B5EF4-FFF2-40B4-BE49-F238E27FC236}">
                <a16:creationId xmlns:a16="http://schemas.microsoft.com/office/drawing/2014/main" id="{6CD71402-E6A4-4E61-96FF-B9F039F6E9E7}"/>
              </a:ext>
            </a:extLst>
          </p:cNvPr>
          <p:cNvSpPr txBox="1"/>
          <p:nvPr/>
        </p:nvSpPr>
        <p:spPr>
          <a:xfrm>
            <a:off x="4299396" y="2726026"/>
            <a:ext cx="1229207" cy="288032"/>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err="1"/>
              <a:t>Randomisering</a:t>
            </a:r>
            <a:endParaRPr lang="da-DK" sz="1200" dirty="0"/>
          </a:p>
        </p:txBody>
      </p:sp>
      <p:sp>
        <p:nvSpPr>
          <p:cNvPr id="12" name="rådgivning uc">
            <a:extLst>
              <a:ext uri="{FF2B5EF4-FFF2-40B4-BE49-F238E27FC236}">
                <a16:creationId xmlns:a16="http://schemas.microsoft.com/office/drawing/2014/main" id="{1D6E1AC8-9A18-4D9F-AA21-3BF002D36F6F}"/>
              </a:ext>
            </a:extLst>
          </p:cNvPr>
          <p:cNvSpPr txBox="1"/>
          <p:nvPr/>
        </p:nvSpPr>
        <p:spPr>
          <a:xfrm>
            <a:off x="2411759" y="3551065"/>
            <a:ext cx="1229207" cy="452420"/>
          </a:xfrm>
          <a:prstGeom prst="rect">
            <a:avLst/>
          </a:prstGeom>
          <a:solidFill>
            <a:srgbClr val="A7D971"/>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Standard information</a:t>
            </a:r>
          </a:p>
        </p:txBody>
      </p:sp>
      <p:sp>
        <p:nvSpPr>
          <p:cNvPr id="13" name="rådgivning int">
            <a:extLst>
              <a:ext uri="{FF2B5EF4-FFF2-40B4-BE49-F238E27FC236}">
                <a16:creationId xmlns:a16="http://schemas.microsoft.com/office/drawing/2014/main" id="{1C007207-AAE8-4554-9B6A-0D17E21846DB}"/>
              </a:ext>
            </a:extLst>
          </p:cNvPr>
          <p:cNvSpPr txBox="1"/>
          <p:nvPr/>
        </p:nvSpPr>
        <p:spPr>
          <a:xfrm>
            <a:off x="5926538" y="3544840"/>
            <a:ext cx="1021725" cy="452258"/>
          </a:xfrm>
          <a:prstGeom prst="rect">
            <a:avLst/>
          </a:prstGeom>
          <a:solidFill>
            <a:srgbClr val="89E0FF"/>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Struktureret</a:t>
            </a:r>
          </a:p>
          <a:p>
            <a:pPr algn="ctr"/>
            <a:r>
              <a:rPr lang="da-DK" sz="1200" dirty="0"/>
              <a:t>rådgivning</a:t>
            </a:r>
          </a:p>
        </p:txBody>
      </p:sp>
      <p:cxnSp>
        <p:nvCxnSpPr>
          <p:cNvPr id="30" name="Lige forbindelse 29">
            <a:extLst>
              <a:ext uri="{FF2B5EF4-FFF2-40B4-BE49-F238E27FC236}">
                <a16:creationId xmlns:a16="http://schemas.microsoft.com/office/drawing/2014/main" id="{7088C4C5-1A5D-4176-BC3B-2C46CB08E92D}"/>
              </a:ext>
            </a:extLst>
          </p:cNvPr>
          <p:cNvCxnSpPr/>
          <p:nvPr/>
        </p:nvCxnSpPr>
        <p:spPr>
          <a:xfrm>
            <a:off x="1834391" y="4103929"/>
            <a:ext cx="6120680" cy="0"/>
          </a:xfrm>
          <a:prstGeom prst="line">
            <a:avLst/>
          </a:prstGeom>
          <a:ln w="19050">
            <a:solidFill>
              <a:srgbClr val="C00000"/>
            </a:solidFill>
          </a:ln>
        </p:spPr>
        <p:style>
          <a:lnRef idx="1">
            <a:schemeClr val="accent1"/>
          </a:lnRef>
          <a:fillRef idx="0">
            <a:schemeClr val="accent1"/>
          </a:fillRef>
          <a:effectRef idx="0">
            <a:schemeClr val="accent1"/>
          </a:effectRef>
          <a:fontRef idx="minor">
            <a:schemeClr val="tx1"/>
          </a:fontRef>
        </p:style>
      </p:cxnSp>
      <p:sp>
        <p:nvSpPr>
          <p:cNvPr id="31" name="Udskrivelse tekst">
            <a:extLst>
              <a:ext uri="{FF2B5EF4-FFF2-40B4-BE49-F238E27FC236}">
                <a16:creationId xmlns:a16="http://schemas.microsoft.com/office/drawing/2014/main" id="{46A38A4F-B4DF-4105-BCF9-1D8656358FC3}"/>
              </a:ext>
            </a:extLst>
          </p:cNvPr>
          <p:cNvSpPr txBox="1"/>
          <p:nvPr/>
        </p:nvSpPr>
        <p:spPr>
          <a:xfrm>
            <a:off x="4327020" y="3859945"/>
            <a:ext cx="1209938" cy="236187"/>
          </a:xfrm>
          <a:prstGeom prst="rect">
            <a:avLst/>
          </a:prstGeom>
          <a:noFill/>
        </p:spPr>
        <p:txBody>
          <a:bodyPr wrap="square" lIns="0" tIns="0" rIns="0" bIns="0" rtlCol="0">
            <a:noAutofit/>
          </a:bodyPr>
          <a:lstStyle/>
          <a:p>
            <a:pPr algn="ctr"/>
            <a:r>
              <a:rPr lang="da-DK" sz="1400" dirty="0">
                <a:solidFill>
                  <a:schemeClr val="tx2">
                    <a:lumMod val="75000"/>
                  </a:schemeClr>
                </a:solidFill>
              </a:rPr>
              <a:t>Udskrivelsen</a:t>
            </a:r>
          </a:p>
        </p:txBody>
      </p:sp>
      <p:sp>
        <p:nvSpPr>
          <p:cNvPr id="25" name="12 uger boks kontur">
            <a:extLst>
              <a:ext uri="{FF2B5EF4-FFF2-40B4-BE49-F238E27FC236}">
                <a16:creationId xmlns:a16="http://schemas.microsoft.com/office/drawing/2014/main" id="{03443627-B3B5-43A6-98CB-0ED8D39FF66C}"/>
              </a:ext>
            </a:extLst>
          </p:cNvPr>
          <p:cNvSpPr/>
          <p:nvPr/>
        </p:nvSpPr>
        <p:spPr>
          <a:xfrm>
            <a:off x="1835696" y="5445224"/>
            <a:ext cx="6120680" cy="612000"/>
          </a:xfrm>
          <a:prstGeom prst="rect">
            <a:avLst/>
          </a:prstGeom>
          <a:no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12 uger opfølg uc">
            <a:extLst>
              <a:ext uri="{FF2B5EF4-FFF2-40B4-BE49-F238E27FC236}">
                <a16:creationId xmlns:a16="http://schemas.microsoft.com/office/drawing/2014/main" id="{0CAF0211-717E-4A21-83C5-0CF356FABD12}"/>
              </a:ext>
            </a:extLst>
          </p:cNvPr>
          <p:cNvSpPr txBox="1"/>
          <p:nvPr/>
        </p:nvSpPr>
        <p:spPr>
          <a:xfrm>
            <a:off x="2409224" y="5525383"/>
            <a:ext cx="1229207" cy="452420"/>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Ambulant opfølgning</a:t>
            </a:r>
          </a:p>
        </p:txBody>
      </p:sp>
      <p:sp>
        <p:nvSpPr>
          <p:cNvPr id="21" name="12 uger opfølg int">
            <a:extLst>
              <a:ext uri="{FF2B5EF4-FFF2-40B4-BE49-F238E27FC236}">
                <a16:creationId xmlns:a16="http://schemas.microsoft.com/office/drawing/2014/main" id="{88B74DA1-2EDC-4938-A2BD-97A40E5A7DCD}"/>
              </a:ext>
            </a:extLst>
          </p:cNvPr>
          <p:cNvSpPr txBox="1"/>
          <p:nvPr/>
        </p:nvSpPr>
        <p:spPr>
          <a:xfrm>
            <a:off x="6152354" y="5525545"/>
            <a:ext cx="1229207" cy="452258"/>
          </a:xfrm>
          <a:prstGeom prst="rect">
            <a:avLst/>
          </a:prstGeom>
          <a:solidFill>
            <a:srgbClr val="FFF3CD"/>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Ambulant opfølgning</a:t>
            </a:r>
          </a:p>
        </p:txBody>
      </p:sp>
      <p:sp>
        <p:nvSpPr>
          <p:cNvPr id="32" name="12 uger tekst">
            <a:extLst>
              <a:ext uri="{FF2B5EF4-FFF2-40B4-BE49-F238E27FC236}">
                <a16:creationId xmlns:a16="http://schemas.microsoft.com/office/drawing/2014/main" id="{833E7DA0-5E57-4467-9041-60275692411C}"/>
              </a:ext>
            </a:extLst>
          </p:cNvPr>
          <p:cNvSpPr txBox="1"/>
          <p:nvPr/>
        </p:nvSpPr>
        <p:spPr>
          <a:xfrm>
            <a:off x="4298357" y="5502546"/>
            <a:ext cx="1209938" cy="236187"/>
          </a:xfrm>
          <a:prstGeom prst="rect">
            <a:avLst/>
          </a:prstGeom>
          <a:noFill/>
        </p:spPr>
        <p:txBody>
          <a:bodyPr wrap="square" lIns="0" tIns="0" rIns="0" bIns="0" rtlCol="0">
            <a:noAutofit/>
          </a:bodyPr>
          <a:lstStyle/>
          <a:p>
            <a:pPr algn="ctr"/>
            <a:r>
              <a:rPr lang="da-DK" sz="1400" dirty="0">
                <a:solidFill>
                  <a:schemeClr val="tx2">
                    <a:lumMod val="75000"/>
                  </a:schemeClr>
                </a:solidFill>
              </a:rPr>
              <a:t>12 uger</a:t>
            </a:r>
          </a:p>
        </p:txBody>
      </p:sp>
      <p:sp>
        <p:nvSpPr>
          <p:cNvPr id="26" name="4 uger boks kontur">
            <a:extLst>
              <a:ext uri="{FF2B5EF4-FFF2-40B4-BE49-F238E27FC236}">
                <a16:creationId xmlns:a16="http://schemas.microsoft.com/office/drawing/2014/main" id="{462CFF4E-7403-4FD5-8AA2-8B22ED89FF2F}"/>
              </a:ext>
            </a:extLst>
          </p:cNvPr>
          <p:cNvSpPr/>
          <p:nvPr/>
        </p:nvSpPr>
        <p:spPr>
          <a:xfrm>
            <a:off x="4932040" y="4167524"/>
            <a:ext cx="3024336" cy="572362"/>
          </a:xfrm>
          <a:prstGeom prst="rect">
            <a:avLst/>
          </a:prstGeom>
          <a:no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3" name="4 uger tekst">
            <a:extLst>
              <a:ext uri="{FF2B5EF4-FFF2-40B4-BE49-F238E27FC236}">
                <a16:creationId xmlns:a16="http://schemas.microsoft.com/office/drawing/2014/main" id="{B1E5198C-0C35-4EB8-ACEA-BDAE5BCF8C17}"/>
              </a:ext>
            </a:extLst>
          </p:cNvPr>
          <p:cNvSpPr txBox="1"/>
          <p:nvPr/>
        </p:nvSpPr>
        <p:spPr>
          <a:xfrm>
            <a:off x="4732097" y="4254489"/>
            <a:ext cx="1209938" cy="236187"/>
          </a:xfrm>
          <a:prstGeom prst="rect">
            <a:avLst/>
          </a:prstGeom>
          <a:noFill/>
        </p:spPr>
        <p:txBody>
          <a:bodyPr wrap="square" lIns="0" tIns="0" rIns="0" bIns="0" rtlCol="0">
            <a:noAutofit/>
          </a:bodyPr>
          <a:lstStyle/>
          <a:p>
            <a:pPr algn="ctr"/>
            <a:r>
              <a:rPr lang="da-DK" sz="1400" dirty="0">
                <a:solidFill>
                  <a:schemeClr val="tx2">
                    <a:lumMod val="75000"/>
                  </a:schemeClr>
                </a:solidFill>
              </a:rPr>
              <a:t>4 uger</a:t>
            </a:r>
          </a:p>
        </p:txBody>
      </p:sp>
      <p:sp>
        <p:nvSpPr>
          <p:cNvPr id="15" name="4 uger opfølg">
            <a:extLst>
              <a:ext uri="{FF2B5EF4-FFF2-40B4-BE49-F238E27FC236}">
                <a16:creationId xmlns:a16="http://schemas.microsoft.com/office/drawing/2014/main" id="{0270D47A-3C2F-40AF-9188-119DDC6B9309}"/>
              </a:ext>
            </a:extLst>
          </p:cNvPr>
          <p:cNvSpPr txBox="1"/>
          <p:nvPr/>
        </p:nvSpPr>
        <p:spPr>
          <a:xfrm>
            <a:off x="6152353" y="4229419"/>
            <a:ext cx="1229207" cy="452258"/>
          </a:xfrm>
          <a:prstGeom prst="rect">
            <a:avLst/>
          </a:prstGeom>
          <a:solidFill>
            <a:srgbClr val="89E0FF"/>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Telefon opfølgning</a:t>
            </a:r>
          </a:p>
        </p:txBody>
      </p:sp>
      <p:sp>
        <p:nvSpPr>
          <p:cNvPr id="28" name="8 uger boks kontur">
            <a:extLst>
              <a:ext uri="{FF2B5EF4-FFF2-40B4-BE49-F238E27FC236}">
                <a16:creationId xmlns:a16="http://schemas.microsoft.com/office/drawing/2014/main" id="{4B6A9FC9-0524-4933-874A-78058FEDA49F}"/>
              </a:ext>
            </a:extLst>
          </p:cNvPr>
          <p:cNvSpPr/>
          <p:nvPr/>
        </p:nvSpPr>
        <p:spPr>
          <a:xfrm>
            <a:off x="4932040" y="4809167"/>
            <a:ext cx="3024336" cy="572362"/>
          </a:xfrm>
          <a:prstGeom prst="rect">
            <a:avLst/>
          </a:prstGeom>
          <a:no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4" name="8 uger tekst">
            <a:extLst>
              <a:ext uri="{FF2B5EF4-FFF2-40B4-BE49-F238E27FC236}">
                <a16:creationId xmlns:a16="http://schemas.microsoft.com/office/drawing/2014/main" id="{BE82E005-A968-43A9-993C-E4E518E77725}"/>
              </a:ext>
            </a:extLst>
          </p:cNvPr>
          <p:cNvSpPr txBox="1"/>
          <p:nvPr/>
        </p:nvSpPr>
        <p:spPr>
          <a:xfrm>
            <a:off x="4732097" y="4904361"/>
            <a:ext cx="1209938" cy="236187"/>
          </a:xfrm>
          <a:prstGeom prst="rect">
            <a:avLst/>
          </a:prstGeom>
          <a:noFill/>
        </p:spPr>
        <p:txBody>
          <a:bodyPr wrap="square" lIns="0" tIns="0" rIns="0" bIns="0" rtlCol="0">
            <a:noAutofit/>
          </a:bodyPr>
          <a:lstStyle/>
          <a:p>
            <a:pPr algn="ctr"/>
            <a:r>
              <a:rPr lang="da-DK" sz="1400" dirty="0">
                <a:solidFill>
                  <a:schemeClr val="tx2">
                    <a:lumMod val="75000"/>
                  </a:schemeClr>
                </a:solidFill>
              </a:rPr>
              <a:t>8 uger</a:t>
            </a:r>
          </a:p>
        </p:txBody>
      </p:sp>
      <p:sp>
        <p:nvSpPr>
          <p:cNvPr id="20" name="8 uger opfølg">
            <a:extLst>
              <a:ext uri="{FF2B5EF4-FFF2-40B4-BE49-F238E27FC236}">
                <a16:creationId xmlns:a16="http://schemas.microsoft.com/office/drawing/2014/main" id="{784E521C-B5E9-4A38-9A98-9B07AD2DA4FF}"/>
              </a:ext>
            </a:extLst>
          </p:cNvPr>
          <p:cNvSpPr txBox="1"/>
          <p:nvPr/>
        </p:nvSpPr>
        <p:spPr>
          <a:xfrm>
            <a:off x="6152353" y="4848950"/>
            <a:ext cx="1229207" cy="452258"/>
          </a:xfrm>
          <a:prstGeom prst="rect">
            <a:avLst/>
          </a:prstGeom>
          <a:solidFill>
            <a:srgbClr val="89E0FF"/>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Telefon opfølgning</a:t>
            </a:r>
          </a:p>
        </p:txBody>
      </p:sp>
      <p:cxnSp>
        <p:nvCxnSpPr>
          <p:cNvPr id="36" name="Lige pilforbindelse 35">
            <a:extLst>
              <a:ext uri="{FF2B5EF4-FFF2-40B4-BE49-F238E27FC236}">
                <a16:creationId xmlns:a16="http://schemas.microsoft.com/office/drawing/2014/main" id="{86D989C6-7788-40AE-AA37-46EECD827B48}"/>
              </a:ext>
            </a:extLst>
          </p:cNvPr>
          <p:cNvCxnSpPr>
            <a:stCxn id="12" idx="2"/>
            <a:endCxn id="14" idx="0"/>
          </p:cNvCxnSpPr>
          <p:nvPr/>
        </p:nvCxnSpPr>
        <p:spPr>
          <a:xfrm flipH="1">
            <a:off x="3023828" y="4003485"/>
            <a:ext cx="2535" cy="1521898"/>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37" name="Lige pilforbindelse 36">
            <a:extLst>
              <a:ext uri="{FF2B5EF4-FFF2-40B4-BE49-F238E27FC236}">
                <a16:creationId xmlns:a16="http://schemas.microsoft.com/office/drawing/2014/main" id="{B12361AC-7F5B-402A-AA3D-31F0D1673D79}"/>
              </a:ext>
            </a:extLst>
          </p:cNvPr>
          <p:cNvCxnSpPr>
            <a:cxnSpLocks/>
          </p:cNvCxnSpPr>
          <p:nvPr/>
        </p:nvCxnSpPr>
        <p:spPr>
          <a:xfrm>
            <a:off x="6766923" y="3429000"/>
            <a:ext cx="0" cy="124404"/>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40" name="Lige pilforbindelse 39">
            <a:extLst>
              <a:ext uri="{FF2B5EF4-FFF2-40B4-BE49-F238E27FC236}">
                <a16:creationId xmlns:a16="http://schemas.microsoft.com/office/drawing/2014/main" id="{441B35AE-B363-4BEC-AA75-044B327C5185}"/>
              </a:ext>
            </a:extLst>
          </p:cNvPr>
          <p:cNvCxnSpPr>
            <a:cxnSpLocks/>
            <a:endCxn id="15" idx="0"/>
          </p:cNvCxnSpPr>
          <p:nvPr/>
        </p:nvCxnSpPr>
        <p:spPr>
          <a:xfrm>
            <a:off x="6766923" y="3997098"/>
            <a:ext cx="34" cy="232321"/>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42" name="Lige pilforbindelse 41">
            <a:extLst>
              <a:ext uri="{FF2B5EF4-FFF2-40B4-BE49-F238E27FC236}">
                <a16:creationId xmlns:a16="http://schemas.microsoft.com/office/drawing/2014/main" id="{E5198168-D880-47D8-BE60-8A7245B97F51}"/>
              </a:ext>
            </a:extLst>
          </p:cNvPr>
          <p:cNvCxnSpPr>
            <a:cxnSpLocks/>
            <a:stCxn id="15" idx="2"/>
            <a:endCxn id="20" idx="0"/>
          </p:cNvCxnSpPr>
          <p:nvPr/>
        </p:nvCxnSpPr>
        <p:spPr>
          <a:xfrm>
            <a:off x="6766957" y="4681677"/>
            <a:ext cx="0" cy="167273"/>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44" name="Lige pilforbindelse 43">
            <a:extLst>
              <a:ext uri="{FF2B5EF4-FFF2-40B4-BE49-F238E27FC236}">
                <a16:creationId xmlns:a16="http://schemas.microsoft.com/office/drawing/2014/main" id="{83B4CDA9-61E9-48EF-9ACB-5EB60AF07C6D}"/>
              </a:ext>
            </a:extLst>
          </p:cNvPr>
          <p:cNvCxnSpPr>
            <a:cxnSpLocks/>
          </p:cNvCxnSpPr>
          <p:nvPr/>
        </p:nvCxnSpPr>
        <p:spPr>
          <a:xfrm>
            <a:off x="6766955" y="5301208"/>
            <a:ext cx="0" cy="216754"/>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50" name="Lige pilforbindelse 49">
            <a:extLst>
              <a:ext uri="{FF2B5EF4-FFF2-40B4-BE49-F238E27FC236}">
                <a16:creationId xmlns:a16="http://schemas.microsoft.com/office/drawing/2014/main" id="{8A0F616E-4E8B-4799-A2B3-6EEB15B3337C}"/>
              </a:ext>
            </a:extLst>
          </p:cNvPr>
          <p:cNvCxnSpPr>
            <a:cxnSpLocks/>
          </p:cNvCxnSpPr>
          <p:nvPr/>
        </p:nvCxnSpPr>
        <p:spPr>
          <a:xfrm>
            <a:off x="4913022" y="2665573"/>
            <a:ext cx="5" cy="58278"/>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53" name="Lige pilforbindelse 52">
            <a:extLst>
              <a:ext uri="{FF2B5EF4-FFF2-40B4-BE49-F238E27FC236}">
                <a16:creationId xmlns:a16="http://schemas.microsoft.com/office/drawing/2014/main" id="{1BE087C0-6C26-47C8-91CD-11A502FAB797}"/>
              </a:ext>
            </a:extLst>
          </p:cNvPr>
          <p:cNvCxnSpPr>
            <a:cxnSpLocks/>
          </p:cNvCxnSpPr>
          <p:nvPr/>
        </p:nvCxnSpPr>
        <p:spPr>
          <a:xfrm>
            <a:off x="4912045" y="2306804"/>
            <a:ext cx="5" cy="58278"/>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54" name="Lige pilforbindelse 53">
            <a:extLst>
              <a:ext uri="{FF2B5EF4-FFF2-40B4-BE49-F238E27FC236}">
                <a16:creationId xmlns:a16="http://schemas.microsoft.com/office/drawing/2014/main" id="{A9E0F25E-AC10-4096-964F-D2871695B264}"/>
              </a:ext>
            </a:extLst>
          </p:cNvPr>
          <p:cNvCxnSpPr>
            <a:cxnSpLocks/>
          </p:cNvCxnSpPr>
          <p:nvPr/>
        </p:nvCxnSpPr>
        <p:spPr>
          <a:xfrm>
            <a:off x="4913017" y="1779995"/>
            <a:ext cx="5" cy="58278"/>
          </a:xfrm>
          <a:prstGeom prst="straightConnector1">
            <a:avLst/>
          </a:prstGeom>
          <a:ln w="25400">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41" name="rådgivning int">
            <a:extLst>
              <a:ext uri="{FF2B5EF4-FFF2-40B4-BE49-F238E27FC236}">
                <a16:creationId xmlns:a16="http://schemas.microsoft.com/office/drawing/2014/main" id="{B8795EFE-1037-49CB-AA79-6C2D7209B2C5}"/>
              </a:ext>
            </a:extLst>
          </p:cNvPr>
          <p:cNvSpPr txBox="1"/>
          <p:nvPr/>
        </p:nvSpPr>
        <p:spPr>
          <a:xfrm>
            <a:off x="7008977" y="3544840"/>
            <a:ext cx="640561" cy="452258"/>
          </a:xfrm>
          <a:prstGeom prst="rect">
            <a:avLst/>
          </a:prstGeom>
          <a:solidFill>
            <a:srgbClr val="89E0FF"/>
          </a:solidFill>
          <a:ln>
            <a:solidFill>
              <a:srgbClr val="1F2936"/>
            </a:solidFill>
          </a:ln>
          <a:effectLst>
            <a:outerShdw blurRad="50800" dist="38100" dir="2700000" algn="tl" rotWithShape="0">
              <a:prstClr val="black">
                <a:alpha val="40000"/>
              </a:prstClr>
            </a:outerShdw>
          </a:effectLst>
        </p:spPr>
        <p:txBody>
          <a:bodyPr wrap="square" lIns="0" tIns="0" rIns="0" bIns="0" rtlCol="0" anchor="ctr">
            <a:noAutofit/>
          </a:bodyPr>
          <a:lstStyle/>
          <a:p>
            <a:pPr algn="ctr"/>
            <a:r>
              <a:rPr lang="da-DK" sz="1200" dirty="0"/>
              <a:t>Skridt-</a:t>
            </a:r>
          </a:p>
          <a:p>
            <a:pPr algn="ctr"/>
            <a:r>
              <a:rPr lang="da-DK" sz="1200" dirty="0"/>
              <a:t>tæller</a:t>
            </a:r>
          </a:p>
        </p:txBody>
      </p:sp>
    </p:spTree>
    <p:extLst>
      <p:ext uri="{BB962C8B-B14F-4D97-AF65-F5344CB8AC3E}">
        <p14:creationId xmlns:p14="http://schemas.microsoft.com/office/powerpoint/2010/main" val="19134606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29F43E5-CA2A-4C1D-836B-69CAD296E377}"/>
              </a:ext>
            </a:extLst>
          </p:cNvPr>
          <p:cNvSpPr>
            <a:spLocks noGrp="1"/>
          </p:cNvSpPr>
          <p:nvPr>
            <p:ph type="title"/>
          </p:nvPr>
        </p:nvSpPr>
        <p:spPr/>
        <p:txBody>
          <a:bodyPr/>
          <a:lstStyle/>
          <a:p>
            <a:pPr algn="ctr"/>
            <a:r>
              <a:rPr lang="da-DK" dirty="0"/>
              <a:t>Rationale for projektet</a:t>
            </a:r>
          </a:p>
        </p:txBody>
      </p:sp>
      <p:sp>
        <p:nvSpPr>
          <p:cNvPr id="4" name="Pladsholder til dato 3">
            <a:extLst>
              <a:ext uri="{FF2B5EF4-FFF2-40B4-BE49-F238E27FC236}">
                <a16:creationId xmlns:a16="http://schemas.microsoft.com/office/drawing/2014/main" id="{221B4FFC-B83C-4E3A-BECD-81D7F1A8306F}"/>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5002A808-02C2-4C6E-ABBE-E572A11F37AF}"/>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A035F677-DDAD-451A-AE96-E60E29102423}"/>
              </a:ext>
            </a:extLst>
          </p:cNvPr>
          <p:cNvSpPr>
            <a:spLocks noGrp="1"/>
          </p:cNvSpPr>
          <p:nvPr>
            <p:ph type="sldNum" sz="quarter" idx="16"/>
          </p:nvPr>
        </p:nvSpPr>
        <p:spPr/>
        <p:txBody>
          <a:bodyPr/>
          <a:lstStyle/>
          <a:p>
            <a:fld id="{0DAB5548-7253-48D6-B95B-F3D312A72220}" type="slidenum">
              <a:rPr lang="da-DK" smtClean="0"/>
              <a:pPr/>
              <a:t>3</a:t>
            </a:fld>
            <a:endParaRPr lang="da-DK" dirty="0"/>
          </a:p>
        </p:txBody>
      </p:sp>
      <p:sp>
        <p:nvSpPr>
          <p:cNvPr id="7" name="Tekstfelt 6">
            <a:extLst>
              <a:ext uri="{FF2B5EF4-FFF2-40B4-BE49-F238E27FC236}">
                <a16:creationId xmlns:a16="http://schemas.microsoft.com/office/drawing/2014/main" id="{755E652F-685C-45D9-80E6-D15BAD513A08}"/>
              </a:ext>
            </a:extLst>
          </p:cNvPr>
          <p:cNvSpPr txBox="1"/>
          <p:nvPr/>
        </p:nvSpPr>
        <p:spPr>
          <a:xfrm>
            <a:off x="1526288" y="2365647"/>
            <a:ext cx="6775423" cy="432048"/>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Patienter udskrives til eget hjem efter ~3 dage</a:t>
            </a:r>
          </a:p>
        </p:txBody>
      </p:sp>
      <p:sp>
        <p:nvSpPr>
          <p:cNvPr id="8" name="Tekstfelt 7">
            <a:extLst>
              <a:ext uri="{FF2B5EF4-FFF2-40B4-BE49-F238E27FC236}">
                <a16:creationId xmlns:a16="http://schemas.microsoft.com/office/drawing/2014/main" id="{75176CAE-4C5D-4067-9229-735F9F19DAE3}"/>
              </a:ext>
            </a:extLst>
          </p:cNvPr>
          <p:cNvSpPr txBox="1"/>
          <p:nvPr/>
        </p:nvSpPr>
        <p:spPr>
          <a:xfrm>
            <a:off x="1526288" y="2917863"/>
            <a:ext cx="6775423" cy="995823"/>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Forventes at kunne varetage egen sundhed</a:t>
            </a:r>
          </a:p>
          <a:p>
            <a:pPr marL="1077913" indent="-182563">
              <a:buFont typeface="Arial" panose="020B0604020202020204" pitchFamily="34" charset="0"/>
              <a:buChar char="•"/>
            </a:pPr>
            <a:r>
              <a:rPr lang="da-DK" dirty="0"/>
              <a:t>Medicin, fremtidige aftale, motion, kost, rygning</a:t>
            </a:r>
          </a:p>
          <a:p>
            <a:pPr marL="1077913" indent="-182563">
              <a:buFont typeface="Arial" panose="020B0604020202020204" pitchFamily="34" charset="0"/>
              <a:buChar char="•"/>
            </a:pPr>
            <a:r>
              <a:rPr lang="da-DK" dirty="0"/>
              <a:t>Tilpasning til patientens forudsætninger</a:t>
            </a:r>
          </a:p>
        </p:txBody>
      </p:sp>
      <p:sp>
        <p:nvSpPr>
          <p:cNvPr id="9" name="Tekstfelt 8">
            <a:extLst>
              <a:ext uri="{FF2B5EF4-FFF2-40B4-BE49-F238E27FC236}">
                <a16:creationId xmlns:a16="http://schemas.microsoft.com/office/drawing/2014/main" id="{D84F74FD-F2D8-4543-B697-50D30B2D5006}"/>
              </a:ext>
            </a:extLst>
          </p:cNvPr>
          <p:cNvSpPr txBox="1"/>
          <p:nvPr/>
        </p:nvSpPr>
        <p:spPr>
          <a:xfrm>
            <a:off x="1526289" y="4033854"/>
            <a:ext cx="6775422" cy="995824"/>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Manglende systematik i formidling</a:t>
            </a:r>
          </a:p>
          <a:p>
            <a:pPr marL="1704975" indent="-182563">
              <a:buFont typeface="Arial" panose="020B0604020202020204" pitchFamily="34" charset="0"/>
              <a:buChar char="•"/>
            </a:pPr>
            <a:r>
              <a:rPr lang="da-DK" dirty="0"/>
              <a:t>Mangel på klare anbefalinger</a:t>
            </a:r>
          </a:p>
          <a:p>
            <a:pPr marL="1704975" indent="-182563">
              <a:buFont typeface="Arial" panose="020B0604020202020204" pitchFamily="34" charset="0"/>
              <a:buChar char="•"/>
            </a:pPr>
            <a:r>
              <a:rPr lang="da-DK" dirty="0"/>
              <a:t>Mangel på systematiske værktøjer</a:t>
            </a:r>
          </a:p>
        </p:txBody>
      </p:sp>
      <p:sp>
        <p:nvSpPr>
          <p:cNvPr id="10" name="Tekstfelt 9">
            <a:extLst>
              <a:ext uri="{FF2B5EF4-FFF2-40B4-BE49-F238E27FC236}">
                <a16:creationId xmlns:a16="http://schemas.microsoft.com/office/drawing/2014/main" id="{82194EC0-5AB4-41E3-84E6-BC45200DFAB2}"/>
              </a:ext>
            </a:extLst>
          </p:cNvPr>
          <p:cNvSpPr txBox="1"/>
          <p:nvPr/>
        </p:nvSpPr>
        <p:spPr>
          <a:xfrm>
            <a:off x="1526288" y="5149846"/>
            <a:ext cx="6775422" cy="756085"/>
          </a:xfrm>
          <a:prstGeom prst="rect">
            <a:avLst/>
          </a:prstGeom>
          <a:solidFill>
            <a:schemeClr val="accent1">
              <a:lumMod val="20000"/>
              <a:lumOff val="80000"/>
            </a:schemeClr>
          </a:solidFill>
          <a:ln>
            <a:solidFill>
              <a:schemeClr val="bg2">
                <a:lumMod val="75000"/>
              </a:schemeClr>
            </a:solidFill>
          </a:ln>
        </p:spPr>
        <p:txBody>
          <a:bodyPr wrap="square" lIns="0" tIns="0" rIns="0" bIns="0" rtlCol="0" anchor="ctr">
            <a:noAutofit/>
          </a:bodyPr>
          <a:lstStyle/>
          <a:p>
            <a:pPr algn="ctr"/>
            <a:r>
              <a:rPr lang="da-DK" sz="2400" dirty="0"/>
              <a:t>Manglende systematik i specialiseret opfølgning</a:t>
            </a:r>
          </a:p>
          <a:p>
            <a:pPr marL="1704975" indent="-182563">
              <a:buFont typeface="Arial" panose="020B0604020202020204" pitchFamily="34" charset="0"/>
              <a:buChar char="•"/>
            </a:pPr>
            <a:r>
              <a:rPr lang="da-DK" dirty="0"/>
              <a:t>Almen vs. specialiseret opfølgning</a:t>
            </a:r>
            <a:endParaRPr lang="da-DK" sz="1600" dirty="0"/>
          </a:p>
        </p:txBody>
      </p:sp>
    </p:spTree>
    <p:extLst>
      <p:ext uri="{BB962C8B-B14F-4D97-AF65-F5344CB8AC3E}">
        <p14:creationId xmlns:p14="http://schemas.microsoft.com/office/powerpoint/2010/main" val="293474487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30</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Primært effektmål</a:t>
            </a:r>
          </a:p>
        </p:txBody>
      </p:sp>
      <p:pic>
        <p:nvPicPr>
          <p:cNvPr id="13" name="Billede 12">
            <a:extLst>
              <a:ext uri="{FF2B5EF4-FFF2-40B4-BE49-F238E27FC236}">
                <a16:creationId xmlns:a16="http://schemas.microsoft.com/office/drawing/2014/main" id="{9C12F529-2C69-45B4-BB9D-311424742AD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99446" y="2018703"/>
            <a:ext cx="7429107" cy="3714553"/>
          </a:xfrm>
          <a:prstGeom prst="rect">
            <a:avLst/>
          </a:prstGeom>
        </p:spPr>
      </p:pic>
      <p:sp>
        <p:nvSpPr>
          <p:cNvPr id="3" name="Tekstfelt 2">
            <a:extLst>
              <a:ext uri="{FF2B5EF4-FFF2-40B4-BE49-F238E27FC236}">
                <a16:creationId xmlns:a16="http://schemas.microsoft.com/office/drawing/2014/main" id="{F8D6202E-0526-4026-9761-70A4A86DE764}"/>
              </a:ext>
            </a:extLst>
          </p:cNvPr>
          <p:cNvSpPr txBox="1"/>
          <p:nvPr/>
        </p:nvSpPr>
        <p:spPr>
          <a:xfrm>
            <a:off x="1835696" y="5733256"/>
            <a:ext cx="3024336" cy="360040"/>
          </a:xfrm>
          <a:prstGeom prst="rect">
            <a:avLst/>
          </a:prstGeom>
          <a:noFill/>
        </p:spPr>
        <p:txBody>
          <a:bodyPr wrap="square" lIns="0" tIns="0" rIns="0" bIns="0" rtlCol="0">
            <a:noAutofit/>
          </a:bodyPr>
          <a:lstStyle/>
          <a:p>
            <a:pPr algn="ctr"/>
            <a:r>
              <a:rPr lang="da-DK" dirty="0"/>
              <a:t>1,85 mmHg [-7,13; 10,83]</a:t>
            </a:r>
          </a:p>
        </p:txBody>
      </p:sp>
      <p:sp>
        <p:nvSpPr>
          <p:cNvPr id="9" name="Tekstfelt 8">
            <a:extLst>
              <a:ext uri="{FF2B5EF4-FFF2-40B4-BE49-F238E27FC236}">
                <a16:creationId xmlns:a16="http://schemas.microsoft.com/office/drawing/2014/main" id="{26BE627F-9B09-498B-A4C5-08888A164C1F}"/>
              </a:ext>
            </a:extLst>
          </p:cNvPr>
          <p:cNvSpPr txBox="1"/>
          <p:nvPr/>
        </p:nvSpPr>
        <p:spPr>
          <a:xfrm>
            <a:off x="5435452" y="5731918"/>
            <a:ext cx="3024336" cy="360040"/>
          </a:xfrm>
          <a:prstGeom prst="rect">
            <a:avLst/>
          </a:prstGeom>
          <a:noFill/>
        </p:spPr>
        <p:txBody>
          <a:bodyPr wrap="square" lIns="0" tIns="0" rIns="0" bIns="0" rtlCol="0">
            <a:noAutofit/>
          </a:bodyPr>
          <a:lstStyle/>
          <a:p>
            <a:pPr algn="ctr"/>
            <a:r>
              <a:rPr lang="da-DK" dirty="0"/>
              <a:t>0,56 mmHg [-10,16; 11,28]</a:t>
            </a:r>
          </a:p>
        </p:txBody>
      </p:sp>
    </p:spTree>
    <p:extLst>
      <p:ext uri="{BB962C8B-B14F-4D97-AF65-F5344CB8AC3E}">
        <p14:creationId xmlns:p14="http://schemas.microsoft.com/office/powerpoint/2010/main" val="200574573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DDF0C8"/>
          </a:solidFill>
        </p:spPr>
        <p:txBody>
          <a:bodyPr anchor="ctr"/>
          <a:lstStyle/>
          <a:p>
            <a:pPr algn="ctr"/>
            <a:r>
              <a:rPr lang="da-DK" dirty="0"/>
              <a:t>2. </a:t>
            </a:r>
            <a:r>
              <a:rPr lang="da-DK" dirty="0" err="1"/>
              <a:t>Feasibility</a:t>
            </a:r>
            <a:endParaRPr lang="da-DK" dirty="0"/>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31</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628800"/>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err="1"/>
              <a:t>Feasibility</a:t>
            </a:r>
            <a:r>
              <a:rPr lang="da-DK" dirty="0"/>
              <a:t> mål</a:t>
            </a:r>
          </a:p>
        </p:txBody>
      </p:sp>
      <p:sp>
        <p:nvSpPr>
          <p:cNvPr id="8" name="Pladsholder til indhold 2">
            <a:extLst>
              <a:ext uri="{FF2B5EF4-FFF2-40B4-BE49-F238E27FC236}">
                <a16:creationId xmlns:a16="http://schemas.microsoft.com/office/drawing/2014/main" id="{A9B74EA9-172B-4237-81A9-F9334D096231}"/>
              </a:ext>
            </a:extLst>
          </p:cNvPr>
          <p:cNvSpPr>
            <a:spLocks noGrp="1"/>
          </p:cNvSpPr>
          <p:nvPr>
            <p:ph sz="quarter" idx="13"/>
          </p:nvPr>
        </p:nvSpPr>
        <p:spPr>
          <a:xfrm>
            <a:off x="1368425" y="2327275"/>
            <a:ext cx="6515943" cy="3549997"/>
          </a:xfrm>
        </p:spPr>
        <p:txBody>
          <a:bodyPr/>
          <a:lstStyle/>
          <a:p>
            <a:r>
              <a:rPr lang="da-DK" dirty="0"/>
              <a:t>112 potentielt relevante patienter</a:t>
            </a:r>
          </a:p>
          <a:p>
            <a:pPr lvl="1"/>
            <a:r>
              <a:rPr lang="da-DK" dirty="0"/>
              <a:t>84 inviteret </a:t>
            </a:r>
            <a:r>
              <a:rPr lang="da-DK" dirty="0">
                <a:sym typeface="Wingdings 3" panose="05040102010807070707" pitchFamily="18" charset="2"/>
              </a:rPr>
              <a:t> </a:t>
            </a:r>
            <a:r>
              <a:rPr lang="da-DK" dirty="0"/>
              <a:t>40 accepteret deltagelse</a:t>
            </a:r>
          </a:p>
          <a:p>
            <a:r>
              <a:rPr lang="da-DK" dirty="0"/>
              <a:t>32 fulgt op efter 12 uger (80% </a:t>
            </a:r>
            <a:r>
              <a:rPr lang="da-DK" sz="1800" dirty="0"/>
              <a:t>[95% CI 64-91]</a:t>
            </a:r>
            <a:r>
              <a:rPr lang="da-DK" dirty="0"/>
              <a:t>)</a:t>
            </a:r>
          </a:p>
          <a:p>
            <a:r>
              <a:rPr lang="da-DK" dirty="0"/>
              <a:t>Særlige udfordringer</a:t>
            </a:r>
          </a:p>
          <a:p>
            <a:pPr lvl="1">
              <a:spcAft>
                <a:spcPts val="600"/>
              </a:spcAft>
            </a:pPr>
            <a:r>
              <a:rPr lang="da-DK" dirty="0"/>
              <a:t>Tidlige udskrivelser</a:t>
            </a:r>
          </a:p>
          <a:p>
            <a:pPr lvl="1">
              <a:spcAft>
                <a:spcPts val="600"/>
              </a:spcAft>
            </a:pPr>
            <a:r>
              <a:rPr lang="da-DK" dirty="0"/>
              <a:t>Afklaring af diagnoser</a:t>
            </a:r>
          </a:p>
          <a:p>
            <a:pPr lvl="1">
              <a:spcAft>
                <a:spcPts val="600"/>
              </a:spcAft>
            </a:pPr>
            <a:r>
              <a:rPr lang="da-DK" dirty="0"/>
              <a:t>Aktivitetstracker</a:t>
            </a:r>
          </a:p>
          <a:p>
            <a:pPr lvl="1">
              <a:spcAft>
                <a:spcPts val="600"/>
              </a:spcAft>
            </a:pPr>
            <a:r>
              <a:rPr lang="da-DK" dirty="0"/>
              <a:t>Konditionstest</a:t>
            </a:r>
          </a:p>
          <a:p>
            <a:pPr lvl="1"/>
            <a:endParaRPr lang="da-DK" dirty="0"/>
          </a:p>
        </p:txBody>
      </p:sp>
    </p:spTree>
    <p:extLst>
      <p:ext uri="{BB962C8B-B14F-4D97-AF65-F5344CB8AC3E}">
        <p14:creationId xmlns:p14="http://schemas.microsoft.com/office/powerpoint/2010/main" val="155761061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FFE3E1"/>
          </a:solidFill>
        </p:spPr>
        <p:txBody>
          <a:bodyPr anchor="ctr"/>
          <a:lstStyle/>
          <a:p>
            <a:pPr algn="ctr"/>
            <a:r>
              <a:rPr lang="da-DK" dirty="0"/>
              <a:t>3. Kvalitativt interviewstudie</a:t>
            </a:r>
          </a:p>
        </p:txBody>
      </p:sp>
      <p:sp>
        <p:nvSpPr>
          <p:cNvPr id="3" name="Pladsholder til indhold 2">
            <a:extLst>
              <a:ext uri="{FF2B5EF4-FFF2-40B4-BE49-F238E27FC236}">
                <a16:creationId xmlns:a16="http://schemas.microsoft.com/office/drawing/2014/main" id="{5529CE6E-C106-42C9-BE31-122434886F12}"/>
              </a:ext>
            </a:extLst>
          </p:cNvPr>
          <p:cNvSpPr>
            <a:spLocks noGrp="1"/>
          </p:cNvSpPr>
          <p:nvPr>
            <p:ph sz="quarter" idx="13"/>
          </p:nvPr>
        </p:nvSpPr>
        <p:spPr>
          <a:xfrm>
            <a:off x="1368425" y="2327275"/>
            <a:ext cx="7091363" cy="1101725"/>
          </a:xfrm>
          <a:solidFill>
            <a:srgbClr val="FFF3CD"/>
          </a:solidFill>
          <a:ln>
            <a:solidFill>
              <a:srgbClr val="FFC000"/>
            </a:solidFill>
          </a:ln>
        </p:spPr>
        <p:txBody>
          <a:bodyPr lIns="108000" tIns="36000" rIns="108000"/>
          <a:lstStyle/>
          <a:p>
            <a:pPr marL="0" indent="0">
              <a:buNone/>
            </a:pPr>
            <a:r>
              <a:rPr lang="da-DK" dirty="0"/>
              <a:t>Patienternes oplevelse af hverdagen efter udskrivelsen med fokus på oplevet helbred og sundhedsadfærd i relation til potentielle restsymptomer</a:t>
            </a:r>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32</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Formål og metode</a:t>
            </a:r>
          </a:p>
        </p:txBody>
      </p:sp>
      <p:sp>
        <p:nvSpPr>
          <p:cNvPr id="8" name="Tekstfelt 7">
            <a:extLst>
              <a:ext uri="{FF2B5EF4-FFF2-40B4-BE49-F238E27FC236}">
                <a16:creationId xmlns:a16="http://schemas.microsoft.com/office/drawing/2014/main" id="{8A5858A0-2CA5-4EF6-B377-13A72C0AD226}"/>
              </a:ext>
            </a:extLst>
          </p:cNvPr>
          <p:cNvSpPr txBox="1"/>
          <p:nvPr/>
        </p:nvSpPr>
        <p:spPr>
          <a:xfrm>
            <a:off x="1475656" y="3645024"/>
            <a:ext cx="7091363" cy="2448272"/>
          </a:xfrm>
          <a:prstGeom prst="rect">
            <a:avLst/>
          </a:prstGeom>
          <a:noFill/>
        </p:spPr>
        <p:txBody>
          <a:bodyPr wrap="square" lIns="0" tIns="0" rIns="0" bIns="0" rtlCol="0">
            <a:noAutofit/>
          </a:bodyPr>
          <a:lstStyle/>
          <a:p>
            <a:pPr marL="285750" indent="-285750">
              <a:spcAft>
                <a:spcPts val="600"/>
              </a:spcAft>
              <a:buFont typeface="Arial" panose="020B0604020202020204" pitchFamily="34" charset="0"/>
              <a:buChar char="•"/>
            </a:pPr>
            <a:r>
              <a:rPr lang="da-DK" sz="2000" dirty="0"/>
              <a:t>Udvalgte deltagere fra pilot-studiet</a:t>
            </a:r>
          </a:p>
          <a:p>
            <a:pPr marL="285750" indent="-285750">
              <a:spcAft>
                <a:spcPts val="600"/>
              </a:spcAft>
              <a:buFont typeface="Arial" panose="020B0604020202020204" pitchFamily="34" charset="0"/>
              <a:buChar char="•"/>
            </a:pPr>
            <a:r>
              <a:rPr lang="da-DK" sz="2000" dirty="0"/>
              <a:t>16 interviews (14 individuelt/ 2 sammen med ægtefælle)</a:t>
            </a:r>
          </a:p>
          <a:p>
            <a:pPr marL="742950" lvl="1" indent="-285750">
              <a:spcAft>
                <a:spcPts val="600"/>
              </a:spcAft>
              <a:buFont typeface="Arial" panose="020B0604020202020204" pitchFamily="34" charset="0"/>
              <a:buChar char="•"/>
            </a:pPr>
            <a:r>
              <a:rPr lang="da-DK" sz="2000" dirty="0"/>
              <a:t>3-13 måneder efter udskrivelsen (median 6,5 </a:t>
            </a:r>
            <a:r>
              <a:rPr lang="da-DK" sz="2000" dirty="0" err="1"/>
              <a:t>mdr</a:t>
            </a:r>
            <a:r>
              <a:rPr lang="da-DK" sz="2000" dirty="0"/>
              <a:t>)</a:t>
            </a:r>
          </a:p>
          <a:p>
            <a:pPr marL="742950" lvl="1" indent="-285750">
              <a:spcAft>
                <a:spcPts val="600"/>
              </a:spcAft>
              <a:buFont typeface="Arial" panose="020B0604020202020204" pitchFamily="34" charset="0"/>
              <a:buChar char="•"/>
            </a:pPr>
            <a:r>
              <a:rPr lang="da-DK" sz="2000" dirty="0"/>
              <a:t>Interviewlængde 30-68 minutter</a:t>
            </a:r>
          </a:p>
          <a:p>
            <a:pPr marL="285750" indent="-285750">
              <a:spcAft>
                <a:spcPts val="600"/>
              </a:spcAft>
              <a:buFont typeface="Arial" panose="020B0604020202020204" pitchFamily="34" charset="0"/>
              <a:buChar char="•"/>
            </a:pPr>
            <a:r>
              <a:rPr lang="da-DK" sz="2000" dirty="0"/>
              <a:t>Tematisk analyse (Braun &amp; Clark)</a:t>
            </a:r>
          </a:p>
          <a:p>
            <a:pPr marL="285750" indent="-285750">
              <a:spcAft>
                <a:spcPts val="600"/>
              </a:spcAft>
              <a:buFont typeface="Arial" panose="020B0604020202020204" pitchFamily="34" charset="0"/>
              <a:buChar char="•"/>
            </a:pPr>
            <a:r>
              <a:rPr lang="da-DK" sz="2000" dirty="0"/>
              <a:t>Hermeneutisk </a:t>
            </a:r>
            <a:r>
              <a:rPr lang="da-DK" sz="2000" dirty="0" err="1"/>
              <a:t>epistemologi</a:t>
            </a:r>
            <a:endParaRPr lang="da-DK" sz="2000" dirty="0"/>
          </a:p>
          <a:p>
            <a:pPr marL="285750" indent="-285750">
              <a:buFont typeface="Arial" panose="020B0604020202020204" pitchFamily="34" charset="0"/>
              <a:buChar char="•"/>
            </a:pPr>
            <a:endParaRPr lang="da-DK" sz="2000" dirty="0"/>
          </a:p>
        </p:txBody>
      </p:sp>
    </p:spTree>
    <p:extLst>
      <p:ext uri="{BB962C8B-B14F-4D97-AF65-F5344CB8AC3E}">
        <p14:creationId xmlns:p14="http://schemas.microsoft.com/office/powerpoint/2010/main" val="273257614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FFE3E1"/>
          </a:solidFill>
        </p:spPr>
        <p:txBody>
          <a:bodyPr anchor="ctr"/>
          <a:lstStyle/>
          <a:p>
            <a:pPr algn="ctr"/>
            <a:r>
              <a:rPr lang="da-DK" dirty="0"/>
              <a:t>3. Kvalitativt interviewstudie</a:t>
            </a:r>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33</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Analyse</a:t>
            </a:r>
          </a:p>
        </p:txBody>
      </p:sp>
      <p:sp>
        <p:nvSpPr>
          <p:cNvPr id="8" name="Tekstfelt 7">
            <a:extLst>
              <a:ext uri="{FF2B5EF4-FFF2-40B4-BE49-F238E27FC236}">
                <a16:creationId xmlns:a16="http://schemas.microsoft.com/office/drawing/2014/main" id="{EBCD3515-CD83-4D2F-A423-5F976F952188}"/>
              </a:ext>
            </a:extLst>
          </p:cNvPr>
          <p:cNvSpPr txBox="1"/>
          <p:nvPr/>
        </p:nvSpPr>
        <p:spPr>
          <a:xfrm>
            <a:off x="2987824" y="2018702"/>
            <a:ext cx="5471964" cy="1440712"/>
          </a:xfrm>
          <a:prstGeom prst="rect">
            <a:avLst/>
          </a:prstGeom>
          <a:solidFill>
            <a:srgbClr val="D9F5FF"/>
          </a:solidFill>
        </p:spPr>
        <p:txBody>
          <a:bodyPr wrap="square" lIns="108000" tIns="36000" rIns="108000" bIns="0" rtlCol="0">
            <a:noAutofit/>
          </a:bodyPr>
          <a:lstStyle/>
          <a:p>
            <a:pPr algn="just"/>
            <a:r>
              <a:rPr lang="da-DK" sz="1500" dirty="0"/>
              <a:t>”</a:t>
            </a:r>
            <a:r>
              <a:rPr lang="da-DK" sz="1500" i="1" dirty="0"/>
              <a:t>det er nogle nye tanker jeg har sådan fået der, altså, livet vare ikke evigt, på et eller andet tidspunkt så er det ‘farvel og tak’, og det kommer jeg også til at tænke på nogle gange når jeg skal synge til alle de her begravelser, så siger jeg også ’jamen det bliver jo også min på et eller andet tidspunkt’, forhåbentligt ikke lige med det samme</a:t>
            </a:r>
            <a:r>
              <a:rPr lang="da-DK" sz="1500" dirty="0"/>
              <a:t>”</a:t>
            </a:r>
          </a:p>
        </p:txBody>
      </p:sp>
      <p:sp>
        <p:nvSpPr>
          <p:cNvPr id="9" name="Tekstfelt 8">
            <a:extLst>
              <a:ext uri="{FF2B5EF4-FFF2-40B4-BE49-F238E27FC236}">
                <a16:creationId xmlns:a16="http://schemas.microsoft.com/office/drawing/2014/main" id="{7882E6EF-D58C-4759-8BD1-3EFC01A33FC1}"/>
              </a:ext>
            </a:extLst>
          </p:cNvPr>
          <p:cNvSpPr txBox="1"/>
          <p:nvPr/>
        </p:nvSpPr>
        <p:spPr>
          <a:xfrm>
            <a:off x="2987824" y="3547241"/>
            <a:ext cx="5466672" cy="657435"/>
          </a:xfrm>
          <a:prstGeom prst="rect">
            <a:avLst/>
          </a:prstGeom>
          <a:solidFill>
            <a:srgbClr val="ECDFF5"/>
          </a:solidFill>
        </p:spPr>
        <p:txBody>
          <a:bodyPr wrap="square" lIns="108000" tIns="36000" rIns="108000" bIns="0" rtlCol="0">
            <a:noAutofit/>
          </a:bodyPr>
          <a:lstStyle/>
          <a:p>
            <a:r>
              <a:rPr lang="da-DK" dirty="0"/>
              <a:t>Apopleksien har været en påmindelse om hans egen dødelighed</a:t>
            </a:r>
          </a:p>
        </p:txBody>
      </p:sp>
      <p:sp>
        <p:nvSpPr>
          <p:cNvPr id="10" name="Tekstfelt 9">
            <a:extLst>
              <a:ext uri="{FF2B5EF4-FFF2-40B4-BE49-F238E27FC236}">
                <a16:creationId xmlns:a16="http://schemas.microsoft.com/office/drawing/2014/main" id="{ED68BD7E-1F36-47CD-912E-B267D267333C}"/>
              </a:ext>
            </a:extLst>
          </p:cNvPr>
          <p:cNvSpPr txBox="1"/>
          <p:nvPr/>
        </p:nvSpPr>
        <p:spPr>
          <a:xfrm>
            <a:off x="2987824" y="4298513"/>
            <a:ext cx="5466672" cy="657434"/>
          </a:xfrm>
          <a:prstGeom prst="rect">
            <a:avLst/>
          </a:prstGeom>
          <a:solidFill>
            <a:srgbClr val="FFE3E1"/>
          </a:solidFill>
        </p:spPr>
        <p:txBody>
          <a:bodyPr wrap="square" lIns="108000" tIns="0" rIns="108000" bIns="0" rtlCol="0" anchor="ctr">
            <a:noAutofit/>
          </a:bodyPr>
          <a:lstStyle/>
          <a:p>
            <a:r>
              <a:rPr lang="da-DK" dirty="0"/>
              <a:t>Ved at det kan ske igen, og at det kan blive alvorligt eller fatalt</a:t>
            </a:r>
          </a:p>
        </p:txBody>
      </p:sp>
      <p:sp>
        <p:nvSpPr>
          <p:cNvPr id="11" name="Tekstfelt 10">
            <a:extLst>
              <a:ext uri="{FF2B5EF4-FFF2-40B4-BE49-F238E27FC236}">
                <a16:creationId xmlns:a16="http://schemas.microsoft.com/office/drawing/2014/main" id="{BFD8A05B-0F66-4CDB-BD3C-BB1DD06E8450}"/>
              </a:ext>
            </a:extLst>
          </p:cNvPr>
          <p:cNvSpPr txBox="1"/>
          <p:nvPr/>
        </p:nvSpPr>
        <p:spPr>
          <a:xfrm>
            <a:off x="2987824" y="5043774"/>
            <a:ext cx="5466672" cy="468330"/>
          </a:xfrm>
          <a:prstGeom prst="rect">
            <a:avLst/>
          </a:prstGeom>
          <a:solidFill>
            <a:srgbClr val="FFF3CD"/>
          </a:solidFill>
        </p:spPr>
        <p:txBody>
          <a:bodyPr wrap="square" lIns="108000" tIns="0" rIns="108000" bIns="0" rtlCol="0" anchor="ctr">
            <a:noAutofit/>
          </a:bodyPr>
          <a:lstStyle/>
          <a:p>
            <a:r>
              <a:rPr lang="da-DK" dirty="0"/>
              <a:t>Bekymringer</a:t>
            </a:r>
          </a:p>
        </p:txBody>
      </p:sp>
      <p:sp>
        <p:nvSpPr>
          <p:cNvPr id="12" name="Tekstfelt 11">
            <a:extLst>
              <a:ext uri="{FF2B5EF4-FFF2-40B4-BE49-F238E27FC236}">
                <a16:creationId xmlns:a16="http://schemas.microsoft.com/office/drawing/2014/main" id="{57E1296F-B686-4E5F-B767-3DB407B822CC}"/>
              </a:ext>
            </a:extLst>
          </p:cNvPr>
          <p:cNvSpPr txBox="1"/>
          <p:nvPr/>
        </p:nvSpPr>
        <p:spPr>
          <a:xfrm>
            <a:off x="2987825" y="5607120"/>
            <a:ext cx="5466672" cy="468330"/>
          </a:xfrm>
          <a:prstGeom prst="rect">
            <a:avLst/>
          </a:prstGeom>
          <a:solidFill>
            <a:srgbClr val="DDF0C8"/>
          </a:solidFill>
        </p:spPr>
        <p:txBody>
          <a:bodyPr wrap="square" lIns="108000" tIns="0" rIns="108000" bIns="0" rtlCol="0" anchor="ctr">
            <a:noAutofit/>
          </a:bodyPr>
          <a:lstStyle/>
          <a:p>
            <a:r>
              <a:rPr lang="da-DK" dirty="0"/>
              <a:t>Bekymring – en ny følgesvend</a:t>
            </a:r>
          </a:p>
        </p:txBody>
      </p:sp>
      <p:sp>
        <p:nvSpPr>
          <p:cNvPr id="13" name="Tekstfelt 12">
            <a:extLst>
              <a:ext uri="{FF2B5EF4-FFF2-40B4-BE49-F238E27FC236}">
                <a16:creationId xmlns:a16="http://schemas.microsoft.com/office/drawing/2014/main" id="{801DB7D8-C2E4-4636-BC17-43773BF57F4B}"/>
              </a:ext>
            </a:extLst>
          </p:cNvPr>
          <p:cNvSpPr txBox="1"/>
          <p:nvPr/>
        </p:nvSpPr>
        <p:spPr>
          <a:xfrm>
            <a:off x="1259632" y="2070015"/>
            <a:ext cx="1656184" cy="258170"/>
          </a:xfrm>
          <a:prstGeom prst="rect">
            <a:avLst/>
          </a:prstGeom>
          <a:noFill/>
        </p:spPr>
        <p:txBody>
          <a:bodyPr wrap="square" lIns="0" tIns="0" rIns="0" bIns="0" rtlCol="0">
            <a:noAutofit/>
          </a:bodyPr>
          <a:lstStyle/>
          <a:p>
            <a:r>
              <a:rPr lang="da-DK" b="1" dirty="0"/>
              <a:t>Citat</a:t>
            </a:r>
          </a:p>
        </p:txBody>
      </p:sp>
      <p:sp>
        <p:nvSpPr>
          <p:cNvPr id="14" name="Tekstfelt 13">
            <a:extLst>
              <a:ext uri="{FF2B5EF4-FFF2-40B4-BE49-F238E27FC236}">
                <a16:creationId xmlns:a16="http://schemas.microsoft.com/office/drawing/2014/main" id="{1EFEA120-C0C4-4BCD-AB47-6A6D99F5FC5D}"/>
              </a:ext>
            </a:extLst>
          </p:cNvPr>
          <p:cNvSpPr txBox="1"/>
          <p:nvPr/>
        </p:nvSpPr>
        <p:spPr>
          <a:xfrm>
            <a:off x="1259632" y="3616493"/>
            <a:ext cx="1656184" cy="258170"/>
          </a:xfrm>
          <a:prstGeom prst="rect">
            <a:avLst/>
          </a:prstGeom>
          <a:noFill/>
        </p:spPr>
        <p:txBody>
          <a:bodyPr wrap="square" lIns="0" tIns="0" rIns="0" bIns="0" rtlCol="0">
            <a:noAutofit/>
          </a:bodyPr>
          <a:lstStyle/>
          <a:p>
            <a:r>
              <a:rPr lang="da-DK" b="1" dirty="0"/>
              <a:t>Noter</a:t>
            </a:r>
          </a:p>
        </p:txBody>
      </p:sp>
      <p:sp>
        <p:nvSpPr>
          <p:cNvPr id="15" name="Tekstfelt 14">
            <a:extLst>
              <a:ext uri="{FF2B5EF4-FFF2-40B4-BE49-F238E27FC236}">
                <a16:creationId xmlns:a16="http://schemas.microsoft.com/office/drawing/2014/main" id="{2EA46F4C-B5E1-4E2E-8C59-9AF78DCD00C1}"/>
              </a:ext>
            </a:extLst>
          </p:cNvPr>
          <p:cNvSpPr txBox="1"/>
          <p:nvPr/>
        </p:nvSpPr>
        <p:spPr>
          <a:xfrm>
            <a:off x="1235736" y="4369060"/>
            <a:ext cx="1656184" cy="258170"/>
          </a:xfrm>
          <a:prstGeom prst="rect">
            <a:avLst/>
          </a:prstGeom>
          <a:noFill/>
        </p:spPr>
        <p:txBody>
          <a:bodyPr wrap="square" lIns="0" tIns="0" rIns="0" bIns="0" rtlCol="0">
            <a:noAutofit/>
          </a:bodyPr>
          <a:lstStyle/>
          <a:p>
            <a:r>
              <a:rPr lang="da-DK" b="1" dirty="0"/>
              <a:t>Åben kode</a:t>
            </a:r>
          </a:p>
        </p:txBody>
      </p:sp>
      <p:sp>
        <p:nvSpPr>
          <p:cNvPr id="16" name="Tekstfelt 15">
            <a:extLst>
              <a:ext uri="{FF2B5EF4-FFF2-40B4-BE49-F238E27FC236}">
                <a16:creationId xmlns:a16="http://schemas.microsoft.com/office/drawing/2014/main" id="{13BB7850-BB02-45A2-BCBE-E8084759B1FB}"/>
              </a:ext>
            </a:extLst>
          </p:cNvPr>
          <p:cNvSpPr txBox="1"/>
          <p:nvPr/>
        </p:nvSpPr>
        <p:spPr>
          <a:xfrm>
            <a:off x="1235736" y="5104483"/>
            <a:ext cx="1656184" cy="258170"/>
          </a:xfrm>
          <a:prstGeom prst="rect">
            <a:avLst/>
          </a:prstGeom>
          <a:noFill/>
        </p:spPr>
        <p:txBody>
          <a:bodyPr wrap="square" lIns="0" tIns="0" rIns="0" bIns="0" rtlCol="0">
            <a:noAutofit/>
          </a:bodyPr>
          <a:lstStyle/>
          <a:p>
            <a:r>
              <a:rPr lang="da-DK" b="1" dirty="0"/>
              <a:t>Potentielt tema</a:t>
            </a:r>
          </a:p>
        </p:txBody>
      </p:sp>
      <p:sp>
        <p:nvSpPr>
          <p:cNvPr id="17" name="Tekstfelt 16">
            <a:extLst>
              <a:ext uri="{FF2B5EF4-FFF2-40B4-BE49-F238E27FC236}">
                <a16:creationId xmlns:a16="http://schemas.microsoft.com/office/drawing/2014/main" id="{987684C9-7E86-4332-B5E3-3D446BDD02D0}"/>
              </a:ext>
            </a:extLst>
          </p:cNvPr>
          <p:cNvSpPr txBox="1"/>
          <p:nvPr/>
        </p:nvSpPr>
        <p:spPr>
          <a:xfrm>
            <a:off x="1259632" y="5657368"/>
            <a:ext cx="1656184" cy="258170"/>
          </a:xfrm>
          <a:prstGeom prst="rect">
            <a:avLst/>
          </a:prstGeom>
          <a:noFill/>
        </p:spPr>
        <p:txBody>
          <a:bodyPr wrap="square" lIns="0" tIns="0" rIns="0" bIns="0" rtlCol="0">
            <a:noAutofit/>
          </a:bodyPr>
          <a:lstStyle/>
          <a:p>
            <a:r>
              <a:rPr lang="da-DK" b="1" dirty="0"/>
              <a:t>Endeligt tema</a:t>
            </a:r>
          </a:p>
        </p:txBody>
      </p:sp>
    </p:spTree>
    <p:extLst>
      <p:ext uri="{BB962C8B-B14F-4D97-AF65-F5344CB8AC3E}">
        <p14:creationId xmlns:p14="http://schemas.microsoft.com/office/powerpoint/2010/main" val="423620713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7C3885-1AF4-4377-92DA-AF015A0DE871}"/>
              </a:ext>
            </a:extLst>
          </p:cNvPr>
          <p:cNvSpPr>
            <a:spLocks noGrp="1"/>
          </p:cNvSpPr>
          <p:nvPr>
            <p:ph type="title"/>
          </p:nvPr>
        </p:nvSpPr>
        <p:spPr>
          <a:xfrm>
            <a:off x="1368000" y="872715"/>
            <a:ext cx="7092000" cy="497297"/>
          </a:xfrm>
          <a:solidFill>
            <a:srgbClr val="FFE3E1"/>
          </a:solidFill>
        </p:spPr>
        <p:txBody>
          <a:bodyPr anchor="ctr"/>
          <a:lstStyle/>
          <a:p>
            <a:pPr algn="ctr"/>
            <a:r>
              <a:rPr lang="da-DK" dirty="0"/>
              <a:t>3. Kvalitativt interviewstudie</a:t>
            </a:r>
          </a:p>
        </p:txBody>
      </p:sp>
      <p:sp>
        <p:nvSpPr>
          <p:cNvPr id="4" name="Pladsholder til dato 3">
            <a:extLst>
              <a:ext uri="{FF2B5EF4-FFF2-40B4-BE49-F238E27FC236}">
                <a16:creationId xmlns:a16="http://schemas.microsoft.com/office/drawing/2014/main" id="{B2D41382-45D8-4E98-BFF8-649C7085908B}"/>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52E3D4E-B35C-43AC-A18B-DF61C945E9CD}"/>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13238037-7E86-4637-A397-4CBBF1C6C39E}"/>
              </a:ext>
            </a:extLst>
          </p:cNvPr>
          <p:cNvSpPr>
            <a:spLocks noGrp="1"/>
          </p:cNvSpPr>
          <p:nvPr>
            <p:ph type="sldNum" sz="quarter" idx="16"/>
          </p:nvPr>
        </p:nvSpPr>
        <p:spPr/>
        <p:txBody>
          <a:bodyPr/>
          <a:lstStyle/>
          <a:p>
            <a:fld id="{0DAB5548-7253-48D6-B95B-F3D312A72220}" type="slidenum">
              <a:rPr lang="da-DK" smtClean="0"/>
              <a:pPr/>
              <a:t>34</a:t>
            </a:fld>
            <a:endParaRPr lang="da-DK" dirty="0"/>
          </a:p>
        </p:txBody>
      </p:sp>
      <p:sp>
        <p:nvSpPr>
          <p:cNvPr id="7" name="Titel 1">
            <a:extLst>
              <a:ext uri="{FF2B5EF4-FFF2-40B4-BE49-F238E27FC236}">
                <a16:creationId xmlns:a16="http://schemas.microsoft.com/office/drawing/2014/main" id="{4EF0EED2-276E-45E0-8EB2-19EF6BC111F6}"/>
              </a:ext>
            </a:extLst>
          </p:cNvPr>
          <p:cNvSpPr txBox="1">
            <a:spLocks/>
          </p:cNvSpPr>
          <p:nvPr/>
        </p:nvSpPr>
        <p:spPr>
          <a:xfrm>
            <a:off x="1368000" y="1521406"/>
            <a:ext cx="7092000" cy="497297"/>
          </a:xfrm>
          <a:prstGeom prst="rect">
            <a:avLst/>
          </a:prstGeom>
          <a:noFill/>
        </p:spPr>
        <p:txBody>
          <a:bodyPr vert="horz" lIns="0" tIns="0" rIns="0" bIns="0" rtlCol="0" anchor="ctr" anchorCtr="0">
            <a:noAutofit/>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Fund</a:t>
            </a:r>
          </a:p>
        </p:txBody>
      </p:sp>
      <p:sp>
        <p:nvSpPr>
          <p:cNvPr id="10" name="Tekstfelt 9">
            <a:extLst>
              <a:ext uri="{FF2B5EF4-FFF2-40B4-BE49-F238E27FC236}">
                <a16:creationId xmlns:a16="http://schemas.microsoft.com/office/drawing/2014/main" id="{AD52D0BE-CBA7-4903-80AA-98D7C093F2A6}"/>
              </a:ext>
            </a:extLst>
          </p:cNvPr>
          <p:cNvSpPr txBox="1"/>
          <p:nvPr/>
        </p:nvSpPr>
        <p:spPr>
          <a:xfrm>
            <a:off x="4310914" y="4358288"/>
            <a:ext cx="1206172" cy="504056"/>
          </a:xfrm>
          <a:prstGeom prst="rect">
            <a:avLst/>
          </a:prstGeom>
          <a:solidFill>
            <a:srgbClr val="FFF3CD"/>
          </a:solidFill>
          <a:ln w="12700">
            <a:solidFill>
              <a:srgbClr val="FFC000"/>
            </a:solidFill>
          </a:ln>
        </p:spPr>
        <p:txBody>
          <a:bodyPr wrap="square" lIns="0" tIns="0" rIns="0" bIns="0" rtlCol="0" anchor="ctr">
            <a:noAutofit/>
          </a:bodyPr>
          <a:lstStyle/>
          <a:p>
            <a:pPr algn="ctr"/>
            <a:r>
              <a:rPr lang="da-DK" sz="1600" dirty="0"/>
              <a:t>Bekymring</a:t>
            </a:r>
          </a:p>
        </p:txBody>
      </p:sp>
      <p:sp>
        <p:nvSpPr>
          <p:cNvPr id="11" name="Tekstfelt 10">
            <a:extLst>
              <a:ext uri="{FF2B5EF4-FFF2-40B4-BE49-F238E27FC236}">
                <a16:creationId xmlns:a16="http://schemas.microsoft.com/office/drawing/2014/main" id="{6C373A42-5B14-4423-A07C-81D97ED281CD}"/>
              </a:ext>
            </a:extLst>
          </p:cNvPr>
          <p:cNvSpPr txBox="1"/>
          <p:nvPr/>
        </p:nvSpPr>
        <p:spPr>
          <a:xfrm>
            <a:off x="4137954" y="3067210"/>
            <a:ext cx="1552092" cy="895323"/>
          </a:xfrm>
          <a:prstGeom prst="rect">
            <a:avLst/>
          </a:prstGeom>
          <a:solidFill>
            <a:srgbClr val="FFF3CD"/>
          </a:solidFill>
          <a:ln w="12700">
            <a:solidFill>
              <a:srgbClr val="FFC000"/>
            </a:solidFill>
          </a:ln>
        </p:spPr>
        <p:txBody>
          <a:bodyPr wrap="square" lIns="0" tIns="0" rIns="0" bIns="0" rtlCol="0" anchor="ctr">
            <a:noAutofit/>
          </a:bodyPr>
          <a:lstStyle/>
          <a:p>
            <a:pPr algn="ctr"/>
            <a:r>
              <a:rPr lang="da-DK" sz="1600" dirty="0"/>
              <a:t>Erkendelse af begrænsninger og udsathed</a:t>
            </a:r>
          </a:p>
        </p:txBody>
      </p:sp>
      <p:sp>
        <p:nvSpPr>
          <p:cNvPr id="12" name="Tekstfelt 11">
            <a:extLst>
              <a:ext uri="{FF2B5EF4-FFF2-40B4-BE49-F238E27FC236}">
                <a16:creationId xmlns:a16="http://schemas.microsoft.com/office/drawing/2014/main" id="{E7DDE4E4-3BE9-4B2A-9FF2-DBD74FF1F1C2}"/>
              </a:ext>
            </a:extLst>
          </p:cNvPr>
          <p:cNvSpPr txBox="1"/>
          <p:nvPr/>
        </p:nvSpPr>
        <p:spPr>
          <a:xfrm>
            <a:off x="4310914" y="2170097"/>
            <a:ext cx="1206172" cy="576198"/>
          </a:xfrm>
          <a:prstGeom prst="rect">
            <a:avLst/>
          </a:prstGeom>
          <a:solidFill>
            <a:srgbClr val="FFF3CD"/>
          </a:solidFill>
          <a:ln w="12700">
            <a:solidFill>
              <a:srgbClr val="FFC000"/>
            </a:solidFill>
          </a:ln>
        </p:spPr>
        <p:txBody>
          <a:bodyPr wrap="square" lIns="0" tIns="0" rIns="0" bIns="0" rtlCol="0" anchor="ctr">
            <a:noAutofit/>
          </a:bodyPr>
          <a:lstStyle/>
          <a:p>
            <a:pPr algn="ctr"/>
            <a:r>
              <a:rPr lang="da-DK" sz="1600" dirty="0"/>
              <a:t>Ønske om normalitet</a:t>
            </a:r>
          </a:p>
        </p:txBody>
      </p:sp>
      <p:sp>
        <p:nvSpPr>
          <p:cNvPr id="13" name="Tekstfelt 12">
            <a:extLst>
              <a:ext uri="{FF2B5EF4-FFF2-40B4-BE49-F238E27FC236}">
                <a16:creationId xmlns:a16="http://schemas.microsoft.com/office/drawing/2014/main" id="{864E0544-87B2-427B-98CF-503F092867FD}"/>
              </a:ext>
            </a:extLst>
          </p:cNvPr>
          <p:cNvSpPr txBox="1"/>
          <p:nvPr/>
        </p:nvSpPr>
        <p:spPr>
          <a:xfrm>
            <a:off x="4310914" y="5190947"/>
            <a:ext cx="1206172" cy="504056"/>
          </a:xfrm>
          <a:prstGeom prst="rect">
            <a:avLst/>
          </a:prstGeom>
          <a:solidFill>
            <a:srgbClr val="FFF3CD"/>
          </a:solidFill>
          <a:ln w="12700">
            <a:solidFill>
              <a:srgbClr val="FFC000"/>
            </a:solidFill>
          </a:ln>
        </p:spPr>
        <p:txBody>
          <a:bodyPr wrap="square" lIns="0" tIns="0" rIns="0" bIns="0" rtlCol="0" anchor="ctr">
            <a:noAutofit/>
          </a:bodyPr>
          <a:lstStyle/>
          <a:p>
            <a:pPr algn="ctr"/>
            <a:r>
              <a:rPr lang="da-DK" sz="1600" dirty="0"/>
              <a:t>Mestring</a:t>
            </a:r>
          </a:p>
        </p:txBody>
      </p:sp>
      <p:sp>
        <p:nvSpPr>
          <p:cNvPr id="14" name="Tekstfelt 13">
            <a:extLst>
              <a:ext uri="{FF2B5EF4-FFF2-40B4-BE49-F238E27FC236}">
                <a16:creationId xmlns:a16="http://schemas.microsoft.com/office/drawing/2014/main" id="{74F089D6-93DF-490D-B7AE-1597ED0A8C16}"/>
              </a:ext>
            </a:extLst>
          </p:cNvPr>
          <p:cNvSpPr txBox="1"/>
          <p:nvPr/>
        </p:nvSpPr>
        <p:spPr>
          <a:xfrm>
            <a:off x="1547664" y="4269491"/>
            <a:ext cx="1206172" cy="705875"/>
          </a:xfrm>
          <a:prstGeom prst="rect">
            <a:avLst/>
          </a:prstGeom>
          <a:solidFill>
            <a:srgbClr val="FFF3CD"/>
          </a:solidFill>
          <a:ln w="12700">
            <a:solidFill>
              <a:srgbClr val="FFC000"/>
            </a:solidFill>
          </a:ln>
        </p:spPr>
        <p:txBody>
          <a:bodyPr wrap="square" lIns="0" tIns="0" rIns="0" bIns="0" rtlCol="0" anchor="ctr">
            <a:noAutofit/>
          </a:bodyPr>
          <a:lstStyle/>
          <a:p>
            <a:pPr algn="ctr"/>
            <a:r>
              <a:rPr lang="da-DK" sz="1600" dirty="0"/>
              <a:t>Familie relationer</a:t>
            </a:r>
          </a:p>
        </p:txBody>
      </p:sp>
      <p:sp>
        <p:nvSpPr>
          <p:cNvPr id="16" name="Kombinationstegning: figur 15">
            <a:extLst>
              <a:ext uri="{FF2B5EF4-FFF2-40B4-BE49-F238E27FC236}">
                <a16:creationId xmlns:a16="http://schemas.microsoft.com/office/drawing/2014/main" id="{6721F22D-3BCD-4364-B2FB-87CFDEB13A27}"/>
              </a:ext>
            </a:extLst>
          </p:cNvPr>
          <p:cNvSpPr/>
          <p:nvPr/>
        </p:nvSpPr>
        <p:spPr>
          <a:xfrm>
            <a:off x="2120268" y="3485831"/>
            <a:ext cx="2016306" cy="783660"/>
          </a:xfrm>
          <a:custGeom>
            <a:avLst/>
            <a:gdLst>
              <a:gd name="connsiteX0" fmla="*/ 198623 w 2192885"/>
              <a:gd name="connsiteY0" fmla="*/ 740229 h 740229"/>
              <a:gd name="connsiteX1" fmla="*/ 189914 w 2192885"/>
              <a:gd name="connsiteY1" fmla="*/ 139337 h 740229"/>
              <a:gd name="connsiteX2" fmla="*/ 2192885 w 2192885"/>
              <a:gd name="connsiteY2" fmla="*/ 0 h 740229"/>
              <a:gd name="connsiteX0" fmla="*/ 78464 w 2072726"/>
              <a:gd name="connsiteY0" fmla="*/ 740229 h 740229"/>
              <a:gd name="connsiteX1" fmla="*/ 69755 w 2072726"/>
              <a:gd name="connsiteY1" fmla="*/ 139337 h 740229"/>
              <a:gd name="connsiteX2" fmla="*/ 2072726 w 2072726"/>
              <a:gd name="connsiteY2" fmla="*/ 0 h 740229"/>
              <a:gd name="connsiteX0" fmla="*/ 13385 w 2007647"/>
              <a:gd name="connsiteY0" fmla="*/ 740229 h 740229"/>
              <a:gd name="connsiteX1" fmla="*/ 4676 w 2007647"/>
              <a:gd name="connsiteY1" fmla="*/ 139337 h 740229"/>
              <a:gd name="connsiteX2" fmla="*/ 2007647 w 2007647"/>
              <a:gd name="connsiteY2" fmla="*/ 0 h 740229"/>
              <a:gd name="connsiteX0" fmla="*/ 77959 w 2072221"/>
              <a:gd name="connsiteY0" fmla="*/ 740229 h 740229"/>
              <a:gd name="connsiteX1" fmla="*/ 69250 w 2072221"/>
              <a:gd name="connsiteY1" fmla="*/ 139337 h 740229"/>
              <a:gd name="connsiteX2" fmla="*/ 2072221 w 2072221"/>
              <a:gd name="connsiteY2" fmla="*/ 0 h 740229"/>
              <a:gd name="connsiteX0" fmla="*/ 16274 w 2010536"/>
              <a:gd name="connsiteY0" fmla="*/ 742619 h 742619"/>
              <a:gd name="connsiteX1" fmla="*/ 120776 w 2010536"/>
              <a:gd name="connsiteY1" fmla="*/ 115601 h 742619"/>
              <a:gd name="connsiteX2" fmla="*/ 2010536 w 2010536"/>
              <a:gd name="connsiteY2" fmla="*/ 2390 h 742619"/>
              <a:gd name="connsiteX0" fmla="*/ 13873 w 2008135"/>
              <a:gd name="connsiteY0" fmla="*/ 740229 h 740229"/>
              <a:gd name="connsiteX1" fmla="*/ 127084 w 2008135"/>
              <a:gd name="connsiteY1" fmla="*/ 165462 h 740229"/>
              <a:gd name="connsiteX2" fmla="*/ 2008135 w 2008135"/>
              <a:gd name="connsiteY2" fmla="*/ 0 h 740229"/>
              <a:gd name="connsiteX0" fmla="*/ 18076 w 2012338"/>
              <a:gd name="connsiteY0" fmla="*/ 740229 h 740229"/>
              <a:gd name="connsiteX1" fmla="*/ 131287 w 2012338"/>
              <a:gd name="connsiteY1" fmla="*/ 165462 h 740229"/>
              <a:gd name="connsiteX2" fmla="*/ 2012338 w 2012338"/>
              <a:gd name="connsiteY2" fmla="*/ 0 h 740229"/>
              <a:gd name="connsiteX0" fmla="*/ 5255 w 1999517"/>
              <a:gd name="connsiteY0" fmla="*/ 740229 h 740229"/>
              <a:gd name="connsiteX1" fmla="*/ 196843 w 1999517"/>
              <a:gd name="connsiteY1" fmla="*/ 156753 h 740229"/>
              <a:gd name="connsiteX2" fmla="*/ 1999517 w 1999517"/>
              <a:gd name="connsiteY2" fmla="*/ 0 h 740229"/>
              <a:gd name="connsiteX0" fmla="*/ 5255 w 1999517"/>
              <a:gd name="connsiteY0" fmla="*/ 740547 h 740547"/>
              <a:gd name="connsiteX1" fmla="*/ 196843 w 1999517"/>
              <a:gd name="connsiteY1" fmla="*/ 157071 h 740547"/>
              <a:gd name="connsiteX2" fmla="*/ 1999517 w 1999517"/>
              <a:gd name="connsiteY2" fmla="*/ 318 h 740547"/>
              <a:gd name="connsiteX0" fmla="*/ 9187 w 2003449"/>
              <a:gd name="connsiteY0" fmla="*/ 740327 h 740327"/>
              <a:gd name="connsiteX1" fmla="*/ 200775 w 2003449"/>
              <a:gd name="connsiteY1" fmla="*/ 156851 h 740327"/>
              <a:gd name="connsiteX2" fmla="*/ 2003449 w 2003449"/>
              <a:gd name="connsiteY2" fmla="*/ 98 h 740327"/>
              <a:gd name="connsiteX0" fmla="*/ 6475 w 2000737"/>
              <a:gd name="connsiteY0" fmla="*/ 740244 h 740244"/>
              <a:gd name="connsiteX1" fmla="*/ 198063 w 2000737"/>
              <a:gd name="connsiteY1" fmla="*/ 156768 h 740244"/>
              <a:gd name="connsiteX2" fmla="*/ 2000737 w 2000737"/>
              <a:gd name="connsiteY2" fmla="*/ 15 h 740244"/>
              <a:gd name="connsiteX0" fmla="*/ 0 w 1994262"/>
              <a:gd name="connsiteY0" fmla="*/ 740244 h 740244"/>
              <a:gd name="connsiteX1" fmla="*/ 191588 w 1994262"/>
              <a:gd name="connsiteY1" fmla="*/ 156768 h 740244"/>
              <a:gd name="connsiteX2" fmla="*/ 1994262 w 1994262"/>
              <a:gd name="connsiteY2" fmla="*/ 15 h 740244"/>
              <a:gd name="connsiteX0" fmla="*/ 0 w 1994262"/>
              <a:gd name="connsiteY0" fmla="*/ 740244 h 740244"/>
              <a:gd name="connsiteX1" fmla="*/ 191588 w 1994262"/>
              <a:gd name="connsiteY1" fmla="*/ 156768 h 740244"/>
              <a:gd name="connsiteX2" fmla="*/ 1994262 w 1994262"/>
              <a:gd name="connsiteY2" fmla="*/ 15 h 740244"/>
              <a:gd name="connsiteX0" fmla="*/ 21788 w 2033467"/>
              <a:gd name="connsiteY0" fmla="*/ 740241 h 740241"/>
              <a:gd name="connsiteX1" fmla="*/ 230793 w 2033467"/>
              <a:gd name="connsiteY1" fmla="*/ 156765 h 740241"/>
              <a:gd name="connsiteX2" fmla="*/ 2033467 w 2033467"/>
              <a:gd name="connsiteY2" fmla="*/ 12 h 740241"/>
              <a:gd name="connsiteX0" fmla="*/ 10996 w 2022675"/>
              <a:gd name="connsiteY0" fmla="*/ 740241 h 740241"/>
              <a:gd name="connsiteX1" fmla="*/ 220001 w 2022675"/>
              <a:gd name="connsiteY1" fmla="*/ 156765 h 740241"/>
              <a:gd name="connsiteX2" fmla="*/ 2022675 w 2022675"/>
              <a:gd name="connsiteY2" fmla="*/ 12 h 740241"/>
              <a:gd name="connsiteX0" fmla="*/ 0 w 2011679"/>
              <a:gd name="connsiteY0" fmla="*/ 740239 h 740239"/>
              <a:gd name="connsiteX1" fmla="*/ 209005 w 2011679"/>
              <a:gd name="connsiteY1" fmla="*/ 156763 h 740239"/>
              <a:gd name="connsiteX2" fmla="*/ 2011679 w 2011679"/>
              <a:gd name="connsiteY2" fmla="*/ 10 h 740239"/>
              <a:gd name="connsiteX0" fmla="*/ 0 w 2011679"/>
              <a:gd name="connsiteY0" fmla="*/ 741691 h 741691"/>
              <a:gd name="connsiteX1" fmla="*/ 165462 w 2011679"/>
              <a:gd name="connsiteY1" fmla="*/ 97255 h 741691"/>
              <a:gd name="connsiteX2" fmla="*/ 2011679 w 2011679"/>
              <a:gd name="connsiteY2" fmla="*/ 1462 h 741691"/>
              <a:gd name="connsiteX0" fmla="*/ 13661 w 2025340"/>
              <a:gd name="connsiteY0" fmla="*/ 740344 h 740344"/>
              <a:gd name="connsiteX1" fmla="*/ 118163 w 2025340"/>
              <a:gd name="connsiteY1" fmla="*/ 113325 h 740344"/>
              <a:gd name="connsiteX2" fmla="*/ 2025340 w 2025340"/>
              <a:gd name="connsiteY2" fmla="*/ 115 h 740344"/>
              <a:gd name="connsiteX0" fmla="*/ 4677 w 2016356"/>
              <a:gd name="connsiteY0" fmla="*/ 740344 h 740344"/>
              <a:gd name="connsiteX1" fmla="*/ 126596 w 2016356"/>
              <a:gd name="connsiteY1" fmla="*/ 113325 h 740344"/>
              <a:gd name="connsiteX2" fmla="*/ 2016356 w 2016356"/>
              <a:gd name="connsiteY2" fmla="*/ 115 h 740344"/>
              <a:gd name="connsiteX0" fmla="*/ 0 w 2011679"/>
              <a:gd name="connsiteY0" fmla="*/ 740241 h 740241"/>
              <a:gd name="connsiteX1" fmla="*/ 121919 w 2011679"/>
              <a:gd name="connsiteY1" fmla="*/ 113222 h 740241"/>
              <a:gd name="connsiteX2" fmla="*/ 2011679 w 2011679"/>
              <a:gd name="connsiteY2" fmla="*/ 12 h 740241"/>
              <a:gd name="connsiteX0" fmla="*/ 0 w 2011679"/>
              <a:gd name="connsiteY0" fmla="*/ 740241 h 740241"/>
              <a:gd name="connsiteX1" fmla="*/ 87085 w 2011679"/>
              <a:gd name="connsiteY1" fmla="*/ 113222 h 740241"/>
              <a:gd name="connsiteX2" fmla="*/ 2011679 w 2011679"/>
              <a:gd name="connsiteY2" fmla="*/ 12 h 740241"/>
              <a:gd name="connsiteX0" fmla="*/ 0 w 2011679"/>
              <a:gd name="connsiteY0" fmla="*/ 740931 h 740931"/>
              <a:gd name="connsiteX1" fmla="*/ 87085 w 2011679"/>
              <a:gd name="connsiteY1" fmla="*/ 70369 h 740931"/>
              <a:gd name="connsiteX2" fmla="*/ 2011679 w 2011679"/>
              <a:gd name="connsiteY2" fmla="*/ 702 h 740931"/>
              <a:gd name="connsiteX0" fmla="*/ 9380 w 2021059"/>
              <a:gd name="connsiteY0" fmla="*/ 746537 h 746537"/>
              <a:gd name="connsiteX1" fmla="*/ 96465 w 2021059"/>
              <a:gd name="connsiteY1" fmla="*/ 75975 h 746537"/>
              <a:gd name="connsiteX2" fmla="*/ 2021059 w 2021059"/>
              <a:gd name="connsiteY2" fmla="*/ 6308 h 746537"/>
              <a:gd name="connsiteX0" fmla="*/ 18778 w 2030457"/>
              <a:gd name="connsiteY0" fmla="*/ 746537 h 746537"/>
              <a:gd name="connsiteX1" fmla="*/ 105863 w 2030457"/>
              <a:gd name="connsiteY1" fmla="*/ 75975 h 746537"/>
              <a:gd name="connsiteX2" fmla="*/ 2030457 w 2030457"/>
              <a:gd name="connsiteY2" fmla="*/ 6308 h 746537"/>
              <a:gd name="connsiteX0" fmla="*/ 4627 w 2016306"/>
              <a:gd name="connsiteY0" fmla="*/ 746537 h 746537"/>
              <a:gd name="connsiteX1" fmla="*/ 126546 w 2016306"/>
              <a:gd name="connsiteY1" fmla="*/ 75975 h 746537"/>
              <a:gd name="connsiteX2" fmla="*/ 2016306 w 2016306"/>
              <a:gd name="connsiteY2" fmla="*/ 6308 h 746537"/>
            </a:gdLst>
            <a:ahLst/>
            <a:cxnLst>
              <a:cxn ang="0">
                <a:pos x="connsiteX0" y="connsiteY0"/>
              </a:cxn>
              <a:cxn ang="0">
                <a:pos x="connsiteX1" y="connsiteY1"/>
              </a:cxn>
              <a:cxn ang="0">
                <a:pos x="connsiteX2" y="connsiteY2"/>
              </a:cxn>
            </a:cxnLst>
            <a:rect l="l" t="t" r="r" b="b"/>
            <a:pathLst>
              <a:path w="2016306" h="746537">
                <a:moveTo>
                  <a:pt x="4627" y="746537"/>
                </a:moveTo>
                <a:cubicBezTo>
                  <a:pt x="8256" y="455524"/>
                  <a:pt x="-43272" y="181929"/>
                  <a:pt x="126546" y="75975"/>
                </a:cubicBezTo>
                <a:cubicBezTo>
                  <a:pt x="296364" y="-29979"/>
                  <a:pt x="1686106" y="5583"/>
                  <a:pt x="2016306" y="6308"/>
                </a:cubicBezTo>
              </a:path>
            </a:pathLst>
          </a:custGeom>
          <a:noFill/>
          <a:ln w="15875">
            <a:solidFill>
              <a:schemeClr val="tx1"/>
            </a:solidFill>
            <a:tailEnd type="triangle"/>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7" name="Kombinationstegning: figur 16">
            <a:extLst>
              <a:ext uri="{FF2B5EF4-FFF2-40B4-BE49-F238E27FC236}">
                <a16:creationId xmlns:a16="http://schemas.microsoft.com/office/drawing/2014/main" id="{1356D056-6FF2-4210-8334-5C05785614A0}"/>
              </a:ext>
            </a:extLst>
          </p:cNvPr>
          <p:cNvSpPr/>
          <p:nvPr/>
        </p:nvSpPr>
        <p:spPr>
          <a:xfrm flipV="1">
            <a:off x="2142767" y="4963253"/>
            <a:ext cx="2134611" cy="485065"/>
          </a:xfrm>
          <a:custGeom>
            <a:avLst/>
            <a:gdLst>
              <a:gd name="connsiteX0" fmla="*/ 198623 w 2192885"/>
              <a:gd name="connsiteY0" fmla="*/ 740229 h 740229"/>
              <a:gd name="connsiteX1" fmla="*/ 189914 w 2192885"/>
              <a:gd name="connsiteY1" fmla="*/ 139337 h 740229"/>
              <a:gd name="connsiteX2" fmla="*/ 2192885 w 2192885"/>
              <a:gd name="connsiteY2" fmla="*/ 0 h 740229"/>
              <a:gd name="connsiteX0" fmla="*/ 78464 w 2072726"/>
              <a:gd name="connsiteY0" fmla="*/ 740229 h 740229"/>
              <a:gd name="connsiteX1" fmla="*/ 69755 w 2072726"/>
              <a:gd name="connsiteY1" fmla="*/ 139337 h 740229"/>
              <a:gd name="connsiteX2" fmla="*/ 2072726 w 2072726"/>
              <a:gd name="connsiteY2" fmla="*/ 0 h 740229"/>
              <a:gd name="connsiteX0" fmla="*/ 13385 w 2007647"/>
              <a:gd name="connsiteY0" fmla="*/ 740229 h 740229"/>
              <a:gd name="connsiteX1" fmla="*/ 4676 w 2007647"/>
              <a:gd name="connsiteY1" fmla="*/ 139337 h 740229"/>
              <a:gd name="connsiteX2" fmla="*/ 2007647 w 2007647"/>
              <a:gd name="connsiteY2" fmla="*/ 0 h 740229"/>
              <a:gd name="connsiteX0" fmla="*/ 77959 w 2072221"/>
              <a:gd name="connsiteY0" fmla="*/ 740229 h 740229"/>
              <a:gd name="connsiteX1" fmla="*/ 69250 w 2072221"/>
              <a:gd name="connsiteY1" fmla="*/ 139337 h 740229"/>
              <a:gd name="connsiteX2" fmla="*/ 2072221 w 2072221"/>
              <a:gd name="connsiteY2" fmla="*/ 0 h 740229"/>
              <a:gd name="connsiteX0" fmla="*/ 16274 w 2010536"/>
              <a:gd name="connsiteY0" fmla="*/ 742619 h 742619"/>
              <a:gd name="connsiteX1" fmla="*/ 120776 w 2010536"/>
              <a:gd name="connsiteY1" fmla="*/ 115601 h 742619"/>
              <a:gd name="connsiteX2" fmla="*/ 2010536 w 2010536"/>
              <a:gd name="connsiteY2" fmla="*/ 2390 h 742619"/>
              <a:gd name="connsiteX0" fmla="*/ 13873 w 2008135"/>
              <a:gd name="connsiteY0" fmla="*/ 740229 h 740229"/>
              <a:gd name="connsiteX1" fmla="*/ 127084 w 2008135"/>
              <a:gd name="connsiteY1" fmla="*/ 165462 h 740229"/>
              <a:gd name="connsiteX2" fmla="*/ 2008135 w 2008135"/>
              <a:gd name="connsiteY2" fmla="*/ 0 h 740229"/>
              <a:gd name="connsiteX0" fmla="*/ 18076 w 2012338"/>
              <a:gd name="connsiteY0" fmla="*/ 740229 h 740229"/>
              <a:gd name="connsiteX1" fmla="*/ 131287 w 2012338"/>
              <a:gd name="connsiteY1" fmla="*/ 165462 h 740229"/>
              <a:gd name="connsiteX2" fmla="*/ 2012338 w 2012338"/>
              <a:gd name="connsiteY2" fmla="*/ 0 h 740229"/>
              <a:gd name="connsiteX0" fmla="*/ 5255 w 1999517"/>
              <a:gd name="connsiteY0" fmla="*/ 740229 h 740229"/>
              <a:gd name="connsiteX1" fmla="*/ 196843 w 1999517"/>
              <a:gd name="connsiteY1" fmla="*/ 156753 h 740229"/>
              <a:gd name="connsiteX2" fmla="*/ 1999517 w 1999517"/>
              <a:gd name="connsiteY2" fmla="*/ 0 h 740229"/>
              <a:gd name="connsiteX0" fmla="*/ 5255 w 1999517"/>
              <a:gd name="connsiteY0" fmla="*/ 740547 h 740547"/>
              <a:gd name="connsiteX1" fmla="*/ 196843 w 1999517"/>
              <a:gd name="connsiteY1" fmla="*/ 157071 h 740547"/>
              <a:gd name="connsiteX2" fmla="*/ 1999517 w 1999517"/>
              <a:gd name="connsiteY2" fmla="*/ 318 h 740547"/>
              <a:gd name="connsiteX0" fmla="*/ 9187 w 2003449"/>
              <a:gd name="connsiteY0" fmla="*/ 740327 h 740327"/>
              <a:gd name="connsiteX1" fmla="*/ 200775 w 2003449"/>
              <a:gd name="connsiteY1" fmla="*/ 156851 h 740327"/>
              <a:gd name="connsiteX2" fmla="*/ 2003449 w 2003449"/>
              <a:gd name="connsiteY2" fmla="*/ 98 h 740327"/>
              <a:gd name="connsiteX0" fmla="*/ 6475 w 2000737"/>
              <a:gd name="connsiteY0" fmla="*/ 740244 h 740244"/>
              <a:gd name="connsiteX1" fmla="*/ 198063 w 2000737"/>
              <a:gd name="connsiteY1" fmla="*/ 156768 h 740244"/>
              <a:gd name="connsiteX2" fmla="*/ 2000737 w 2000737"/>
              <a:gd name="connsiteY2" fmla="*/ 15 h 740244"/>
              <a:gd name="connsiteX0" fmla="*/ 0 w 1994262"/>
              <a:gd name="connsiteY0" fmla="*/ 740244 h 740244"/>
              <a:gd name="connsiteX1" fmla="*/ 191588 w 1994262"/>
              <a:gd name="connsiteY1" fmla="*/ 156768 h 740244"/>
              <a:gd name="connsiteX2" fmla="*/ 1994262 w 1994262"/>
              <a:gd name="connsiteY2" fmla="*/ 15 h 740244"/>
              <a:gd name="connsiteX0" fmla="*/ 0 w 1994262"/>
              <a:gd name="connsiteY0" fmla="*/ 740336 h 740336"/>
              <a:gd name="connsiteX1" fmla="*/ 272948 w 1994262"/>
              <a:gd name="connsiteY1" fmla="*/ 130732 h 740336"/>
              <a:gd name="connsiteX2" fmla="*/ 1994262 w 1994262"/>
              <a:gd name="connsiteY2" fmla="*/ 107 h 740336"/>
              <a:gd name="connsiteX0" fmla="*/ 0 w 1994262"/>
              <a:gd name="connsiteY0" fmla="*/ 764386 h 764386"/>
              <a:gd name="connsiteX1" fmla="*/ 199724 w 1994262"/>
              <a:gd name="connsiteY1" fmla="*/ 76398 h 764386"/>
              <a:gd name="connsiteX2" fmla="*/ 1994262 w 1994262"/>
              <a:gd name="connsiteY2" fmla="*/ 24157 h 764386"/>
              <a:gd name="connsiteX0" fmla="*/ 0 w 1994262"/>
              <a:gd name="connsiteY0" fmla="*/ 789645 h 789645"/>
              <a:gd name="connsiteX1" fmla="*/ 150909 w 1994262"/>
              <a:gd name="connsiteY1" fmla="*/ 62464 h 789645"/>
              <a:gd name="connsiteX2" fmla="*/ 1994262 w 1994262"/>
              <a:gd name="connsiteY2" fmla="*/ 49416 h 789645"/>
              <a:gd name="connsiteX0" fmla="*/ 0 w 1994262"/>
              <a:gd name="connsiteY0" fmla="*/ 772188 h 772188"/>
              <a:gd name="connsiteX1" fmla="*/ 150909 w 1994262"/>
              <a:gd name="connsiteY1" fmla="*/ 71137 h 772188"/>
              <a:gd name="connsiteX2" fmla="*/ 1994262 w 1994262"/>
              <a:gd name="connsiteY2" fmla="*/ 31959 h 772188"/>
            </a:gdLst>
            <a:ahLst/>
            <a:cxnLst>
              <a:cxn ang="0">
                <a:pos x="connsiteX0" y="connsiteY0"/>
              </a:cxn>
              <a:cxn ang="0">
                <a:pos x="connsiteX1" y="connsiteY1"/>
              </a:cxn>
              <a:cxn ang="0">
                <a:pos x="connsiteX2" y="connsiteY2"/>
              </a:cxn>
            </a:cxnLst>
            <a:rect l="l" t="t" r="r" b="b"/>
            <a:pathLst>
              <a:path w="1994262" h="772188">
                <a:moveTo>
                  <a:pt x="0" y="772188"/>
                </a:moveTo>
                <a:cubicBezTo>
                  <a:pt x="10047" y="489884"/>
                  <a:pt x="-33422" y="203216"/>
                  <a:pt x="150909" y="71137"/>
                </a:cubicBezTo>
                <a:cubicBezTo>
                  <a:pt x="335240" y="-60942"/>
                  <a:pt x="1664062" y="31234"/>
                  <a:pt x="1994262" y="31959"/>
                </a:cubicBezTo>
              </a:path>
            </a:pathLst>
          </a:custGeom>
          <a:noFill/>
          <a:ln w="15875">
            <a:solidFill>
              <a:schemeClr val="tx1"/>
            </a:solidFill>
            <a:tailEnd type="triangle"/>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cxnSp>
        <p:nvCxnSpPr>
          <p:cNvPr id="20" name="Lige pilforbindelse 19">
            <a:extLst>
              <a:ext uri="{FF2B5EF4-FFF2-40B4-BE49-F238E27FC236}">
                <a16:creationId xmlns:a16="http://schemas.microsoft.com/office/drawing/2014/main" id="{D518FAC5-8906-4DE7-8364-5BFCF63DD4F8}"/>
              </a:ext>
            </a:extLst>
          </p:cNvPr>
          <p:cNvCxnSpPr>
            <a:stCxn id="12" idx="2"/>
            <a:endCxn id="11" idx="0"/>
          </p:cNvCxnSpPr>
          <p:nvPr/>
        </p:nvCxnSpPr>
        <p:spPr>
          <a:xfrm>
            <a:off x="4914000" y="2746295"/>
            <a:ext cx="0" cy="320915"/>
          </a:xfrm>
          <a:prstGeom prst="straightConnector1">
            <a:avLst/>
          </a:prstGeom>
          <a:ln w="1587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1" name="Lige pilforbindelse 20">
            <a:extLst>
              <a:ext uri="{FF2B5EF4-FFF2-40B4-BE49-F238E27FC236}">
                <a16:creationId xmlns:a16="http://schemas.microsoft.com/office/drawing/2014/main" id="{5739571A-C82E-4EBE-92EE-61F828750EF9}"/>
              </a:ext>
            </a:extLst>
          </p:cNvPr>
          <p:cNvCxnSpPr>
            <a:cxnSpLocks/>
            <a:stCxn id="11" idx="2"/>
            <a:endCxn id="10" idx="0"/>
          </p:cNvCxnSpPr>
          <p:nvPr/>
        </p:nvCxnSpPr>
        <p:spPr>
          <a:xfrm>
            <a:off x="4914000" y="3962533"/>
            <a:ext cx="0" cy="395755"/>
          </a:xfrm>
          <a:prstGeom prst="straightConnector1">
            <a:avLst/>
          </a:prstGeom>
          <a:ln w="15875">
            <a:solidFill>
              <a:srgbClr val="1F2936"/>
            </a:solidFill>
            <a:tailEnd type="triangle"/>
          </a:ln>
        </p:spPr>
        <p:style>
          <a:lnRef idx="1">
            <a:schemeClr val="accent1"/>
          </a:lnRef>
          <a:fillRef idx="0">
            <a:schemeClr val="accent1"/>
          </a:fillRef>
          <a:effectRef idx="0">
            <a:schemeClr val="accent1"/>
          </a:effectRef>
          <a:fontRef idx="minor">
            <a:schemeClr val="tx1"/>
          </a:fontRef>
        </p:style>
      </p:cxnSp>
      <p:cxnSp>
        <p:nvCxnSpPr>
          <p:cNvPr id="24" name="Lige pilforbindelse 23">
            <a:extLst>
              <a:ext uri="{FF2B5EF4-FFF2-40B4-BE49-F238E27FC236}">
                <a16:creationId xmlns:a16="http://schemas.microsoft.com/office/drawing/2014/main" id="{EC0E6D32-BC90-4C6F-ACB2-6DDB739D2D5C}"/>
              </a:ext>
            </a:extLst>
          </p:cNvPr>
          <p:cNvCxnSpPr>
            <a:cxnSpLocks/>
            <a:stCxn id="13" idx="0"/>
            <a:endCxn id="10" idx="2"/>
          </p:cNvCxnSpPr>
          <p:nvPr/>
        </p:nvCxnSpPr>
        <p:spPr>
          <a:xfrm flipV="1">
            <a:off x="4914000" y="4862344"/>
            <a:ext cx="0" cy="328603"/>
          </a:xfrm>
          <a:prstGeom prst="straightConnector1">
            <a:avLst/>
          </a:prstGeom>
          <a:ln w="15875">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29" name="Tekstfelt 28">
            <a:extLst>
              <a:ext uri="{FF2B5EF4-FFF2-40B4-BE49-F238E27FC236}">
                <a16:creationId xmlns:a16="http://schemas.microsoft.com/office/drawing/2014/main" id="{194AA185-4E37-4751-B487-C9B86508CFA2}"/>
              </a:ext>
            </a:extLst>
          </p:cNvPr>
          <p:cNvSpPr txBox="1"/>
          <p:nvPr/>
        </p:nvSpPr>
        <p:spPr>
          <a:xfrm>
            <a:off x="5911208" y="2611842"/>
            <a:ext cx="1728192" cy="576198"/>
          </a:xfrm>
          <a:prstGeom prst="rect">
            <a:avLst/>
          </a:prstGeom>
          <a:noFill/>
        </p:spPr>
        <p:txBody>
          <a:bodyPr wrap="square" lIns="0" tIns="0" rIns="0" bIns="0" rtlCol="0" anchor="ctr">
            <a:noAutofit/>
          </a:bodyPr>
          <a:lstStyle/>
          <a:p>
            <a:pPr algn="ctr"/>
            <a:r>
              <a:rPr lang="da-DK" sz="1400" i="1" dirty="0"/>
              <a:t>Betingelserne for normalitet er ændret</a:t>
            </a:r>
          </a:p>
        </p:txBody>
      </p:sp>
      <p:cxnSp>
        <p:nvCxnSpPr>
          <p:cNvPr id="31" name="Lige pilforbindelse 30">
            <a:extLst>
              <a:ext uri="{FF2B5EF4-FFF2-40B4-BE49-F238E27FC236}">
                <a16:creationId xmlns:a16="http://schemas.microsoft.com/office/drawing/2014/main" id="{E1325D53-98B5-4B1F-8784-2D53081F1428}"/>
              </a:ext>
            </a:extLst>
          </p:cNvPr>
          <p:cNvCxnSpPr>
            <a:stCxn id="29" idx="1"/>
          </p:cNvCxnSpPr>
          <p:nvPr/>
        </p:nvCxnSpPr>
        <p:spPr>
          <a:xfrm flipH="1">
            <a:off x="4914000" y="2899941"/>
            <a:ext cx="997208" cy="0"/>
          </a:xfrm>
          <a:prstGeom prst="straightConnector1">
            <a:avLst/>
          </a:prstGeom>
          <a:ln w="15875">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32" name="Tekstfelt 31">
            <a:extLst>
              <a:ext uri="{FF2B5EF4-FFF2-40B4-BE49-F238E27FC236}">
                <a16:creationId xmlns:a16="http://schemas.microsoft.com/office/drawing/2014/main" id="{857CA18B-21CD-4346-B709-5F22BA955A8E}"/>
              </a:ext>
            </a:extLst>
          </p:cNvPr>
          <p:cNvSpPr txBox="1"/>
          <p:nvPr/>
        </p:nvSpPr>
        <p:spPr>
          <a:xfrm>
            <a:off x="5345972" y="4321375"/>
            <a:ext cx="1728192" cy="576198"/>
          </a:xfrm>
          <a:prstGeom prst="rect">
            <a:avLst/>
          </a:prstGeom>
          <a:noFill/>
        </p:spPr>
        <p:txBody>
          <a:bodyPr wrap="square" lIns="0" tIns="0" rIns="0" bIns="0" rtlCol="0" anchor="ctr">
            <a:noAutofit/>
          </a:bodyPr>
          <a:lstStyle/>
          <a:p>
            <a:pPr algn="ctr"/>
            <a:r>
              <a:rPr lang="da-DK" sz="1400" i="1" dirty="0"/>
              <a:t>Tab af rolle/ begrænsning/ fremtiden</a:t>
            </a:r>
          </a:p>
        </p:txBody>
      </p:sp>
      <p:sp>
        <p:nvSpPr>
          <p:cNvPr id="33" name="Tekstfelt 32">
            <a:extLst>
              <a:ext uri="{FF2B5EF4-FFF2-40B4-BE49-F238E27FC236}">
                <a16:creationId xmlns:a16="http://schemas.microsoft.com/office/drawing/2014/main" id="{3AE05B97-B9D6-4A67-9F4F-8BF981805847}"/>
              </a:ext>
            </a:extLst>
          </p:cNvPr>
          <p:cNvSpPr txBox="1"/>
          <p:nvPr/>
        </p:nvSpPr>
        <p:spPr>
          <a:xfrm>
            <a:off x="1245135" y="5442975"/>
            <a:ext cx="1728192" cy="253612"/>
          </a:xfrm>
          <a:prstGeom prst="rect">
            <a:avLst/>
          </a:prstGeom>
          <a:noFill/>
        </p:spPr>
        <p:txBody>
          <a:bodyPr wrap="square" lIns="0" tIns="0" rIns="0" bIns="0" rtlCol="0" anchor="ctr">
            <a:noAutofit/>
          </a:bodyPr>
          <a:lstStyle/>
          <a:p>
            <a:pPr algn="ctr"/>
            <a:r>
              <a:rPr lang="da-DK" sz="1400" i="1" dirty="0"/>
              <a:t>Social støtte</a:t>
            </a:r>
          </a:p>
        </p:txBody>
      </p:sp>
      <p:sp>
        <p:nvSpPr>
          <p:cNvPr id="34" name="Tekstfelt 33">
            <a:extLst>
              <a:ext uri="{FF2B5EF4-FFF2-40B4-BE49-F238E27FC236}">
                <a16:creationId xmlns:a16="http://schemas.microsoft.com/office/drawing/2014/main" id="{717160EE-71AA-48DB-8C64-5E4822FFE8D4}"/>
              </a:ext>
            </a:extLst>
          </p:cNvPr>
          <p:cNvSpPr txBox="1"/>
          <p:nvPr/>
        </p:nvSpPr>
        <p:spPr>
          <a:xfrm>
            <a:off x="1286654" y="3232219"/>
            <a:ext cx="1728192" cy="253612"/>
          </a:xfrm>
          <a:prstGeom prst="rect">
            <a:avLst/>
          </a:prstGeom>
          <a:noFill/>
        </p:spPr>
        <p:txBody>
          <a:bodyPr wrap="square" lIns="0" tIns="0" rIns="0" bIns="0" rtlCol="0" anchor="ctr">
            <a:noAutofit/>
          </a:bodyPr>
          <a:lstStyle/>
          <a:p>
            <a:pPr algn="ctr"/>
            <a:r>
              <a:rPr lang="da-DK" sz="1400" i="1" dirty="0"/>
              <a:t>Roller, hverdag</a:t>
            </a:r>
          </a:p>
        </p:txBody>
      </p:sp>
      <p:sp>
        <p:nvSpPr>
          <p:cNvPr id="35" name="Tekstfelt 34">
            <a:extLst>
              <a:ext uri="{FF2B5EF4-FFF2-40B4-BE49-F238E27FC236}">
                <a16:creationId xmlns:a16="http://schemas.microsoft.com/office/drawing/2014/main" id="{4F70EB95-6CDD-4BCC-90AE-FB45EB2BC38C}"/>
              </a:ext>
            </a:extLst>
          </p:cNvPr>
          <p:cNvSpPr txBox="1"/>
          <p:nvPr/>
        </p:nvSpPr>
        <p:spPr>
          <a:xfrm>
            <a:off x="5412604" y="5154876"/>
            <a:ext cx="1728192" cy="576198"/>
          </a:xfrm>
          <a:prstGeom prst="rect">
            <a:avLst/>
          </a:prstGeom>
          <a:noFill/>
        </p:spPr>
        <p:txBody>
          <a:bodyPr wrap="square" lIns="0" tIns="0" rIns="0" bIns="0" rtlCol="0" anchor="ctr">
            <a:noAutofit/>
          </a:bodyPr>
          <a:lstStyle/>
          <a:p>
            <a:pPr algn="ctr"/>
            <a:r>
              <a:rPr lang="da-DK" sz="1400" i="1" dirty="0"/>
              <a:t>Håndtering af bekymring og usikkerhed</a:t>
            </a:r>
          </a:p>
        </p:txBody>
      </p:sp>
      <p:sp>
        <p:nvSpPr>
          <p:cNvPr id="36" name="Tekstfelt 35">
            <a:extLst>
              <a:ext uri="{FF2B5EF4-FFF2-40B4-BE49-F238E27FC236}">
                <a16:creationId xmlns:a16="http://schemas.microsoft.com/office/drawing/2014/main" id="{2A44A569-4FB5-4118-9DA3-28054F08D995}"/>
              </a:ext>
            </a:extLst>
          </p:cNvPr>
          <p:cNvSpPr txBox="1"/>
          <p:nvPr/>
        </p:nvSpPr>
        <p:spPr>
          <a:xfrm>
            <a:off x="7233926" y="5126915"/>
            <a:ext cx="1444873" cy="576198"/>
          </a:xfrm>
          <a:prstGeom prst="rect">
            <a:avLst/>
          </a:prstGeom>
          <a:noFill/>
        </p:spPr>
        <p:txBody>
          <a:bodyPr wrap="square" lIns="0" tIns="0" rIns="0" bIns="0" rtlCol="0" anchor="ctr">
            <a:noAutofit/>
          </a:bodyPr>
          <a:lstStyle/>
          <a:p>
            <a:pPr algn="ctr"/>
            <a:r>
              <a:rPr lang="da-DK" sz="1400" i="1" dirty="0"/>
              <a:t>Sundhedsadfærd</a:t>
            </a:r>
          </a:p>
          <a:p>
            <a:pPr algn="ctr"/>
            <a:r>
              <a:rPr lang="da-DK" sz="1400" i="1" dirty="0"/>
              <a:t>Sikkerhed</a:t>
            </a:r>
          </a:p>
        </p:txBody>
      </p:sp>
      <p:cxnSp>
        <p:nvCxnSpPr>
          <p:cNvPr id="37" name="Lige pilforbindelse 36">
            <a:extLst>
              <a:ext uri="{FF2B5EF4-FFF2-40B4-BE49-F238E27FC236}">
                <a16:creationId xmlns:a16="http://schemas.microsoft.com/office/drawing/2014/main" id="{9CAB955E-ADDC-4F59-BEDE-CF299AE2246E}"/>
              </a:ext>
            </a:extLst>
          </p:cNvPr>
          <p:cNvCxnSpPr>
            <a:cxnSpLocks/>
            <a:endCxn id="36" idx="1"/>
          </p:cNvCxnSpPr>
          <p:nvPr/>
        </p:nvCxnSpPr>
        <p:spPr>
          <a:xfrm>
            <a:off x="6854673" y="5415014"/>
            <a:ext cx="379253" cy="0"/>
          </a:xfrm>
          <a:prstGeom prst="straightConnector1">
            <a:avLst/>
          </a:prstGeom>
          <a:ln w="15875">
            <a:solidFill>
              <a:srgbClr val="1F2936"/>
            </a:solidFill>
            <a:tailEnd type="triangle"/>
          </a:ln>
        </p:spPr>
        <p:style>
          <a:lnRef idx="1">
            <a:schemeClr val="accent1"/>
          </a:lnRef>
          <a:fillRef idx="0">
            <a:schemeClr val="accent1"/>
          </a:fillRef>
          <a:effectRef idx="0">
            <a:schemeClr val="accent1"/>
          </a:effectRef>
          <a:fontRef idx="minor">
            <a:schemeClr val="tx1"/>
          </a:fontRef>
        </p:style>
      </p:cxnSp>
      <p:sp>
        <p:nvSpPr>
          <p:cNvPr id="25" name="Tekstfelt 24">
            <a:extLst>
              <a:ext uri="{FF2B5EF4-FFF2-40B4-BE49-F238E27FC236}">
                <a16:creationId xmlns:a16="http://schemas.microsoft.com/office/drawing/2014/main" id="{A0EE2D4D-25B3-4F07-AA05-F094D35C399B}"/>
              </a:ext>
            </a:extLst>
          </p:cNvPr>
          <p:cNvSpPr txBox="1"/>
          <p:nvPr/>
        </p:nvSpPr>
        <p:spPr>
          <a:xfrm>
            <a:off x="5745097" y="3293180"/>
            <a:ext cx="1278635" cy="576198"/>
          </a:xfrm>
          <a:prstGeom prst="rect">
            <a:avLst/>
          </a:prstGeom>
          <a:noFill/>
        </p:spPr>
        <p:txBody>
          <a:bodyPr wrap="square" lIns="0" tIns="0" rIns="0" bIns="0" rtlCol="0" anchor="ctr">
            <a:noAutofit/>
          </a:bodyPr>
          <a:lstStyle/>
          <a:p>
            <a:pPr algn="ctr"/>
            <a:r>
              <a:rPr lang="da-DK" sz="1400" i="1" dirty="0"/>
              <a:t>”Tingene er ikke som før”</a:t>
            </a:r>
          </a:p>
        </p:txBody>
      </p:sp>
      <p:cxnSp>
        <p:nvCxnSpPr>
          <p:cNvPr id="8" name="Lige pilforbindelse 7">
            <a:extLst>
              <a:ext uri="{FF2B5EF4-FFF2-40B4-BE49-F238E27FC236}">
                <a16:creationId xmlns:a16="http://schemas.microsoft.com/office/drawing/2014/main" id="{1D4C0BF0-74F6-455D-ABFC-1ACCDDC61DF0}"/>
              </a:ext>
            </a:extLst>
          </p:cNvPr>
          <p:cNvCxnSpPr>
            <a:stCxn id="14" idx="3"/>
            <a:endCxn id="10" idx="1"/>
          </p:cNvCxnSpPr>
          <p:nvPr/>
        </p:nvCxnSpPr>
        <p:spPr>
          <a:xfrm flipV="1">
            <a:off x="2753836" y="4610316"/>
            <a:ext cx="1557078" cy="12113"/>
          </a:xfrm>
          <a:prstGeom prst="straightConnector1">
            <a:avLst/>
          </a:prstGeom>
          <a:ln w="9525">
            <a:solidFill>
              <a:srgbClr val="1F2936"/>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9681536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E6E107C-009B-4279-9378-28FA954D162F}"/>
              </a:ext>
            </a:extLst>
          </p:cNvPr>
          <p:cNvSpPr>
            <a:spLocks noGrp="1"/>
          </p:cNvSpPr>
          <p:nvPr>
            <p:ph type="title"/>
          </p:nvPr>
        </p:nvSpPr>
        <p:spPr/>
        <p:txBody>
          <a:bodyPr/>
          <a:lstStyle/>
          <a:p>
            <a:pPr algn="ctr"/>
            <a:r>
              <a:rPr lang="da-DK" dirty="0"/>
              <a:t>Konklusion</a:t>
            </a:r>
          </a:p>
        </p:txBody>
      </p:sp>
      <p:sp>
        <p:nvSpPr>
          <p:cNvPr id="3" name="Pladsholder til indhold 2">
            <a:extLst>
              <a:ext uri="{FF2B5EF4-FFF2-40B4-BE49-F238E27FC236}">
                <a16:creationId xmlns:a16="http://schemas.microsoft.com/office/drawing/2014/main" id="{7526DE45-67A5-484E-ABC3-3772ADDF3D03}"/>
              </a:ext>
            </a:extLst>
          </p:cNvPr>
          <p:cNvSpPr>
            <a:spLocks noGrp="1"/>
          </p:cNvSpPr>
          <p:nvPr>
            <p:ph sz="quarter" idx="13"/>
          </p:nvPr>
        </p:nvSpPr>
        <p:spPr>
          <a:xfrm>
            <a:off x="1368425" y="2581011"/>
            <a:ext cx="7091363" cy="3160713"/>
          </a:xfrm>
        </p:spPr>
        <p:txBody>
          <a:bodyPr/>
          <a:lstStyle/>
          <a:p>
            <a:r>
              <a:rPr lang="da-DK" sz="2400" dirty="0"/>
              <a:t>Adfærdsinterventioner kan øge patienternes deltagelse i sundhedsadfærd</a:t>
            </a:r>
          </a:p>
          <a:p>
            <a:r>
              <a:rPr lang="da-DK" sz="2400" dirty="0"/>
              <a:t>Muligt at implementere i klinisk praksis</a:t>
            </a:r>
          </a:p>
          <a:p>
            <a:r>
              <a:rPr lang="da-DK" sz="2400" dirty="0"/>
              <a:t>Ny oplevelse af restsymptomer og sårbarhed</a:t>
            </a:r>
          </a:p>
          <a:p>
            <a:r>
              <a:rPr lang="da-DK" sz="2400" dirty="0"/>
              <a:t>Sundhedsadfærd som mulig strategi til håndtering af bekymringer og usikkerhed</a:t>
            </a:r>
          </a:p>
          <a:p>
            <a:pPr marL="0" indent="0">
              <a:buNone/>
            </a:pPr>
            <a:endParaRPr lang="da-DK" dirty="0"/>
          </a:p>
        </p:txBody>
      </p:sp>
      <p:sp>
        <p:nvSpPr>
          <p:cNvPr id="4" name="Pladsholder til dato 3">
            <a:extLst>
              <a:ext uri="{FF2B5EF4-FFF2-40B4-BE49-F238E27FC236}">
                <a16:creationId xmlns:a16="http://schemas.microsoft.com/office/drawing/2014/main" id="{657FA5DB-AC3E-49C4-95A7-A07392482CE0}"/>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B9FF9400-7F54-440C-9073-49F2CAEF563E}"/>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8FC6899F-8609-4708-9063-2DBF5B637C48}"/>
              </a:ext>
            </a:extLst>
          </p:cNvPr>
          <p:cNvSpPr>
            <a:spLocks noGrp="1"/>
          </p:cNvSpPr>
          <p:nvPr>
            <p:ph type="sldNum" sz="quarter" idx="16"/>
          </p:nvPr>
        </p:nvSpPr>
        <p:spPr/>
        <p:txBody>
          <a:bodyPr/>
          <a:lstStyle/>
          <a:p>
            <a:fld id="{0DAB5548-7253-48D6-B95B-F3D312A72220}" type="slidenum">
              <a:rPr lang="da-DK" smtClean="0"/>
              <a:pPr/>
              <a:t>35</a:t>
            </a:fld>
            <a:endParaRPr lang="da-DK" dirty="0"/>
          </a:p>
        </p:txBody>
      </p:sp>
    </p:spTree>
    <p:extLst>
      <p:ext uri="{BB962C8B-B14F-4D97-AF65-F5344CB8AC3E}">
        <p14:creationId xmlns:p14="http://schemas.microsoft.com/office/powerpoint/2010/main" val="242935124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986F017-C96F-4F66-9AB7-79BBEE064B04}"/>
              </a:ext>
            </a:extLst>
          </p:cNvPr>
          <p:cNvSpPr>
            <a:spLocks noGrp="1"/>
          </p:cNvSpPr>
          <p:nvPr>
            <p:ph type="title"/>
          </p:nvPr>
        </p:nvSpPr>
        <p:spPr/>
        <p:txBody>
          <a:bodyPr/>
          <a:lstStyle/>
          <a:p>
            <a:pPr algn="ctr"/>
            <a:r>
              <a:rPr lang="da-DK" dirty="0"/>
              <a:t>Kliniske implikationer</a:t>
            </a:r>
          </a:p>
        </p:txBody>
      </p:sp>
      <p:sp>
        <p:nvSpPr>
          <p:cNvPr id="3" name="Pladsholder til indhold 2">
            <a:extLst>
              <a:ext uri="{FF2B5EF4-FFF2-40B4-BE49-F238E27FC236}">
                <a16:creationId xmlns:a16="http://schemas.microsoft.com/office/drawing/2014/main" id="{B09E6C1A-9CD2-4420-A296-673106A07D84}"/>
              </a:ext>
            </a:extLst>
          </p:cNvPr>
          <p:cNvSpPr>
            <a:spLocks noGrp="1"/>
          </p:cNvSpPr>
          <p:nvPr>
            <p:ph sz="quarter" idx="13"/>
          </p:nvPr>
        </p:nvSpPr>
        <p:spPr>
          <a:xfrm>
            <a:off x="1740111" y="2492896"/>
            <a:ext cx="6072250" cy="3160713"/>
          </a:xfrm>
        </p:spPr>
        <p:txBody>
          <a:bodyPr/>
          <a:lstStyle/>
          <a:p>
            <a:pPr marL="0" indent="0">
              <a:buNone/>
            </a:pPr>
            <a:r>
              <a:rPr lang="da-DK" dirty="0"/>
              <a:t>Bruger perspektiv</a:t>
            </a:r>
          </a:p>
          <a:p>
            <a:pPr lvl="1"/>
            <a:r>
              <a:rPr lang="da-DK" dirty="0"/>
              <a:t>Involvering af patienter og pårørende</a:t>
            </a:r>
          </a:p>
          <a:p>
            <a:pPr marL="0" indent="0">
              <a:buNone/>
            </a:pPr>
            <a:r>
              <a:rPr lang="da-DK" dirty="0"/>
              <a:t>Fagligt perspektiv</a:t>
            </a:r>
          </a:p>
          <a:p>
            <a:pPr lvl="1"/>
            <a:r>
              <a:rPr lang="da-DK" dirty="0"/>
              <a:t>Sundhedsprofessionelles viden og kompetencer</a:t>
            </a:r>
          </a:p>
          <a:p>
            <a:pPr marL="0" indent="0">
              <a:buNone/>
            </a:pPr>
            <a:r>
              <a:rPr lang="da-DK" dirty="0"/>
              <a:t>Organisatorisk perspektiv</a:t>
            </a:r>
          </a:p>
          <a:p>
            <a:pPr lvl="1"/>
            <a:r>
              <a:rPr lang="da-DK" dirty="0"/>
              <a:t>Balance mellem nærhed og specialisering</a:t>
            </a:r>
          </a:p>
          <a:p>
            <a:pPr lvl="1"/>
            <a:r>
              <a:rPr lang="da-DK" dirty="0"/>
              <a:t>Fleksibilitet og mulighed for bruger tilpasning</a:t>
            </a:r>
          </a:p>
        </p:txBody>
      </p:sp>
      <p:sp>
        <p:nvSpPr>
          <p:cNvPr id="4" name="Pladsholder til dato 3">
            <a:extLst>
              <a:ext uri="{FF2B5EF4-FFF2-40B4-BE49-F238E27FC236}">
                <a16:creationId xmlns:a16="http://schemas.microsoft.com/office/drawing/2014/main" id="{7B7C9C01-F017-46D8-8A95-BFDC8EFECC56}"/>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32C2C751-F4BF-4309-9B2D-34D0F9E3B022}"/>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A07FF709-B256-407A-8292-92975608B6F4}"/>
              </a:ext>
            </a:extLst>
          </p:cNvPr>
          <p:cNvSpPr>
            <a:spLocks noGrp="1"/>
          </p:cNvSpPr>
          <p:nvPr>
            <p:ph type="sldNum" sz="quarter" idx="16"/>
          </p:nvPr>
        </p:nvSpPr>
        <p:spPr/>
        <p:txBody>
          <a:bodyPr/>
          <a:lstStyle/>
          <a:p>
            <a:fld id="{0DAB5548-7253-48D6-B95B-F3D312A72220}" type="slidenum">
              <a:rPr lang="da-DK" smtClean="0"/>
              <a:pPr/>
              <a:t>36</a:t>
            </a:fld>
            <a:endParaRPr lang="da-DK" dirty="0"/>
          </a:p>
        </p:txBody>
      </p:sp>
    </p:spTree>
    <p:extLst>
      <p:ext uri="{BB962C8B-B14F-4D97-AF65-F5344CB8AC3E}">
        <p14:creationId xmlns:p14="http://schemas.microsoft.com/office/powerpoint/2010/main" val="292051543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51EEA8C-80BD-4EB8-AA8C-0C85812155C7}"/>
              </a:ext>
            </a:extLst>
          </p:cNvPr>
          <p:cNvSpPr>
            <a:spLocks noGrp="1"/>
          </p:cNvSpPr>
          <p:nvPr>
            <p:ph type="title"/>
          </p:nvPr>
        </p:nvSpPr>
        <p:spPr/>
        <p:txBody>
          <a:bodyPr/>
          <a:lstStyle/>
          <a:p>
            <a:pPr algn="ctr"/>
            <a:r>
              <a:rPr lang="da-DK" dirty="0"/>
              <a:t>Hvilken viden mangler vi?</a:t>
            </a:r>
          </a:p>
        </p:txBody>
      </p:sp>
      <p:sp>
        <p:nvSpPr>
          <p:cNvPr id="3" name="Pladsholder til indhold 2">
            <a:extLst>
              <a:ext uri="{FF2B5EF4-FFF2-40B4-BE49-F238E27FC236}">
                <a16:creationId xmlns:a16="http://schemas.microsoft.com/office/drawing/2014/main" id="{8A003A7B-AADF-4F50-A1A8-995F9381246D}"/>
              </a:ext>
            </a:extLst>
          </p:cNvPr>
          <p:cNvSpPr>
            <a:spLocks noGrp="1"/>
          </p:cNvSpPr>
          <p:nvPr>
            <p:ph sz="quarter" idx="13"/>
          </p:nvPr>
        </p:nvSpPr>
        <p:spPr>
          <a:xfrm>
            <a:off x="1403648" y="2492896"/>
            <a:ext cx="7091363" cy="3160713"/>
          </a:xfrm>
        </p:spPr>
        <p:txBody>
          <a:bodyPr/>
          <a:lstStyle/>
          <a:p>
            <a:r>
              <a:rPr lang="da-DK" dirty="0"/>
              <a:t>Konsekvenserne af </a:t>
            </a:r>
            <a:r>
              <a:rPr lang="da-DK" dirty="0" err="1"/>
              <a:t>minor</a:t>
            </a:r>
            <a:r>
              <a:rPr lang="da-DK" dirty="0"/>
              <a:t> stroke og effekten på deres hverdagsliv</a:t>
            </a:r>
          </a:p>
          <a:p>
            <a:r>
              <a:rPr lang="da-DK" dirty="0"/>
              <a:t>Særligt sårbare grupper – </a:t>
            </a:r>
            <a:r>
              <a:rPr lang="da-DK" i="1" dirty="0"/>
              <a:t>afasi, kognitive problemer, manglende social støtte</a:t>
            </a:r>
          </a:p>
          <a:p>
            <a:r>
              <a:rPr lang="da-DK" dirty="0"/>
              <a:t>Forekomsten af risikofaktorer og sundhedsadfærd</a:t>
            </a:r>
          </a:p>
          <a:p>
            <a:r>
              <a:rPr lang="da-DK" dirty="0"/>
              <a:t>Virkningsfulde interventioner – </a:t>
            </a:r>
            <a:r>
              <a:rPr lang="da-DK" i="1" dirty="0"/>
              <a:t>elementer, fremgangsmåder, organisering</a:t>
            </a:r>
          </a:p>
        </p:txBody>
      </p:sp>
      <p:sp>
        <p:nvSpPr>
          <p:cNvPr id="4" name="Pladsholder til dato 3">
            <a:extLst>
              <a:ext uri="{FF2B5EF4-FFF2-40B4-BE49-F238E27FC236}">
                <a16:creationId xmlns:a16="http://schemas.microsoft.com/office/drawing/2014/main" id="{3CCE7F03-EC51-4E51-A4E7-4C53981415FD}"/>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11CCF08D-4276-4799-B3C9-49A79C07193A}"/>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AFBD3A84-C579-4399-99C4-62B14E811C03}"/>
              </a:ext>
            </a:extLst>
          </p:cNvPr>
          <p:cNvSpPr>
            <a:spLocks noGrp="1"/>
          </p:cNvSpPr>
          <p:nvPr>
            <p:ph type="sldNum" sz="quarter" idx="16"/>
          </p:nvPr>
        </p:nvSpPr>
        <p:spPr/>
        <p:txBody>
          <a:bodyPr/>
          <a:lstStyle/>
          <a:p>
            <a:fld id="{0DAB5548-7253-48D6-B95B-F3D312A72220}" type="slidenum">
              <a:rPr lang="da-DK" smtClean="0"/>
              <a:pPr/>
              <a:t>37</a:t>
            </a:fld>
            <a:endParaRPr lang="da-DK" dirty="0"/>
          </a:p>
        </p:txBody>
      </p:sp>
    </p:spTree>
    <p:extLst>
      <p:ext uri="{BB962C8B-B14F-4D97-AF65-F5344CB8AC3E}">
        <p14:creationId xmlns:p14="http://schemas.microsoft.com/office/powerpoint/2010/main" val="351030492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36FC2BC-6DD0-4741-A165-68469D5D9F29}"/>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239E5CB2-AB0A-42DE-8D9E-1907B0209346}"/>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44728EC8-8B93-4D1B-BE15-1D50C6AA165A}"/>
              </a:ext>
            </a:extLst>
          </p:cNvPr>
          <p:cNvSpPr>
            <a:spLocks noGrp="1"/>
          </p:cNvSpPr>
          <p:nvPr>
            <p:ph type="sldNum" sz="quarter" idx="12"/>
          </p:nvPr>
        </p:nvSpPr>
        <p:spPr/>
        <p:txBody>
          <a:bodyPr/>
          <a:lstStyle/>
          <a:p>
            <a:fld id="{0DAB5548-7253-48D6-B95B-F3D312A72220}" type="slidenum">
              <a:rPr lang="da-DK" smtClean="0"/>
              <a:pPr/>
              <a:t>38</a:t>
            </a:fld>
            <a:endParaRPr lang="da-DK" dirty="0"/>
          </a:p>
        </p:txBody>
      </p:sp>
      <p:sp>
        <p:nvSpPr>
          <p:cNvPr id="6" name="Rektangel: afrundede hjørner 5">
            <a:extLst>
              <a:ext uri="{FF2B5EF4-FFF2-40B4-BE49-F238E27FC236}">
                <a16:creationId xmlns:a16="http://schemas.microsoft.com/office/drawing/2014/main" id="{EEE10FE2-C408-4E53-AB8D-A375F40D6FB6}"/>
              </a:ext>
            </a:extLst>
          </p:cNvPr>
          <p:cNvSpPr/>
          <p:nvPr/>
        </p:nvSpPr>
        <p:spPr>
          <a:xfrm>
            <a:off x="1331640" y="1196752"/>
            <a:ext cx="6912768" cy="4104456"/>
          </a:xfrm>
          <a:prstGeom prst="roundRect">
            <a:avLst>
              <a:gd name="adj" fmla="val 3229"/>
            </a:avLst>
          </a:prstGeom>
          <a:gradFill flip="none" rotWithShape="1">
            <a:gsLst>
              <a:gs pos="23000">
                <a:srgbClr val="00DDEE">
                  <a:alpha val="31000"/>
                </a:srgbClr>
              </a:gs>
              <a:gs pos="100000">
                <a:srgbClr val="9BF8FF">
                  <a:alpha val="44000"/>
                </a:srgbClr>
              </a:gs>
            </a:gsLst>
            <a:path path="circle">
              <a:fillToRect l="100000" b="100000"/>
            </a:path>
            <a:tileRect t="-100000" r="-100000"/>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 name="Tekstfelt 4">
            <a:extLst>
              <a:ext uri="{FF2B5EF4-FFF2-40B4-BE49-F238E27FC236}">
                <a16:creationId xmlns:a16="http://schemas.microsoft.com/office/drawing/2014/main" id="{CE31C8B0-C35C-47A8-9EAA-AA17A0F0FDF4}"/>
              </a:ext>
            </a:extLst>
          </p:cNvPr>
          <p:cNvSpPr txBox="1"/>
          <p:nvPr/>
        </p:nvSpPr>
        <p:spPr>
          <a:xfrm>
            <a:off x="1331640" y="1340768"/>
            <a:ext cx="6912768" cy="4176464"/>
          </a:xfrm>
          <a:prstGeom prst="rect">
            <a:avLst/>
          </a:prstGeom>
          <a:noFill/>
          <a:effectLst>
            <a:glow>
              <a:schemeClr val="accent1">
                <a:alpha val="40000"/>
              </a:schemeClr>
            </a:glow>
            <a:softEdge rad="0"/>
          </a:effectLst>
        </p:spPr>
        <p:txBody>
          <a:bodyPr wrap="square" lIns="180000" tIns="180000" rIns="180000" bIns="0" rtlCol="0">
            <a:noAutofit/>
          </a:bodyPr>
          <a:lstStyle/>
          <a:p>
            <a:pPr algn="ctr"/>
            <a:r>
              <a:rPr lang="da-DK" sz="3600" b="1" dirty="0">
                <a:solidFill>
                  <a:schemeClr val="accent3">
                    <a:lumMod val="50000"/>
                  </a:schemeClr>
                </a:solidFill>
              </a:rPr>
              <a:t>Take home message</a:t>
            </a:r>
          </a:p>
          <a:p>
            <a:pPr algn="ctr"/>
            <a:endParaRPr lang="da-DK" sz="2800" dirty="0"/>
          </a:p>
          <a:p>
            <a:pPr algn="ctr"/>
            <a:r>
              <a:rPr lang="da-DK" sz="2800" dirty="0"/>
              <a:t>Det er ikke nok at fortælle patienterne </a:t>
            </a:r>
            <a:r>
              <a:rPr lang="da-DK" sz="2800" u="sng" dirty="0"/>
              <a:t>hvad</a:t>
            </a:r>
            <a:r>
              <a:rPr lang="da-DK" sz="2800" dirty="0"/>
              <a:t> de skal gøre</a:t>
            </a:r>
          </a:p>
          <a:p>
            <a:pPr algn="ctr">
              <a:spcBef>
                <a:spcPts val="1200"/>
              </a:spcBef>
            </a:pPr>
            <a:r>
              <a:rPr lang="da-DK" sz="2800" dirty="0"/>
              <a:t>Vi skal også formidle </a:t>
            </a:r>
            <a:r>
              <a:rPr lang="da-DK" sz="2800" u="sng" dirty="0"/>
              <a:t>hvorfor</a:t>
            </a:r>
            <a:r>
              <a:rPr lang="da-DK" sz="2800" dirty="0"/>
              <a:t> de skal gøre det og hjælpe dem til at finde frem til </a:t>
            </a:r>
            <a:r>
              <a:rPr lang="da-DK" sz="2800" u="sng" dirty="0"/>
              <a:t>hvordan</a:t>
            </a:r>
            <a:r>
              <a:rPr lang="da-DK" sz="2800" dirty="0"/>
              <a:t> de skal gøre det</a:t>
            </a:r>
          </a:p>
        </p:txBody>
      </p:sp>
    </p:spTree>
    <p:extLst>
      <p:ext uri="{BB962C8B-B14F-4D97-AF65-F5344CB8AC3E}">
        <p14:creationId xmlns:p14="http://schemas.microsoft.com/office/powerpoint/2010/main" val="237556720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3340B57-1FEA-4128-AA47-C314176A0097}"/>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AEF90756-15E0-4098-A4D7-8BED909246BD}"/>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817193F7-0841-41C6-8BF9-3D139A283E7F}"/>
              </a:ext>
            </a:extLst>
          </p:cNvPr>
          <p:cNvSpPr>
            <a:spLocks noGrp="1"/>
          </p:cNvSpPr>
          <p:nvPr>
            <p:ph type="sldNum" sz="quarter" idx="12"/>
          </p:nvPr>
        </p:nvSpPr>
        <p:spPr/>
        <p:txBody>
          <a:bodyPr/>
          <a:lstStyle/>
          <a:p>
            <a:fld id="{0DAB5548-7253-48D6-B95B-F3D312A72220}" type="slidenum">
              <a:rPr lang="da-DK" smtClean="0"/>
              <a:pPr/>
              <a:t>39</a:t>
            </a:fld>
            <a:endParaRPr lang="da-DK" dirty="0"/>
          </a:p>
        </p:txBody>
      </p:sp>
      <p:pic>
        <p:nvPicPr>
          <p:cNvPr id="38" name="Billede 37">
            <a:extLst>
              <a:ext uri="{FF2B5EF4-FFF2-40B4-BE49-F238E27FC236}">
                <a16:creationId xmlns:a16="http://schemas.microsoft.com/office/drawing/2014/main" id="{87963946-AE2D-441C-9B46-7C96AB800CB5}"/>
              </a:ext>
            </a:extLst>
          </p:cNvPr>
          <p:cNvPicPr>
            <a:picLocks noChangeAspect="1"/>
          </p:cNvPicPr>
          <p:nvPr/>
        </p:nvPicPr>
        <p:blipFill rotWithShape="1">
          <a:blip r:embed="rId2">
            <a:alphaModFix amt="20000"/>
          </a:blip>
          <a:srcRect t="2414" b="2141"/>
          <a:stretch/>
        </p:blipFill>
        <p:spPr>
          <a:xfrm>
            <a:off x="971600" y="-1"/>
            <a:ext cx="7664217" cy="6165305"/>
          </a:xfrm>
          <a:prstGeom prst="rect">
            <a:avLst/>
          </a:prstGeom>
        </p:spPr>
      </p:pic>
      <p:sp>
        <p:nvSpPr>
          <p:cNvPr id="39" name="Titel 1">
            <a:extLst>
              <a:ext uri="{FF2B5EF4-FFF2-40B4-BE49-F238E27FC236}">
                <a16:creationId xmlns:a16="http://schemas.microsoft.com/office/drawing/2014/main" id="{ABBAEDC6-8720-41B8-BEB0-62561210127C}"/>
              </a:ext>
            </a:extLst>
          </p:cNvPr>
          <p:cNvSpPr txBox="1">
            <a:spLocks/>
          </p:cNvSpPr>
          <p:nvPr/>
        </p:nvSpPr>
        <p:spPr>
          <a:xfrm>
            <a:off x="971600" y="668551"/>
            <a:ext cx="7488400" cy="396045"/>
          </a:xfrm>
          <a:prstGeom prst="rect">
            <a:avLst/>
          </a:prstGeom>
          <a:noFill/>
        </p:spPr>
        <p:txBody>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Tak til</a:t>
            </a:r>
          </a:p>
        </p:txBody>
      </p:sp>
      <p:sp>
        <p:nvSpPr>
          <p:cNvPr id="10" name="Rektangel: afrundede hjørner 9">
            <a:extLst>
              <a:ext uri="{FF2B5EF4-FFF2-40B4-BE49-F238E27FC236}">
                <a16:creationId xmlns:a16="http://schemas.microsoft.com/office/drawing/2014/main" id="{08A7C38C-BFEE-4724-A184-290C7CE083F8}"/>
              </a:ext>
            </a:extLst>
          </p:cNvPr>
          <p:cNvSpPr/>
          <p:nvPr/>
        </p:nvSpPr>
        <p:spPr>
          <a:xfrm>
            <a:off x="1249870" y="1510388"/>
            <a:ext cx="3503773" cy="1342548"/>
          </a:xfrm>
          <a:prstGeom prst="roundRect">
            <a:avLst/>
          </a:prstGeom>
          <a:gradFill flip="none" rotWithShape="1">
            <a:gsLst>
              <a:gs pos="0">
                <a:srgbClr val="00DDEE">
                  <a:alpha val="40000"/>
                </a:srgbClr>
              </a:gs>
              <a:gs pos="50000">
                <a:srgbClr val="00DDEE">
                  <a:alpha val="40000"/>
                </a:srgbClr>
              </a:gs>
              <a:gs pos="100000">
                <a:srgbClr val="19E4FF">
                  <a:shade val="100000"/>
                  <a:satMod val="115000"/>
                  <a:alpha val="40000"/>
                </a:srgbClr>
              </a:gs>
            </a:gsLst>
            <a:lin ang="8100000" scaled="1"/>
            <a:tileRect/>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Rektangel: afrundede hjørner 12">
            <a:extLst>
              <a:ext uri="{FF2B5EF4-FFF2-40B4-BE49-F238E27FC236}">
                <a16:creationId xmlns:a16="http://schemas.microsoft.com/office/drawing/2014/main" id="{DE63F53E-5FB7-4282-9485-55FF11779EF3}"/>
              </a:ext>
            </a:extLst>
          </p:cNvPr>
          <p:cNvSpPr/>
          <p:nvPr/>
        </p:nvSpPr>
        <p:spPr>
          <a:xfrm>
            <a:off x="5118657" y="1484015"/>
            <a:ext cx="3705434" cy="1715010"/>
          </a:xfrm>
          <a:prstGeom prst="roundRect">
            <a:avLst/>
          </a:prstGeom>
          <a:solidFill>
            <a:srgbClr val="00FF00">
              <a:alpha val="40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afrundede hjørner 14">
            <a:extLst>
              <a:ext uri="{FF2B5EF4-FFF2-40B4-BE49-F238E27FC236}">
                <a16:creationId xmlns:a16="http://schemas.microsoft.com/office/drawing/2014/main" id="{40278A56-A64C-4A9A-88F0-C6618075FC42}"/>
              </a:ext>
            </a:extLst>
          </p:cNvPr>
          <p:cNvSpPr/>
          <p:nvPr/>
        </p:nvSpPr>
        <p:spPr>
          <a:xfrm>
            <a:off x="1166097" y="2967341"/>
            <a:ext cx="3702079" cy="3087663"/>
          </a:xfrm>
          <a:prstGeom prst="roundRect">
            <a:avLst/>
          </a:prstGeom>
          <a:solidFill>
            <a:srgbClr val="7030A0">
              <a:alpha val="40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Rektangel: afrundede hjørner 13">
            <a:extLst>
              <a:ext uri="{FF2B5EF4-FFF2-40B4-BE49-F238E27FC236}">
                <a16:creationId xmlns:a16="http://schemas.microsoft.com/office/drawing/2014/main" id="{12E01102-E91D-4C5B-9698-C99A0A1BA26D}"/>
              </a:ext>
            </a:extLst>
          </p:cNvPr>
          <p:cNvSpPr/>
          <p:nvPr/>
        </p:nvSpPr>
        <p:spPr>
          <a:xfrm>
            <a:off x="5180864" y="3261954"/>
            <a:ext cx="3705434" cy="2817998"/>
          </a:xfrm>
          <a:prstGeom prst="roundRect">
            <a:avLst/>
          </a:prstGeom>
          <a:solidFill>
            <a:srgbClr val="FFFF00">
              <a:alpha val="40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 name="Tekstfelt 4">
            <a:extLst>
              <a:ext uri="{FF2B5EF4-FFF2-40B4-BE49-F238E27FC236}">
                <a16:creationId xmlns:a16="http://schemas.microsoft.com/office/drawing/2014/main" id="{05F21E53-13EC-4FA1-AC87-93728C060E66}"/>
              </a:ext>
            </a:extLst>
          </p:cNvPr>
          <p:cNvSpPr txBox="1"/>
          <p:nvPr/>
        </p:nvSpPr>
        <p:spPr>
          <a:xfrm>
            <a:off x="1166097" y="3027834"/>
            <a:ext cx="3615943" cy="2693708"/>
          </a:xfrm>
          <a:prstGeom prst="rect">
            <a:avLst/>
          </a:prstGeom>
          <a:noFill/>
        </p:spPr>
        <p:txBody>
          <a:bodyPr wrap="square" lIns="0" tIns="0" rIns="0" bIns="0" rtlCol="0">
            <a:noAutofit/>
          </a:bodyPr>
          <a:lstStyle/>
          <a:p>
            <a:pPr algn="ctr">
              <a:spcBef>
                <a:spcPts val="600"/>
              </a:spcBef>
            </a:pPr>
            <a:r>
              <a:rPr lang="da-DK" sz="2400" dirty="0"/>
              <a:t>UCSF</a:t>
            </a:r>
          </a:p>
          <a:p>
            <a:pPr marL="177800"/>
            <a:r>
              <a:rPr lang="da-DK" sz="2000" dirty="0"/>
              <a:t>Lis Adamsen, Julie Midtgaard, Mary </a:t>
            </a:r>
            <a:r>
              <a:rPr lang="da-DK" sz="2000" dirty="0" err="1"/>
              <a:t>Jarden</a:t>
            </a:r>
            <a:r>
              <a:rPr lang="da-DK" sz="2000" dirty="0"/>
              <a:t>, Anders Larsen</a:t>
            </a:r>
          </a:p>
          <a:p>
            <a:pPr algn="ctr"/>
            <a:r>
              <a:rPr lang="da-DK" sz="2400" dirty="0"/>
              <a:t>Afdelingsledelsen</a:t>
            </a:r>
          </a:p>
          <a:p>
            <a:pPr algn="ctr"/>
            <a:r>
              <a:rPr lang="da-DK" sz="2000" dirty="0"/>
              <a:t>Lene Hamberg, Kai Jensen, Lisbet Lind</a:t>
            </a:r>
          </a:p>
          <a:p>
            <a:pPr algn="ctr"/>
            <a:r>
              <a:rPr lang="da-DK" sz="2400" dirty="0"/>
              <a:t>Forskningsafdelingen</a:t>
            </a:r>
          </a:p>
          <a:p>
            <a:pPr marL="447675"/>
            <a:r>
              <a:rPr lang="da-DK" sz="2000" dirty="0"/>
              <a:t>Malene Starup Stage, </a:t>
            </a:r>
          </a:p>
          <a:p>
            <a:pPr marL="447675"/>
            <a:r>
              <a:rPr lang="da-DK" sz="2000" dirty="0"/>
              <a:t>Jette </a:t>
            </a:r>
            <a:r>
              <a:rPr lang="da-DK" sz="2000" dirty="0" err="1"/>
              <a:t>Meelby</a:t>
            </a:r>
            <a:endParaRPr lang="da-DK" sz="2000" dirty="0"/>
          </a:p>
        </p:txBody>
      </p:sp>
      <p:sp>
        <p:nvSpPr>
          <p:cNvPr id="6" name="Tekstfelt 5">
            <a:extLst>
              <a:ext uri="{FF2B5EF4-FFF2-40B4-BE49-F238E27FC236}">
                <a16:creationId xmlns:a16="http://schemas.microsoft.com/office/drawing/2014/main" id="{E1075787-0BDC-4379-88DA-D69919234CC2}"/>
              </a:ext>
            </a:extLst>
          </p:cNvPr>
          <p:cNvSpPr txBox="1"/>
          <p:nvPr/>
        </p:nvSpPr>
        <p:spPr>
          <a:xfrm>
            <a:off x="5180863" y="1564171"/>
            <a:ext cx="3278925" cy="1605882"/>
          </a:xfrm>
          <a:prstGeom prst="rect">
            <a:avLst/>
          </a:prstGeom>
          <a:noFill/>
          <a:ln>
            <a:noFill/>
          </a:ln>
        </p:spPr>
        <p:txBody>
          <a:bodyPr wrap="square" lIns="0" tIns="0" rIns="0" bIns="0" rtlCol="0">
            <a:noAutofit/>
          </a:bodyPr>
          <a:lstStyle/>
          <a:p>
            <a:pPr algn="ctr">
              <a:spcBef>
                <a:spcPts val="600"/>
              </a:spcBef>
            </a:pPr>
            <a:r>
              <a:rPr lang="da-DK" sz="2400" dirty="0"/>
              <a:t>Vejledergruppen</a:t>
            </a:r>
          </a:p>
          <a:p>
            <a:pPr marL="541338"/>
            <a:r>
              <a:rPr lang="da-DK" sz="2000" dirty="0"/>
              <a:t>Thomas Christensen </a:t>
            </a:r>
          </a:p>
          <a:p>
            <a:pPr marL="541338"/>
            <a:r>
              <a:rPr lang="da-DK" sz="2000" dirty="0"/>
              <a:t>Tom Møller</a:t>
            </a:r>
          </a:p>
          <a:p>
            <a:pPr marL="541338"/>
            <a:r>
              <a:rPr lang="da-DK" sz="2000" dirty="0"/>
              <a:t>Stig Mølsted </a:t>
            </a:r>
          </a:p>
          <a:p>
            <a:pPr marL="541338"/>
            <a:r>
              <a:rPr lang="da-DK" sz="2000" dirty="0"/>
              <a:t>Dorthe Overgaard </a:t>
            </a:r>
          </a:p>
        </p:txBody>
      </p:sp>
      <p:sp>
        <p:nvSpPr>
          <p:cNvPr id="9" name="Tekstfelt 8">
            <a:extLst>
              <a:ext uri="{FF2B5EF4-FFF2-40B4-BE49-F238E27FC236}">
                <a16:creationId xmlns:a16="http://schemas.microsoft.com/office/drawing/2014/main" id="{30574975-C3ED-4276-A944-F9DA34FFFD52}"/>
              </a:ext>
            </a:extLst>
          </p:cNvPr>
          <p:cNvSpPr txBox="1"/>
          <p:nvPr/>
        </p:nvSpPr>
        <p:spPr>
          <a:xfrm>
            <a:off x="1249870" y="1510388"/>
            <a:ext cx="3420000" cy="1403041"/>
          </a:xfrm>
          <a:prstGeom prst="rect">
            <a:avLst/>
          </a:prstGeom>
          <a:noFill/>
          <a:ln>
            <a:noFill/>
          </a:ln>
        </p:spPr>
        <p:txBody>
          <a:bodyPr wrap="square" lIns="0" tIns="0" rIns="0" bIns="0" rtlCol="0">
            <a:noAutofit/>
          </a:bodyPr>
          <a:lstStyle/>
          <a:p>
            <a:pPr algn="ctr"/>
            <a:r>
              <a:rPr lang="da-DK" sz="2400" dirty="0"/>
              <a:t>Bedømmelsesudvalget</a:t>
            </a:r>
          </a:p>
          <a:p>
            <a:pPr marL="354013">
              <a:tabLst>
                <a:tab pos="354013" algn="l"/>
              </a:tabLst>
            </a:pPr>
            <a:r>
              <a:rPr lang="da-DK" sz="2000" dirty="0"/>
              <a:t>Thordis Thomsen </a:t>
            </a:r>
          </a:p>
          <a:p>
            <a:pPr marL="354013">
              <a:tabLst>
                <a:tab pos="354013" algn="l"/>
              </a:tabLst>
            </a:pPr>
            <a:r>
              <a:rPr lang="da-DK" sz="2000" dirty="0"/>
              <a:t>Ingrid Poulsen</a:t>
            </a:r>
          </a:p>
          <a:p>
            <a:pPr marL="354013">
              <a:tabLst>
                <a:tab pos="354013" algn="l"/>
              </a:tabLst>
            </a:pPr>
            <a:r>
              <a:rPr lang="da-DK" sz="2000" dirty="0"/>
              <a:t>Hege Ihle-Hansen</a:t>
            </a:r>
          </a:p>
          <a:p>
            <a:pPr marL="354013"/>
            <a:r>
              <a:rPr lang="da-DK" sz="1800" dirty="0"/>
              <a:t> </a:t>
            </a:r>
          </a:p>
        </p:txBody>
      </p:sp>
      <p:sp>
        <p:nvSpPr>
          <p:cNvPr id="7" name="Tekstfelt 6">
            <a:extLst>
              <a:ext uri="{FF2B5EF4-FFF2-40B4-BE49-F238E27FC236}">
                <a16:creationId xmlns:a16="http://schemas.microsoft.com/office/drawing/2014/main" id="{E1ACE0D3-D50B-49E5-A13D-E3470C60CDF4}"/>
              </a:ext>
            </a:extLst>
          </p:cNvPr>
          <p:cNvSpPr txBox="1"/>
          <p:nvPr/>
        </p:nvSpPr>
        <p:spPr>
          <a:xfrm>
            <a:off x="3941087" y="1064596"/>
            <a:ext cx="2088232" cy="504056"/>
          </a:xfrm>
          <a:prstGeom prst="rect">
            <a:avLst/>
          </a:prstGeom>
          <a:noFill/>
        </p:spPr>
        <p:txBody>
          <a:bodyPr wrap="square" lIns="0" tIns="0" rIns="0" bIns="0" rtlCol="0">
            <a:noAutofit/>
          </a:bodyPr>
          <a:lstStyle/>
          <a:p>
            <a:pPr>
              <a:spcBef>
                <a:spcPts val="600"/>
              </a:spcBef>
              <a:spcAft>
                <a:spcPts val="600"/>
              </a:spcAft>
            </a:pPr>
            <a:r>
              <a:rPr lang="da-DK" sz="2800" dirty="0"/>
              <a:t>Deltagerne</a:t>
            </a:r>
          </a:p>
        </p:txBody>
      </p:sp>
      <p:sp>
        <p:nvSpPr>
          <p:cNvPr id="8" name="Tekstfelt 7">
            <a:extLst>
              <a:ext uri="{FF2B5EF4-FFF2-40B4-BE49-F238E27FC236}">
                <a16:creationId xmlns:a16="http://schemas.microsoft.com/office/drawing/2014/main" id="{E7246A70-EBA2-42C6-B846-A1F6B8082050}"/>
              </a:ext>
            </a:extLst>
          </p:cNvPr>
          <p:cNvSpPr txBox="1"/>
          <p:nvPr/>
        </p:nvSpPr>
        <p:spPr>
          <a:xfrm>
            <a:off x="5433386" y="3321795"/>
            <a:ext cx="3327672" cy="2817998"/>
          </a:xfrm>
          <a:prstGeom prst="rect">
            <a:avLst/>
          </a:prstGeom>
          <a:noFill/>
        </p:spPr>
        <p:txBody>
          <a:bodyPr wrap="square" lIns="0" tIns="0" rIns="0" bIns="0" rtlCol="0">
            <a:noAutofit/>
          </a:bodyPr>
          <a:lstStyle/>
          <a:p>
            <a:r>
              <a:rPr lang="da-DK" sz="2400" dirty="0"/>
              <a:t>Familie</a:t>
            </a:r>
          </a:p>
          <a:p>
            <a:pPr marL="177800"/>
            <a:r>
              <a:rPr lang="da-DK" sz="2000" dirty="0"/>
              <a:t>Monique, Frederik, Leonard</a:t>
            </a:r>
          </a:p>
          <a:p>
            <a:pPr>
              <a:spcBef>
                <a:spcPts val="600"/>
              </a:spcBef>
            </a:pPr>
            <a:r>
              <a:rPr lang="da-DK" sz="2400" dirty="0"/>
              <a:t>Kollegaer </a:t>
            </a:r>
          </a:p>
          <a:p>
            <a:pPr marL="177800">
              <a:spcBef>
                <a:spcPts val="600"/>
              </a:spcBef>
            </a:pPr>
            <a:r>
              <a:rPr lang="da-DK" sz="2000" dirty="0"/>
              <a:t>Jannik Stokholm, Sofie Sølvsten, </a:t>
            </a:r>
            <a:r>
              <a:rPr lang="da-DK" sz="2000" dirty="0" err="1"/>
              <a:t>Mirketa</a:t>
            </a:r>
            <a:r>
              <a:rPr lang="da-DK" sz="2000" dirty="0"/>
              <a:t> </a:t>
            </a:r>
            <a:r>
              <a:rPr lang="da-DK" sz="2000" dirty="0" err="1"/>
              <a:t>Marku</a:t>
            </a:r>
            <a:r>
              <a:rPr lang="da-DK" sz="2000" dirty="0"/>
              <a:t>, Annette Sommer, Estrid Lawrence, Dorte Møller, Kim Larsen</a:t>
            </a:r>
          </a:p>
          <a:p>
            <a:pPr marL="354013"/>
            <a:endParaRPr lang="da-DK" sz="1800" dirty="0"/>
          </a:p>
        </p:txBody>
      </p:sp>
    </p:spTree>
    <p:extLst>
      <p:ext uri="{BB962C8B-B14F-4D97-AF65-F5344CB8AC3E}">
        <p14:creationId xmlns:p14="http://schemas.microsoft.com/office/powerpoint/2010/main" val="551456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2652560-8CD3-471E-9488-9C9A1888EF72}"/>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FE940773-1FC5-46C2-B154-3BB071D5D9BA}"/>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D5637AF1-85A6-4188-806F-0FA332A375F9}"/>
              </a:ext>
            </a:extLst>
          </p:cNvPr>
          <p:cNvSpPr>
            <a:spLocks noGrp="1"/>
          </p:cNvSpPr>
          <p:nvPr>
            <p:ph type="sldNum" sz="quarter" idx="12"/>
          </p:nvPr>
        </p:nvSpPr>
        <p:spPr/>
        <p:txBody>
          <a:bodyPr/>
          <a:lstStyle/>
          <a:p>
            <a:fld id="{0DAB5548-7253-48D6-B95B-F3D312A72220}" type="slidenum">
              <a:rPr lang="da-DK" smtClean="0"/>
              <a:pPr/>
              <a:t>4</a:t>
            </a:fld>
            <a:endParaRPr lang="da-DK" dirty="0"/>
          </a:p>
        </p:txBody>
      </p:sp>
      <p:sp>
        <p:nvSpPr>
          <p:cNvPr id="5" name="Titel 1">
            <a:extLst>
              <a:ext uri="{FF2B5EF4-FFF2-40B4-BE49-F238E27FC236}">
                <a16:creationId xmlns:a16="http://schemas.microsoft.com/office/drawing/2014/main" id="{35FDEF11-1E5C-40CB-BB60-0086B5C84607}"/>
              </a:ext>
            </a:extLst>
          </p:cNvPr>
          <p:cNvSpPr txBox="1">
            <a:spLocks/>
          </p:cNvSpPr>
          <p:nvPr/>
        </p:nvSpPr>
        <p:spPr>
          <a:xfrm>
            <a:off x="1371600" y="838200"/>
            <a:ext cx="7239000" cy="762000"/>
          </a:xfrm>
          <a:prstGeom prst="rect">
            <a:avLst/>
          </a:prstGeom>
        </p:spPr>
        <p:txBody>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Patientforløb</a:t>
            </a:r>
          </a:p>
        </p:txBody>
      </p:sp>
      <p:sp>
        <p:nvSpPr>
          <p:cNvPr id="6" name="Tekstboks 1">
            <a:extLst>
              <a:ext uri="{FF2B5EF4-FFF2-40B4-BE49-F238E27FC236}">
                <a16:creationId xmlns:a16="http://schemas.microsoft.com/office/drawing/2014/main" id="{D2263B10-5DC8-4785-8DB7-4B0A42B76076}"/>
              </a:ext>
            </a:extLst>
          </p:cNvPr>
          <p:cNvSpPr txBox="1">
            <a:spLocks noChangeArrowheads="1"/>
          </p:cNvSpPr>
          <p:nvPr/>
        </p:nvSpPr>
        <p:spPr bwMode="auto">
          <a:xfrm>
            <a:off x="955405" y="1855381"/>
            <a:ext cx="1308697" cy="550024"/>
          </a:xfrm>
          <a:prstGeom prst="rect">
            <a:avLst/>
          </a:prstGeom>
          <a:solidFill>
            <a:schemeClr val="accent1">
              <a:lumMod val="20000"/>
              <a:lumOff val="80000"/>
            </a:schemeClr>
          </a:solidFill>
          <a:ln w="12700">
            <a:solidFill>
              <a:srgbClr val="000000"/>
            </a:solidFill>
            <a:miter lim="800000"/>
            <a:headEnd/>
            <a:tailEnd/>
          </a:ln>
        </p:spPr>
        <p:txBody>
          <a:bodyPr rot="0" vert="horz" wrap="square" lIns="91440" tIns="45720" rIns="91440" bIns="45720" anchor="ctr" anchorCtr="0" upright="1">
            <a:noAutofit/>
          </a:bodyPr>
          <a:lstStyle/>
          <a:p>
            <a:pPr algn="ctr">
              <a:spcAft>
                <a:spcPts val="1000"/>
              </a:spcAft>
            </a:pPr>
            <a:r>
              <a:rPr lang="da-DK" sz="1400" b="1" dirty="0">
                <a:effectLst/>
                <a:latin typeface="Calibri"/>
                <a:ea typeface="Calibri"/>
                <a:cs typeface="Times New Roman"/>
              </a:rPr>
              <a:t>Henvisning fra egen læge</a:t>
            </a:r>
            <a:endParaRPr lang="da-DK" sz="1400" dirty="0">
              <a:effectLst/>
              <a:latin typeface="Calibri"/>
              <a:ea typeface="Calibri"/>
              <a:cs typeface="Times New Roman"/>
            </a:endParaRPr>
          </a:p>
        </p:txBody>
      </p:sp>
      <p:sp>
        <p:nvSpPr>
          <p:cNvPr id="7" name="Tekstboks 2">
            <a:extLst>
              <a:ext uri="{FF2B5EF4-FFF2-40B4-BE49-F238E27FC236}">
                <a16:creationId xmlns:a16="http://schemas.microsoft.com/office/drawing/2014/main" id="{F1ED54D7-3B1A-4CBD-AD8B-4316FF407723}"/>
              </a:ext>
            </a:extLst>
          </p:cNvPr>
          <p:cNvSpPr txBox="1">
            <a:spLocks noChangeArrowheads="1"/>
          </p:cNvSpPr>
          <p:nvPr/>
        </p:nvSpPr>
        <p:spPr bwMode="auto">
          <a:xfrm>
            <a:off x="955405" y="2645458"/>
            <a:ext cx="1308697" cy="457200"/>
          </a:xfrm>
          <a:prstGeom prst="rect">
            <a:avLst/>
          </a:prstGeom>
          <a:solidFill>
            <a:schemeClr val="accent1">
              <a:lumMod val="20000"/>
              <a:lumOff val="80000"/>
            </a:schemeClr>
          </a:solidFill>
          <a:ln w="12700">
            <a:solidFill>
              <a:srgbClr val="000000"/>
            </a:solidFill>
            <a:miter lim="800000"/>
            <a:headEnd/>
            <a:tailEnd/>
          </a:ln>
        </p:spPr>
        <p:txBody>
          <a:bodyPr rot="0" vert="horz" wrap="square" lIns="91440" tIns="45720" rIns="91440" bIns="45720" anchor="ctr" anchorCtr="0" upright="1">
            <a:noAutofit/>
          </a:bodyPr>
          <a:lstStyle/>
          <a:p>
            <a:pPr algn="ctr">
              <a:lnSpc>
                <a:spcPct val="115000"/>
              </a:lnSpc>
              <a:spcAft>
                <a:spcPts val="1000"/>
              </a:spcAft>
            </a:pPr>
            <a:r>
              <a:rPr lang="da-DK" sz="1400" b="1" dirty="0">
                <a:effectLst/>
                <a:latin typeface="Calibri"/>
                <a:ea typeface="Calibri"/>
                <a:cs typeface="Times New Roman"/>
              </a:rPr>
              <a:t>Henvisning via 112/1813</a:t>
            </a:r>
            <a:endParaRPr lang="da-DK" sz="1400" dirty="0">
              <a:effectLst/>
              <a:latin typeface="Calibri"/>
              <a:ea typeface="Calibri"/>
              <a:cs typeface="Times New Roman"/>
            </a:endParaRPr>
          </a:p>
        </p:txBody>
      </p:sp>
      <p:sp>
        <p:nvSpPr>
          <p:cNvPr id="8" name="Tekstboks 3">
            <a:extLst>
              <a:ext uri="{FF2B5EF4-FFF2-40B4-BE49-F238E27FC236}">
                <a16:creationId xmlns:a16="http://schemas.microsoft.com/office/drawing/2014/main" id="{1A03FF65-8FB7-45F3-BCAB-F18594DDCA7D}"/>
              </a:ext>
            </a:extLst>
          </p:cNvPr>
          <p:cNvSpPr txBox="1">
            <a:spLocks noChangeArrowheads="1"/>
          </p:cNvSpPr>
          <p:nvPr/>
        </p:nvSpPr>
        <p:spPr bwMode="auto">
          <a:xfrm>
            <a:off x="948694" y="3370715"/>
            <a:ext cx="1308696" cy="457200"/>
          </a:xfrm>
          <a:prstGeom prst="rect">
            <a:avLst/>
          </a:prstGeom>
          <a:solidFill>
            <a:srgbClr val="FFFF99"/>
          </a:solidFill>
          <a:ln w="12700">
            <a:solidFill>
              <a:srgbClr val="000000"/>
            </a:solidFill>
            <a:miter lim="800000"/>
            <a:headEnd/>
            <a:tailEnd/>
          </a:ln>
        </p:spPr>
        <p:txBody>
          <a:bodyPr rot="0" vert="horz" wrap="square" lIns="91440" tIns="45720" rIns="91440" bIns="45720" anchor="ctr" anchorCtr="0" upright="1">
            <a:noAutofit/>
          </a:bodyPr>
          <a:lstStyle/>
          <a:p>
            <a:pPr algn="ctr">
              <a:spcAft>
                <a:spcPts val="1000"/>
              </a:spcAft>
            </a:pPr>
            <a:r>
              <a:rPr lang="da-DK" sz="1400" b="1" dirty="0">
                <a:effectLst/>
                <a:latin typeface="Calibri"/>
                <a:ea typeface="Calibri"/>
                <a:cs typeface="Times New Roman"/>
              </a:rPr>
              <a:t>Intern overflytning</a:t>
            </a:r>
            <a:endParaRPr lang="da-DK" sz="1400" dirty="0">
              <a:effectLst/>
              <a:latin typeface="Calibri"/>
              <a:ea typeface="Calibri"/>
              <a:cs typeface="Times New Roman"/>
            </a:endParaRPr>
          </a:p>
        </p:txBody>
      </p:sp>
      <p:sp>
        <p:nvSpPr>
          <p:cNvPr id="9" name="Tekstboks 4">
            <a:extLst>
              <a:ext uri="{FF2B5EF4-FFF2-40B4-BE49-F238E27FC236}">
                <a16:creationId xmlns:a16="http://schemas.microsoft.com/office/drawing/2014/main" id="{5327CDD3-35EC-4519-976F-70CCCB481FAA}"/>
              </a:ext>
            </a:extLst>
          </p:cNvPr>
          <p:cNvSpPr txBox="1">
            <a:spLocks noChangeArrowheads="1"/>
          </p:cNvSpPr>
          <p:nvPr/>
        </p:nvSpPr>
        <p:spPr bwMode="auto">
          <a:xfrm>
            <a:off x="3240958" y="3229112"/>
            <a:ext cx="1350605" cy="578301"/>
          </a:xfrm>
          <a:prstGeom prst="rect">
            <a:avLst/>
          </a:prstGeom>
          <a:solidFill>
            <a:srgbClr val="FFFF99"/>
          </a:solidFill>
          <a:ln w="12700">
            <a:solidFill>
              <a:srgbClr val="000000"/>
            </a:solidFill>
            <a:prstDash val="dash"/>
            <a:miter lim="800000"/>
            <a:headEnd/>
            <a:tailEnd/>
          </a:ln>
        </p:spPr>
        <p:txBody>
          <a:bodyPr rot="0" vert="horz" wrap="square" lIns="91440" tIns="45720" rIns="91440" bIns="45720" anchor="ctr" anchorCtr="0" upright="1">
            <a:noAutofit/>
          </a:bodyPr>
          <a:lstStyle/>
          <a:p>
            <a:pPr algn="ctr"/>
            <a:r>
              <a:rPr lang="da-DK" sz="1400" b="1" dirty="0" err="1">
                <a:effectLst/>
                <a:latin typeface="Calibri"/>
                <a:ea typeface="Calibri"/>
                <a:cs typeface="Times New Roman"/>
              </a:rPr>
              <a:t>Trombolyse</a:t>
            </a:r>
            <a:endParaRPr lang="da-DK" sz="1400" dirty="0">
              <a:effectLst/>
              <a:latin typeface="Calibri"/>
              <a:ea typeface="Calibri"/>
              <a:cs typeface="Times New Roman"/>
            </a:endParaRPr>
          </a:p>
          <a:p>
            <a:pPr algn="ctr"/>
            <a:r>
              <a:rPr lang="da-DK" sz="1000" dirty="0">
                <a:effectLst/>
                <a:latin typeface="Calibri"/>
                <a:ea typeface="Calibri"/>
                <a:cs typeface="Times New Roman"/>
              </a:rPr>
              <a:t>(BBH / GLO)</a:t>
            </a:r>
            <a:endParaRPr lang="da-DK" sz="1100" dirty="0">
              <a:effectLst/>
              <a:latin typeface="Calibri"/>
              <a:ea typeface="Calibri"/>
              <a:cs typeface="Times New Roman"/>
            </a:endParaRPr>
          </a:p>
        </p:txBody>
      </p:sp>
      <p:sp>
        <p:nvSpPr>
          <p:cNvPr id="10" name="Tekstboks 5">
            <a:extLst>
              <a:ext uri="{FF2B5EF4-FFF2-40B4-BE49-F238E27FC236}">
                <a16:creationId xmlns:a16="http://schemas.microsoft.com/office/drawing/2014/main" id="{79ADC2C3-0027-4B5B-B52F-A064200DF79A}"/>
              </a:ext>
            </a:extLst>
          </p:cNvPr>
          <p:cNvSpPr txBox="1">
            <a:spLocks noChangeArrowheads="1"/>
          </p:cNvSpPr>
          <p:nvPr/>
        </p:nvSpPr>
        <p:spPr bwMode="auto">
          <a:xfrm>
            <a:off x="3015700" y="1856557"/>
            <a:ext cx="1814709" cy="1225921"/>
          </a:xfrm>
          <a:prstGeom prst="rect">
            <a:avLst/>
          </a:prstGeom>
          <a:solidFill>
            <a:srgbClr val="CCFF99"/>
          </a:solidFill>
          <a:ln w="12700">
            <a:solidFill>
              <a:srgbClr val="000000"/>
            </a:solidFill>
            <a:miter lim="800000"/>
            <a:headEnd/>
            <a:tailEnd/>
          </a:ln>
        </p:spPr>
        <p:txBody>
          <a:bodyPr rot="0" vert="horz" wrap="square" lIns="91440" tIns="45720" rIns="91440" bIns="45720" anchor="t" anchorCtr="0" upright="1">
            <a:noAutofit/>
          </a:bodyPr>
          <a:lstStyle/>
          <a:p>
            <a:pPr algn="ctr">
              <a:spcAft>
                <a:spcPts val="0"/>
              </a:spcAft>
            </a:pPr>
            <a:r>
              <a:rPr lang="da-DK" sz="1600" b="1" dirty="0">
                <a:effectLst/>
                <a:latin typeface="Calibri"/>
                <a:ea typeface="Calibri"/>
                <a:cs typeface="Times New Roman"/>
              </a:rPr>
              <a:t>Indlæggelse via akut modtagelsen</a:t>
            </a:r>
          </a:p>
          <a:p>
            <a:pPr>
              <a:spcAft>
                <a:spcPts val="0"/>
              </a:spcAft>
            </a:pPr>
            <a:r>
              <a:rPr lang="da-DK" sz="1100" dirty="0">
                <a:effectLst/>
                <a:latin typeface="Calibri"/>
                <a:ea typeface="Calibri"/>
                <a:cs typeface="Times New Roman"/>
              </a:rPr>
              <a:t>◦ Neurologisk vurdering</a:t>
            </a:r>
          </a:p>
          <a:p>
            <a:pPr>
              <a:spcAft>
                <a:spcPts val="0"/>
              </a:spcAft>
            </a:pPr>
            <a:r>
              <a:rPr lang="da-DK" sz="1100" dirty="0">
                <a:effectLst/>
                <a:latin typeface="Calibri"/>
                <a:ea typeface="Calibri"/>
                <a:cs typeface="Times New Roman"/>
              </a:rPr>
              <a:t>◦ Blodprøver</a:t>
            </a:r>
          </a:p>
          <a:p>
            <a:pPr>
              <a:spcAft>
                <a:spcPts val="0"/>
              </a:spcAft>
            </a:pPr>
            <a:r>
              <a:rPr lang="da-DK" sz="1100" dirty="0">
                <a:effectLst/>
                <a:latin typeface="Calibri"/>
                <a:ea typeface="Calibri"/>
                <a:cs typeface="Times New Roman"/>
              </a:rPr>
              <a:t>◦ </a:t>
            </a:r>
            <a:r>
              <a:rPr lang="da-DK" sz="1000" dirty="0">
                <a:effectLst/>
                <a:latin typeface="Calibri"/>
                <a:ea typeface="Calibri"/>
                <a:cs typeface="Times New Roman"/>
              </a:rPr>
              <a:t>EKG</a:t>
            </a:r>
            <a:endParaRPr lang="da-DK" sz="1100" dirty="0">
              <a:effectLst/>
              <a:latin typeface="Calibri"/>
              <a:ea typeface="Calibri"/>
              <a:cs typeface="Times New Roman"/>
            </a:endParaRPr>
          </a:p>
          <a:p>
            <a:pPr>
              <a:spcAft>
                <a:spcPts val="0"/>
              </a:spcAft>
            </a:pPr>
            <a:r>
              <a:rPr lang="da-DK" sz="1100" dirty="0">
                <a:effectLst/>
                <a:latin typeface="Calibri"/>
                <a:ea typeface="Calibri"/>
                <a:cs typeface="Times New Roman"/>
              </a:rPr>
              <a:t>◦ </a:t>
            </a:r>
            <a:r>
              <a:rPr lang="da-DK" sz="1000" dirty="0">
                <a:effectLst/>
                <a:latin typeface="Calibri"/>
                <a:ea typeface="Calibri"/>
                <a:cs typeface="Times New Roman"/>
              </a:rPr>
              <a:t>CT scanning</a:t>
            </a:r>
            <a:endParaRPr lang="da-DK" sz="1100" dirty="0">
              <a:effectLst/>
              <a:latin typeface="Calibri"/>
              <a:ea typeface="Calibri"/>
              <a:cs typeface="Times New Roman"/>
            </a:endParaRPr>
          </a:p>
        </p:txBody>
      </p:sp>
      <p:sp>
        <p:nvSpPr>
          <p:cNvPr id="11" name="Tekstboks 6">
            <a:extLst>
              <a:ext uri="{FF2B5EF4-FFF2-40B4-BE49-F238E27FC236}">
                <a16:creationId xmlns:a16="http://schemas.microsoft.com/office/drawing/2014/main" id="{1F7A5F50-4848-40A2-A836-126E2260048D}"/>
              </a:ext>
            </a:extLst>
          </p:cNvPr>
          <p:cNvSpPr txBox="1">
            <a:spLocks noChangeArrowheads="1"/>
          </p:cNvSpPr>
          <p:nvPr/>
        </p:nvSpPr>
        <p:spPr bwMode="auto">
          <a:xfrm>
            <a:off x="3248042" y="4026453"/>
            <a:ext cx="1350606" cy="714302"/>
          </a:xfrm>
          <a:prstGeom prst="rect">
            <a:avLst/>
          </a:prstGeom>
          <a:solidFill>
            <a:srgbClr val="FFFF99"/>
          </a:solidFill>
          <a:ln w="12700">
            <a:solidFill>
              <a:srgbClr val="000000"/>
            </a:solidFill>
            <a:prstDash val="dash"/>
            <a:miter lim="800000"/>
            <a:headEnd/>
            <a:tailEnd/>
          </a:ln>
        </p:spPr>
        <p:txBody>
          <a:bodyPr rot="0" vert="horz" wrap="square" lIns="91440" tIns="45720" rIns="91440" bIns="45720" anchor="ctr" anchorCtr="0" upright="1">
            <a:noAutofit/>
          </a:bodyPr>
          <a:lstStyle/>
          <a:p>
            <a:pPr algn="ctr"/>
            <a:r>
              <a:rPr lang="da-DK" sz="1400" b="1" dirty="0">
                <a:effectLst/>
                <a:latin typeface="Calibri"/>
                <a:ea typeface="Calibri"/>
                <a:cs typeface="Times New Roman"/>
              </a:rPr>
              <a:t>Neurokirurgisk behandling</a:t>
            </a:r>
            <a:endParaRPr lang="da-DK" sz="1400" dirty="0">
              <a:effectLst/>
              <a:latin typeface="Calibri"/>
              <a:ea typeface="Calibri"/>
              <a:cs typeface="Times New Roman"/>
            </a:endParaRPr>
          </a:p>
          <a:p>
            <a:pPr algn="ctr"/>
            <a:r>
              <a:rPr lang="da-DK" sz="1000" dirty="0">
                <a:effectLst/>
                <a:latin typeface="Calibri"/>
                <a:ea typeface="Calibri"/>
                <a:cs typeface="Times New Roman"/>
              </a:rPr>
              <a:t>(RH)</a:t>
            </a:r>
            <a:endParaRPr lang="da-DK" sz="1100" dirty="0">
              <a:effectLst/>
              <a:latin typeface="Calibri"/>
              <a:ea typeface="Calibri"/>
              <a:cs typeface="Times New Roman"/>
            </a:endParaRPr>
          </a:p>
        </p:txBody>
      </p:sp>
      <p:sp>
        <p:nvSpPr>
          <p:cNvPr id="12" name="Tekstboks 1">
            <a:extLst>
              <a:ext uri="{FF2B5EF4-FFF2-40B4-BE49-F238E27FC236}">
                <a16:creationId xmlns:a16="http://schemas.microsoft.com/office/drawing/2014/main" id="{606F932D-019B-4DD1-91E0-1EE8E373F973}"/>
              </a:ext>
            </a:extLst>
          </p:cNvPr>
          <p:cNvSpPr txBox="1">
            <a:spLocks noChangeArrowheads="1"/>
          </p:cNvSpPr>
          <p:nvPr/>
        </p:nvSpPr>
        <p:spPr bwMode="auto">
          <a:xfrm>
            <a:off x="7015544" y="1866596"/>
            <a:ext cx="1368152" cy="847591"/>
          </a:xfrm>
          <a:prstGeom prst="rect">
            <a:avLst/>
          </a:prstGeom>
          <a:solidFill>
            <a:schemeClr val="accent1">
              <a:lumMod val="20000"/>
              <a:lumOff val="80000"/>
            </a:schemeClr>
          </a:solidFill>
          <a:ln w="12700">
            <a:solidFill>
              <a:srgbClr val="000000"/>
            </a:solidFill>
            <a:miter lim="800000"/>
            <a:headEnd/>
            <a:tailEnd/>
          </a:ln>
        </p:spPr>
        <p:txBody>
          <a:bodyPr rot="0" vert="horz" wrap="square" lIns="91440" tIns="45720" rIns="91440" bIns="45720" anchor="ctr" anchorCtr="0" upright="1">
            <a:noAutofit/>
          </a:bodyPr>
          <a:lstStyle/>
          <a:p>
            <a:pPr algn="ctr"/>
            <a:r>
              <a:rPr lang="da-DK" b="1" dirty="0">
                <a:effectLst/>
                <a:latin typeface="Calibri"/>
                <a:ea typeface="Calibri"/>
                <a:cs typeface="Times New Roman"/>
              </a:rPr>
              <a:t>Udskrivelse </a:t>
            </a:r>
          </a:p>
          <a:p>
            <a:pPr algn="ctr"/>
            <a:r>
              <a:rPr lang="da-DK" sz="1600" b="1" dirty="0">
                <a:effectLst/>
                <a:latin typeface="Calibri"/>
                <a:ea typeface="Calibri"/>
                <a:cs typeface="Times New Roman"/>
              </a:rPr>
              <a:t>(eget hjem)</a:t>
            </a:r>
          </a:p>
          <a:p>
            <a:pPr algn="ctr"/>
            <a:r>
              <a:rPr lang="da-DK" sz="1100" dirty="0">
                <a:effectLst/>
                <a:latin typeface="Calibri"/>
                <a:ea typeface="Calibri"/>
                <a:cs typeface="Times New Roman"/>
              </a:rPr>
              <a:t>(+/- GOP)</a:t>
            </a:r>
          </a:p>
        </p:txBody>
      </p:sp>
      <p:sp>
        <p:nvSpPr>
          <p:cNvPr id="13" name="Tekstboks 2">
            <a:extLst>
              <a:ext uri="{FF2B5EF4-FFF2-40B4-BE49-F238E27FC236}">
                <a16:creationId xmlns:a16="http://schemas.microsoft.com/office/drawing/2014/main" id="{A2618CD9-E8EE-44A3-9C8F-98352275225D}"/>
              </a:ext>
            </a:extLst>
          </p:cNvPr>
          <p:cNvSpPr txBox="1">
            <a:spLocks noChangeArrowheads="1"/>
          </p:cNvSpPr>
          <p:nvPr/>
        </p:nvSpPr>
        <p:spPr bwMode="auto">
          <a:xfrm>
            <a:off x="7015544" y="2963702"/>
            <a:ext cx="1367790" cy="852347"/>
          </a:xfrm>
          <a:prstGeom prst="rect">
            <a:avLst/>
          </a:prstGeom>
          <a:solidFill>
            <a:srgbClr val="CCFF99"/>
          </a:solidFill>
          <a:ln w="9525">
            <a:solidFill>
              <a:schemeClr val="bg1">
                <a:lumMod val="85000"/>
              </a:schemeClr>
            </a:solidFill>
            <a:miter lim="800000"/>
            <a:headEnd/>
            <a:tailEnd/>
          </a:ln>
        </p:spPr>
        <p:txBody>
          <a:bodyPr rot="0" vert="horz" wrap="square" lIns="91440" tIns="45720" rIns="91440" bIns="45720" anchor="ctr" anchorCtr="0" upright="1">
            <a:noAutofit/>
          </a:bodyPr>
          <a:lstStyle/>
          <a:p>
            <a:pPr algn="ctr"/>
            <a:r>
              <a:rPr lang="da-DK" sz="1200" b="1" dirty="0">
                <a:solidFill>
                  <a:schemeClr val="bg1">
                    <a:lumMod val="65000"/>
                  </a:schemeClr>
                </a:solidFill>
                <a:effectLst/>
                <a:latin typeface="Calibri"/>
                <a:ea typeface="Calibri"/>
                <a:cs typeface="Times New Roman"/>
              </a:rPr>
              <a:t>Specialiseret  rehabilitering</a:t>
            </a:r>
          </a:p>
        </p:txBody>
      </p:sp>
      <p:sp>
        <p:nvSpPr>
          <p:cNvPr id="14" name="Tekstboks 3">
            <a:extLst>
              <a:ext uri="{FF2B5EF4-FFF2-40B4-BE49-F238E27FC236}">
                <a16:creationId xmlns:a16="http://schemas.microsoft.com/office/drawing/2014/main" id="{BE7EBF5B-A398-4A6D-B695-F4873FE892A9}"/>
              </a:ext>
            </a:extLst>
          </p:cNvPr>
          <p:cNvSpPr txBox="1">
            <a:spLocks noChangeArrowheads="1"/>
          </p:cNvSpPr>
          <p:nvPr/>
        </p:nvSpPr>
        <p:spPr bwMode="auto">
          <a:xfrm>
            <a:off x="7022232" y="4065564"/>
            <a:ext cx="1368876" cy="852347"/>
          </a:xfrm>
          <a:prstGeom prst="rect">
            <a:avLst/>
          </a:prstGeom>
          <a:solidFill>
            <a:schemeClr val="accent1">
              <a:lumMod val="20000"/>
              <a:lumOff val="80000"/>
            </a:schemeClr>
          </a:solidFill>
          <a:ln w="9525">
            <a:solidFill>
              <a:schemeClr val="bg1">
                <a:lumMod val="85000"/>
              </a:schemeClr>
            </a:solidFill>
            <a:miter lim="800000"/>
            <a:headEnd/>
            <a:tailEnd/>
          </a:ln>
        </p:spPr>
        <p:txBody>
          <a:bodyPr rot="0" vert="horz" wrap="square" lIns="91440" tIns="45720" rIns="91440" bIns="45720" anchor="ctr" anchorCtr="0" upright="1">
            <a:noAutofit/>
          </a:bodyPr>
          <a:lstStyle/>
          <a:p>
            <a:pPr algn="ctr"/>
            <a:r>
              <a:rPr lang="da-DK" sz="1200" b="1" dirty="0">
                <a:solidFill>
                  <a:schemeClr val="bg1">
                    <a:lumMod val="65000"/>
                  </a:schemeClr>
                </a:solidFill>
                <a:effectLst/>
                <a:latin typeface="Calibri"/>
                <a:ea typeface="Calibri"/>
                <a:cs typeface="Times New Roman"/>
              </a:rPr>
              <a:t>Udskrivelse til pleje/andet</a:t>
            </a:r>
          </a:p>
          <a:p>
            <a:pPr algn="ctr"/>
            <a:r>
              <a:rPr lang="da-DK" sz="1100" dirty="0">
                <a:solidFill>
                  <a:schemeClr val="bg1">
                    <a:lumMod val="65000"/>
                  </a:schemeClr>
                </a:solidFill>
                <a:latin typeface="Calibri"/>
                <a:ea typeface="Calibri"/>
                <a:cs typeface="Times New Roman"/>
              </a:rPr>
              <a:t>(+/- GOP)</a:t>
            </a:r>
          </a:p>
        </p:txBody>
      </p:sp>
      <p:sp>
        <p:nvSpPr>
          <p:cNvPr id="15" name="Tekstboks 5">
            <a:extLst>
              <a:ext uri="{FF2B5EF4-FFF2-40B4-BE49-F238E27FC236}">
                <a16:creationId xmlns:a16="http://schemas.microsoft.com/office/drawing/2014/main" id="{79D4826C-FF34-4043-B8FD-1D6D765BF3A7}"/>
              </a:ext>
            </a:extLst>
          </p:cNvPr>
          <p:cNvSpPr txBox="1">
            <a:spLocks noChangeArrowheads="1"/>
          </p:cNvSpPr>
          <p:nvPr/>
        </p:nvSpPr>
        <p:spPr bwMode="auto">
          <a:xfrm>
            <a:off x="5062712" y="1862406"/>
            <a:ext cx="1735622" cy="3055505"/>
          </a:xfrm>
          <a:prstGeom prst="rect">
            <a:avLst/>
          </a:prstGeom>
          <a:solidFill>
            <a:srgbClr val="CCFF99"/>
          </a:solidFill>
          <a:ln w="12700">
            <a:solidFill>
              <a:schemeClr val="tx1"/>
            </a:solidFill>
            <a:miter lim="800000"/>
            <a:headEnd/>
            <a:tailEnd/>
          </a:ln>
        </p:spPr>
        <p:txBody>
          <a:bodyPr rot="0" vert="horz" wrap="square" lIns="91440" tIns="45720" rIns="91440" bIns="45720" anchor="t" anchorCtr="0" upright="1">
            <a:noAutofit/>
          </a:bodyPr>
          <a:lstStyle/>
          <a:p>
            <a:pPr algn="ctr">
              <a:spcAft>
                <a:spcPts val="600"/>
              </a:spcAft>
            </a:pPr>
            <a:r>
              <a:rPr lang="da-DK" sz="1600" b="1" dirty="0">
                <a:effectLst/>
                <a:latin typeface="Calibri"/>
                <a:ea typeface="Calibri"/>
                <a:cs typeface="Times New Roman"/>
              </a:rPr>
              <a:t>Apopleksi afsnit</a:t>
            </a:r>
          </a:p>
          <a:p>
            <a:pPr>
              <a:spcAft>
                <a:spcPts val="600"/>
              </a:spcAft>
            </a:pPr>
            <a:r>
              <a:rPr lang="da-DK" sz="1400" b="1" dirty="0">
                <a:latin typeface="Calibri"/>
                <a:ea typeface="Calibri"/>
                <a:cs typeface="Times New Roman"/>
              </a:rPr>
              <a:t>Behandling</a:t>
            </a:r>
            <a:endParaRPr lang="da-DK" sz="1400" dirty="0">
              <a:latin typeface="Calibri"/>
              <a:ea typeface="Calibri"/>
              <a:cs typeface="Times New Roman"/>
            </a:endParaRPr>
          </a:p>
          <a:p>
            <a:pPr>
              <a:spcAft>
                <a:spcPts val="600"/>
              </a:spcAft>
            </a:pPr>
            <a:r>
              <a:rPr lang="da-DK" sz="1400" b="1" dirty="0">
                <a:latin typeface="Calibri"/>
                <a:ea typeface="Calibri"/>
                <a:cs typeface="Times New Roman"/>
              </a:rPr>
              <a:t>Vurdering af risikofaktorer</a:t>
            </a:r>
            <a:endParaRPr lang="da-DK" sz="1400" dirty="0">
              <a:latin typeface="Calibri"/>
              <a:ea typeface="Calibri"/>
              <a:cs typeface="Times New Roman"/>
            </a:endParaRPr>
          </a:p>
          <a:p>
            <a:pPr>
              <a:spcAft>
                <a:spcPts val="600"/>
              </a:spcAft>
            </a:pPr>
            <a:r>
              <a:rPr lang="da-DK" sz="1400" b="1" dirty="0">
                <a:latin typeface="Calibri"/>
                <a:ea typeface="Calibri"/>
                <a:cs typeface="Times New Roman"/>
              </a:rPr>
              <a:t>Sekundær profylakse</a:t>
            </a:r>
            <a:endParaRPr lang="da-DK" sz="1400" dirty="0">
              <a:latin typeface="Calibri"/>
              <a:ea typeface="Calibri"/>
              <a:cs typeface="Times New Roman"/>
            </a:endParaRPr>
          </a:p>
          <a:p>
            <a:pPr>
              <a:spcAft>
                <a:spcPts val="0"/>
              </a:spcAft>
            </a:pPr>
            <a:r>
              <a:rPr lang="da-DK" sz="1400" b="1" dirty="0">
                <a:latin typeface="Calibri"/>
                <a:ea typeface="Calibri"/>
                <a:cs typeface="Times New Roman"/>
              </a:rPr>
              <a:t>Terapeutisk vurdering/ rehabiliteringsbehov</a:t>
            </a:r>
          </a:p>
          <a:p>
            <a:pPr>
              <a:spcAft>
                <a:spcPts val="0"/>
              </a:spcAft>
            </a:pPr>
            <a:r>
              <a:rPr lang="da-DK" sz="1400" dirty="0">
                <a:latin typeface="Calibri"/>
                <a:ea typeface="Calibri"/>
                <a:cs typeface="Times New Roman"/>
              </a:rPr>
              <a:t>◦ Fysioterapi</a:t>
            </a:r>
          </a:p>
          <a:p>
            <a:pPr>
              <a:spcAft>
                <a:spcPts val="0"/>
              </a:spcAft>
            </a:pPr>
            <a:r>
              <a:rPr lang="da-DK" sz="1400" dirty="0">
                <a:latin typeface="Calibri"/>
                <a:ea typeface="Calibri"/>
                <a:cs typeface="Times New Roman"/>
              </a:rPr>
              <a:t>◦ Ergoterapi</a:t>
            </a:r>
          </a:p>
          <a:p>
            <a:pPr>
              <a:spcAft>
                <a:spcPts val="0"/>
              </a:spcAft>
            </a:pPr>
            <a:r>
              <a:rPr lang="da-DK" sz="1400" dirty="0">
                <a:latin typeface="Calibri"/>
                <a:ea typeface="Calibri"/>
                <a:cs typeface="Times New Roman"/>
              </a:rPr>
              <a:t>◦ Logopæd</a:t>
            </a:r>
          </a:p>
          <a:p>
            <a:pPr>
              <a:spcAft>
                <a:spcPts val="0"/>
              </a:spcAft>
            </a:pPr>
            <a:r>
              <a:rPr lang="da-DK" sz="1400" dirty="0">
                <a:latin typeface="Calibri"/>
                <a:ea typeface="Calibri"/>
                <a:cs typeface="Times New Roman"/>
              </a:rPr>
              <a:t>◦ Neuropsykolog</a:t>
            </a:r>
          </a:p>
          <a:p>
            <a:pPr>
              <a:spcAft>
                <a:spcPts val="0"/>
              </a:spcAft>
            </a:pPr>
            <a:endParaRPr lang="da-DK" sz="1100" dirty="0">
              <a:effectLst/>
              <a:latin typeface="Calibri"/>
              <a:ea typeface="Calibri"/>
              <a:cs typeface="Times New Roman"/>
            </a:endParaRPr>
          </a:p>
          <a:p>
            <a:pPr>
              <a:spcAft>
                <a:spcPts val="0"/>
              </a:spcAft>
            </a:pPr>
            <a:endParaRPr lang="da-DK" sz="1100" dirty="0">
              <a:effectLst/>
              <a:latin typeface="Calibri"/>
              <a:ea typeface="Calibri"/>
              <a:cs typeface="Times New Roman"/>
            </a:endParaRPr>
          </a:p>
          <a:p>
            <a:pPr>
              <a:spcAft>
                <a:spcPts val="0"/>
              </a:spcAft>
            </a:pPr>
            <a:endParaRPr lang="da-DK" sz="1100" dirty="0">
              <a:effectLst/>
              <a:latin typeface="Calibri"/>
              <a:ea typeface="Calibri"/>
              <a:cs typeface="Times New Roman"/>
            </a:endParaRPr>
          </a:p>
        </p:txBody>
      </p:sp>
      <p:cxnSp>
        <p:nvCxnSpPr>
          <p:cNvPr id="16" name="AutoShape 3">
            <a:extLst>
              <a:ext uri="{FF2B5EF4-FFF2-40B4-BE49-F238E27FC236}">
                <a16:creationId xmlns:a16="http://schemas.microsoft.com/office/drawing/2014/main" id="{7FC4B384-83E6-4AC4-A4A7-26EE546EDDCE}"/>
              </a:ext>
            </a:extLst>
          </p:cNvPr>
          <p:cNvCxnSpPr>
            <a:cxnSpLocks noChangeShapeType="1"/>
          </p:cNvCxnSpPr>
          <p:nvPr/>
        </p:nvCxnSpPr>
        <p:spPr bwMode="auto">
          <a:xfrm>
            <a:off x="2752715" y="2469517"/>
            <a:ext cx="0" cy="1918065"/>
          </a:xfrm>
          <a:prstGeom prst="straightConnector1">
            <a:avLst/>
          </a:prstGeom>
          <a:noFill/>
          <a:ln w="9525">
            <a:solidFill>
              <a:srgbClr val="000000"/>
            </a:solidFill>
            <a:round/>
            <a:headEnd/>
            <a:tailEnd/>
          </a:ln>
          <a:extLst>
            <a:ext uri="{909E8E84-426E-40DD-AFC4-6F175D3DCCD1}">
              <a14:hiddenFill xmlns:a14="http://schemas.microsoft.com/office/drawing/2010/main">
                <a:noFill/>
              </a14:hiddenFill>
            </a:ext>
          </a:extLst>
        </p:spPr>
      </p:cxnSp>
      <p:cxnSp>
        <p:nvCxnSpPr>
          <p:cNvPr id="17" name="AutoShape 4">
            <a:extLst>
              <a:ext uri="{FF2B5EF4-FFF2-40B4-BE49-F238E27FC236}">
                <a16:creationId xmlns:a16="http://schemas.microsoft.com/office/drawing/2014/main" id="{49DAF0AA-7C74-4183-AED4-2AE71E93E287}"/>
              </a:ext>
            </a:extLst>
          </p:cNvPr>
          <p:cNvCxnSpPr>
            <a:cxnSpLocks noChangeShapeType="1"/>
            <a:endCxn id="9" idx="1"/>
          </p:cNvCxnSpPr>
          <p:nvPr/>
        </p:nvCxnSpPr>
        <p:spPr bwMode="auto">
          <a:xfrm>
            <a:off x="2752715" y="3518263"/>
            <a:ext cx="488243" cy="0"/>
          </a:xfrm>
          <a:prstGeom prst="straightConnector1">
            <a:avLst/>
          </a:prstGeom>
          <a:noFill/>
          <a:ln w="9525">
            <a:solidFill>
              <a:srgbClr val="000000"/>
            </a:solidFill>
            <a:prstDash val="dash"/>
            <a:round/>
            <a:headEnd/>
            <a:tailEnd type="triangle" w="med" len="med"/>
          </a:ln>
          <a:extLst>
            <a:ext uri="{909E8E84-426E-40DD-AFC4-6F175D3DCCD1}">
              <a14:hiddenFill xmlns:a14="http://schemas.microsoft.com/office/drawing/2010/main">
                <a:noFill/>
              </a14:hiddenFill>
            </a:ext>
          </a:extLst>
        </p:spPr>
      </p:cxnSp>
      <p:cxnSp>
        <p:nvCxnSpPr>
          <p:cNvPr id="18" name="AutoShape 4">
            <a:extLst>
              <a:ext uri="{FF2B5EF4-FFF2-40B4-BE49-F238E27FC236}">
                <a16:creationId xmlns:a16="http://schemas.microsoft.com/office/drawing/2014/main" id="{789BBA76-A864-4FBC-9153-1B3FE91ADB98}"/>
              </a:ext>
            </a:extLst>
          </p:cNvPr>
          <p:cNvCxnSpPr>
            <a:cxnSpLocks noChangeShapeType="1"/>
            <a:endCxn id="11" idx="1"/>
          </p:cNvCxnSpPr>
          <p:nvPr/>
        </p:nvCxnSpPr>
        <p:spPr bwMode="auto">
          <a:xfrm>
            <a:off x="2752715" y="4382578"/>
            <a:ext cx="495327" cy="1026"/>
          </a:xfrm>
          <a:prstGeom prst="straightConnector1">
            <a:avLst/>
          </a:prstGeom>
          <a:noFill/>
          <a:ln w="9525">
            <a:solidFill>
              <a:srgbClr val="000000"/>
            </a:solidFill>
            <a:prstDash val="dash"/>
            <a:round/>
            <a:headEnd/>
            <a:tailEnd type="triangle" w="med" len="med"/>
          </a:ln>
          <a:extLst>
            <a:ext uri="{909E8E84-426E-40DD-AFC4-6F175D3DCCD1}">
              <a14:hiddenFill xmlns:a14="http://schemas.microsoft.com/office/drawing/2010/main">
                <a:noFill/>
              </a14:hiddenFill>
            </a:ext>
          </a:extLst>
        </p:spPr>
      </p:cxnSp>
      <p:cxnSp>
        <p:nvCxnSpPr>
          <p:cNvPr id="19" name="AutoShape 5">
            <a:extLst>
              <a:ext uri="{FF2B5EF4-FFF2-40B4-BE49-F238E27FC236}">
                <a16:creationId xmlns:a16="http://schemas.microsoft.com/office/drawing/2014/main" id="{7716D526-6E21-43DB-96C3-0023729D8691}"/>
              </a:ext>
            </a:extLst>
          </p:cNvPr>
          <p:cNvCxnSpPr>
            <a:cxnSpLocks noChangeShapeType="1"/>
            <a:endCxn id="10" idx="1"/>
          </p:cNvCxnSpPr>
          <p:nvPr/>
        </p:nvCxnSpPr>
        <p:spPr bwMode="auto">
          <a:xfrm>
            <a:off x="2752715" y="2469518"/>
            <a:ext cx="262985" cy="0"/>
          </a:xfrm>
          <a:prstGeom prst="straightConnector1">
            <a:avLst/>
          </a:prstGeom>
          <a:noFill/>
          <a:ln w="19050">
            <a:solidFill>
              <a:srgbClr val="000000"/>
            </a:solidFill>
            <a:round/>
            <a:headEnd/>
            <a:tailEnd type="triangle" w="med" len="med"/>
          </a:ln>
          <a:extLst>
            <a:ext uri="{909E8E84-426E-40DD-AFC4-6F175D3DCCD1}">
              <a14:hiddenFill xmlns:a14="http://schemas.microsoft.com/office/drawing/2010/main">
                <a:noFill/>
              </a14:hiddenFill>
            </a:ext>
          </a:extLst>
        </p:spPr>
      </p:cxnSp>
      <p:cxnSp>
        <p:nvCxnSpPr>
          <p:cNvPr id="20" name="AutoShape 3">
            <a:extLst>
              <a:ext uri="{FF2B5EF4-FFF2-40B4-BE49-F238E27FC236}">
                <a16:creationId xmlns:a16="http://schemas.microsoft.com/office/drawing/2014/main" id="{C7F8C9A3-F4EC-4D03-8775-63AC303829A5}"/>
              </a:ext>
            </a:extLst>
          </p:cNvPr>
          <p:cNvCxnSpPr>
            <a:cxnSpLocks noChangeShapeType="1"/>
          </p:cNvCxnSpPr>
          <p:nvPr/>
        </p:nvCxnSpPr>
        <p:spPr bwMode="auto">
          <a:xfrm>
            <a:off x="2462339" y="2130393"/>
            <a:ext cx="0" cy="1468922"/>
          </a:xfrm>
          <a:prstGeom prst="straightConnector1">
            <a:avLst/>
          </a:prstGeom>
          <a:noFill/>
          <a:ln w="19050">
            <a:solidFill>
              <a:srgbClr val="000000"/>
            </a:solidFill>
            <a:round/>
            <a:headEnd/>
            <a:tailEnd/>
          </a:ln>
          <a:extLst>
            <a:ext uri="{909E8E84-426E-40DD-AFC4-6F175D3DCCD1}">
              <a14:hiddenFill xmlns:a14="http://schemas.microsoft.com/office/drawing/2010/main">
                <a:noFill/>
              </a14:hiddenFill>
            </a:ext>
          </a:extLst>
        </p:spPr>
      </p:cxnSp>
      <p:cxnSp>
        <p:nvCxnSpPr>
          <p:cNvPr id="21" name="AutoShape 5">
            <a:extLst>
              <a:ext uri="{FF2B5EF4-FFF2-40B4-BE49-F238E27FC236}">
                <a16:creationId xmlns:a16="http://schemas.microsoft.com/office/drawing/2014/main" id="{D2368BDE-2150-4D31-9C26-7CE43407D592}"/>
              </a:ext>
            </a:extLst>
          </p:cNvPr>
          <p:cNvCxnSpPr>
            <a:cxnSpLocks noChangeShapeType="1"/>
            <a:stCxn id="7" idx="3"/>
          </p:cNvCxnSpPr>
          <p:nvPr/>
        </p:nvCxnSpPr>
        <p:spPr bwMode="auto">
          <a:xfrm>
            <a:off x="2264102" y="2874058"/>
            <a:ext cx="488613" cy="0"/>
          </a:xfrm>
          <a:prstGeom prst="straightConnector1">
            <a:avLst/>
          </a:prstGeom>
          <a:noFill/>
          <a:ln w="19050">
            <a:solidFill>
              <a:srgbClr val="000000"/>
            </a:solidFill>
            <a:round/>
            <a:headEnd/>
            <a:tailEnd type="triangle" w="med" len="med"/>
          </a:ln>
          <a:extLst>
            <a:ext uri="{909E8E84-426E-40DD-AFC4-6F175D3DCCD1}">
              <a14:hiddenFill xmlns:a14="http://schemas.microsoft.com/office/drawing/2010/main">
                <a:noFill/>
              </a14:hiddenFill>
            </a:ext>
          </a:extLst>
        </p:spPr>
      </p:cxnSp>
      <p:cxnSp>
        <p:nvCxnSpPr>
          <p:cNvPr id="22" name="AutoShape 5">
            <a:extLst>
              <a:ext uri="{FF2B5EF4-FFF2-40B4-BE49-F238E27FC236}">
                <a16:creationId xmlns:a16="http://schemas.microsoft.com/office/drawing/2014/main" id="{F3C45CE5-B8C4-4C15-8453-EA04D113E0A9}"/>
              </a:ext>
            </a:extLst>
          </p:cNvPr>
          <p:cNvCxnSpPr>
            <a:cxnSpLocks noChangeShapeType="1"/>
          </p:cNvCxnSpPr>
          <p:nvPr/>
        </p:nvCxnSpPr>
        <p:spPr bwMode="auto">
          <a:xfrm>
            <a:off x="2264102" y="2130393"/>
            <a:ext cx="198237" cy="0"/>
          </a:xfrm>
          <a:prstGeom prst="straightConnector1">
            <a:avLst/>
          </a:prstGeom>
          <a:noFill/>
          <a:ln w="19050">
            <a:solidFill>
              <a:srgbClr val="000000"/>
            </a:solidFill>
            <a:round/>
            <a:headEnd/>
            <a:tailEnd type="none" w="med" len="med"/>
          </a:ln>
          <a:extLst>
            <a:ext uri="{909E8E84-426E-40DD-AFC4-6F175D3DCCD1}">
              <a14:hiddenFill xmlns:a14="http://schemas.microsoft.com/office/drawing/2010/main">
                <a:noFill/>
              </a14:hiddenFill>
            </a:ext>
          </a:extLst>
        </p:spPr>
      </p:cxnSp>
      <p:cxnSp>
        <p:nvCxnSpPr>
          <p:cNvPr id="23" name="AutoShape 5">
            <a:extLst>
              <a:ext uri="{FF2B5EF4-FFF2-40B4-BE49-F238E27FC236}">
                <a16:creationId xmlns:a16="http://schemas.microsoft.com/office/drawing/2014/main" id="{4579761E-BEA3-4AC1-B677-1C83C5A88CDA}"/>
              </a:ext>
            </a:extLst>
          </p:cNvPr>
          <p:cNvCxnSpPr>
            <a:cxnSpLocks noChangeShapeType="1"/>
          </p:cNvCxnSpPr>
          <p:nvPr/>
        </p:nvCxnSpPr>
        <p:spPr bwMode="auto">
          <a:xfrm>
            <a:off x="2264102" y="3599315"/>
            <a:ext cx="198237" cy="0"/>
          </a:xfrm>
          <a:prstGeom prst="straightConnector1">
            <a:avLst/>
          </a:prstGeom>
          <a:noFill/>
          <a:ln w="19050">
            <a:solidFill>
              <a:srgbClr val="000000"/>
            </a:solidFill>
            <a:round/>
            <a:headEnd/>
            <a:tailEnd type="none" w="med" len="med"/>
          </a:ln>
          <a:extLst>
            <a:ext uri="{909E8E84-426E-40DD-AFC4-6F175D3DCCD1}">
              <a14:hiddenFill xmlns:a14="http://schemas.microsoft.com/office/drawing/2010/main">
                <a:noFill/>
              </a14:hiddenFill>
            </a:ext>
          </a:extLst>
        </p:spPr>
      </p:cxnSp>
      <p:cxnSp>
        <p:nvCxnSpPr>
          <p:cNvPr id="24" name="AutoShape 5">
            <a:extLst>
              <a:ext uri="{FF2B5EF4-FFF2-40B4-BE49-F238E27FC236}">
                <a16:creationId xmlns:a16="http://schemas.microsoft.com/office/drawing/2014/main" id="{C18B3A4E-A781-48A3-A682-3426630BC2F7}"/>
              </a:ext>
            </a:extLst>
          </p:cNvPr>
          <p:cNvCxnSpPr>
            <a:cxnSpLocks noChangeShapeType="1"/>
            <a:stCxn id="10" idx="3"/>
          </p:cNvCxnSpPr>
          <p:nvPr/>
        </p:nvCxnSpPr>
        <p:spPr bwMode="auto">
          <a:xfrm>
            <a:off x="4830409" y="2469518"/>
            <a:ext cx="232303" cy="1"/>
          </a:xfrm>
          <a:prstGeom prst="straightConnector1">
            <a:avLst/>
          </a:prstGeom>
          <a:noFill/>
          <a:ln w="19050">
            <a:solidFill>
              <a:srgbClr val="000000"/>
            </a:solidFill>
            <a:round/>
            <a:headEnd/>
            <a:tailEnd type="triangle" w="med" len="med"/>
          </a:ln>
          <a:extLst>
            <a:ext uri="{909E8E84-426E-40DD-AFC4-6F175D3DCCD1}">
              <a14:hiddenFill xmlns:a14="http://schemas.microsoft.com/office/drawing/2010/main">
                <a:noFill/>
              </a14:hiddenFill>
            </a:ext>
          </a:extLst>
        </p:spPr>
      </p:cxnSp>
      <p:cxnSp>
        <p:nvCxnSpPr>
          <p:cNvPr id="25" name="AutoShape 4">
            <a:extLst>
              <a:ext uri="{FF2B5EF4-FFF2-40B4-BE49-F238E27FC236}">
                <a16:creationId xmlns:a16="http://schemas.microsoft.com/office/drawing/2014/main" id="{53B7BA42-A8F0-4B76-B090-34E779E94155}"/>
              </a:ext>
            </a:extLst>
          </p:cNvPr>
          <p:cNvCxnSpPr>
            <a:cxnSpLocks noChangeShapeType="1"/>
          </p:cNvCxnSpPr>
          <p:nvPr/>
        </p:nvCxnSpPr>
        <p:spPr bwMode="auto">
          <a:xfrm>
            <a:off x="4591563" y="3518262"/>
            <a:ext cx="471149" cy="0"/>
          </a:xfrm>
          <a:prstGeom prst="straightConnector1">
            <a:avLst/>
          </a:prstGeom>
          <a:noFill/>
          <a:ln w="9525">
            <a:solidFill>
              <a:srgbClr val="000000"/>
            </a:solidFill>
            <a:prstDash val="dash"/>
            <a:round/>
            <a:headEnd/>
            <a:tailEnd type="triangle" w="med" len="med"/>
          </a:ln>
          <a:extLst>
            <a:ext uri="{909E8E84-426E-40DD-AFC4-6F175D3DCCD1}">
              <a14:hiddenFill xmlns:a14="http://schemas.microsoft.com/office/drawing/2010/main">
                <a:noFill/>
              </a14:hiddenFill>
            </a:ext>
          </a:extLst>
        </p:spPr>
      </p:cxnSp>
      <p:cxnSp>
        <p:nvCxnSpPr>
          <p:cNvPr id="26" name="AutoShape 4">
            <a:extLst>
              <a:ext uri="{FF2B5EF4-FFF2-40B4-BE49-F238E27FC236}">
                <a16:creationId xmlns:a16="http://schemas.microsoft.com/office/drawing/2014/main" id="{85DEE690-8D11-4C0F-BF9A-860BD19FE308}"/>
              </a:ext>
            </a:extLst>
          </p:cNvPr>
          <p:cNvCxnSpPr>
            <a:cxnSpLocks noChangeShapeType="1"/>
          </p:cNvCxnSpPr>
          <p:nvPr/>
        </p:nvCxnSpPr>
        <p:spPr bwMode="auto">
          <a:xfrm>
            <a:off x="4608696" y="4393486"/>
            <a:ext cx="454016" cy="0"/>
          </a:xfrm>
          <a:prstGeom prst="straightConnector1">
            <a:avLst/>
          </a:prstGeom>
          <a:noFill/>
          <a:ln w="9525">
            <a:solidFill>
              <a:srgbClr val="000000"/>
            </a:solidFill>
            <a:prstDash val="dash"/>
            <a:round/>
            <a:headEnd/>
            <a:tailEnd type="triangle" w="med" len="med"/>
          </a:ln>
          <a:extLst>
            <a:ext uri="{909E8E84-426E-40DD-AFC4-6F175D3DCCD1}">
              <a14:hiddenFill xmlns:a14="http://schemas.microsoft.com/office/drawing/2010/main">
                <a:noFill/>
              </a14:hiddenFill>
            </a:ext>
          </a:extLst>
        </p:spPr>
      </p:cxnSp>
      <p:cxnSp>
        <p:nvCxnSpPr>
          <p:cNvPr id="27" name="AutoShape 5">
            <a:extLst>
              <a:ext uri="{FF2B5EF4-FFF2-40B4-BE49-F238E27FC236}">
                <a16:creationId xmlns:a16="http://schemas.microsoft.com/office/drawing/2014/main" id="{31F9BA7E-4F76-4786-953D-F1507A76F1CB}"/>
              </a:ext>
            </a:extLst>
          </p:cNvPr>
          <p:cNvCxnSpPr>
            <a:cxnSpLocks noChangeShapeType="1"/>
            <a:endCxn id="12" idx="1"/>
          </p:cNvCxnSpPr>
          <p:nvPr/>
        </p:nvCxnSpPr>
        <p:spPr bwMode="auto">
          <a:xfrm>
            <a:off x="6798153" y="2290392"/>
            <a:ext cx="217391" cy="0"/>
          </a:xfrm>
          <a:prstGeom prst="straightConnector1">
            <a:avLst/>
          </a:prstGeom>
          <a:noFill/>
          <a:ln w="19050">
            <a:solidFill>
              <a:srgbClr val="000000"/>
            </a:solidFill>
            <a:round/>
            <a:headEnd/>
            <a:tailEnd type="triangle" w="med" len="med"/>
          </a:ln>
          <a:extLst>
            <a:ext uri="{909E8E84-426E-40DD-AFC4-6F175D3DCCD1}">
              <a14:hiddenFill xmlns:a14="http://schemas.microsoft.com/office/drawing/2010/main">
                <a:noFill/>
              </a14:hiddenFill>
            </a:ext>
          </a:extLst>
        </p:spPr>
      </p:cxnSp>
      <p:cxnSp>
        <p:nvCxnSpPr>
          <p:cNvPr id="28" name="AutoShape 5">
            <a:extLst>
              <a:ext uri="{FF2B5EF4-FFF2-40B4-BE49-F238E27FC236}">
                <a16:creationId xmlns:a16="http://schemas.microsoft.com/office/drawing/2014/main" id="{1E669889-1228-43CD-BB0E-A661499B53D7}"/>
              </a:ext>
            </a:extLst>
          </p:cNvPr>
          <p:cNvCxnSpPr>
            <a:cxnSpLocks noChangeShapeType="1"/>
            <a:stCxn id="15" idx="3"/>
            <a:endCxn id="13" idx="1"/>
          </p:cNvCxnSpPr>
          <p:nvPr/>
        </p:nvCxnSpPr>
        <p:spPr bwMode="auto">
          <a:xfrm flipV="1">
            <a:off x="6798334" y="3389876"/>
            <a:ext cx="217210" cy="283"/>
          </a:xfrm>
          <a:prstGeom prst="straightConnector1">
            <a:avLst/>
          </a:prstGeom>
          <a:noFill/>
          <a:ln w="9525">
            <a:solidFill>
              <a:schemeClr val="bg1">
                <a:lumMod val="75000"/>
              </a:schemeClr>
            </a:solidFill>
            <a:round/>
            <a:headEnd/>
            <a:tailEnd type="triangle" w="med" len="med"/>
          </a:ln>
          <a:extLst>
            <a:ext uri="{909E8E84-426E-40DD-AFC4-6F175D3DCCD1}">
              <a14:hiddenFill xmlns:a14="http://schemas.microsoft.com/office/drawing/2010/main">
                <a:noFill/>
              </a14:hiddenFill>
            </a:ext>
          </a:extLst>
        </p:spPr>
      </p:cxnSp>
      <p:cxnSp>
        <p:nvCxnSpPr>
          <p:cNvPr id="29" name="AutoShape 5">
            <a:extLst>
              <a:ext uri="{FF2B5EF4-FFF2-40B4-BE49-F238E27FC236}">
                <a16:creationId xmlns:a16="http://schemas.microsoft.com/office/drawing/2014/main" id="{5468AB68-8367-4CE5-940E-933996C65762}"/>
              </a:ext>
            </a:extLst>
          </p:cNvPr>
          <p:cNvCxnSpPr>
            <a:cxnSpLocks noChangeShapeType="1"/>
          </p:cNvCxnSpPr>
          <p:nvPr/>
        </p:nvCxnSpPr>
        <p:spPr bwMode="auto">
          <a:xfrm>
            <a:off x="6798153" y="4541609"/>
            <a:ext cx="223526" cy="0"/>
          </a:xfrm>
          <a:prstGeom prst="straightConnector1">
            <a:avLst/>
          </a:prstGeom>
          <a:noFill/>
          <a:ln w="9525">
            <a:solidFill>
              <a:schemeClr val="bg1">
                <a:lumMod val="75000"/>
              </a:schemeClr>
            </a:solidFill>
            <a:round/>
            <a:headEnd/>
            <a:tailEnd type="triangle" w="med" len="med"/>
          </a:ln>
          <a:extLst>
            <a:ext uri="{909E8E84-426E-40DD-AFC4-6F175D3DCCD1}">
              <a14:hiddenFill xmlns:a14="http://schemas.microsoft.com/office/drawing/2010/main">
                <a:noFill/>
              </a14:hiddenFill>
            </a:ext>
          </a:extLst>
        </p:spPr>
      </p:cxnSp>
      <p:cxnSp>
        <p:nvCxnSpPr>
          <p:cNvPr id="30" name="AutoShape 4">
            <a:extLst>
              <a:ext uri="{FF2B5EF4-FFF2-40B4-BE49-F238E27FC236}">
                <a16:creationId xmlns:a16="http://schemas.microsoft.com/office/drawing/2014/main" id="{80E9F02A-4268-4DF9-803D-55FE5D1A9D4D}"/>
              </a:ext>
            </a:extLst>
          </p:cNvPr>
          <p:cNvCxnSpPr>
            <a:cxnSpLocks noChangeShapeType="1"/>
            <a:stCxn id="13" idx="0"/>
            <a:endCxn id="12" idx="2"/>
          </p:cNvCxnSpPr>
          <p:nvPr/>
        </p:nvCxnSpPr>
        <p:spPr bwMode="auto">
          <a:xfrm flipV="1">
            <a:off x="7699439" y="2714187"/>
            <a:ext cx="181" cy="249515"/>
          </a:xfrm>
          <a:prstGeom prst="straightConnector1">
            <a:avLst/>
          </a:prstGeom>
          <a:noFill/>
          <a:ln w="9525">
            <a:solidFill>
              <a:schemeClr val="bg1">
                <a:lumMod val="75000"/>
              </a:schemeClr>
            </a:solidFill>
            <a:prstDash val="dash"/>
            <a:round/>
            <a:headEnd/>
            <a:tailEnd type="triangle" w="med" len="med"/>
          </a:ln>
          <a:extLst>
            <a:ext uri="{909E8E84-426E-40DD-AFC4-6F175D3DCCD1}">
              <a14:hiddenFill xmlns:a14="http://schemas.microsoft.com/office/drawing/2010/main">
                <a:noFill/>
              </a14:hiddenFill>
            </a:ext>
          </a:extLst>
        </p:spPr>
      </p:cxnSp>
      <p:cxnSp>
        <p:nvCxnSpPr>
          <p:cNvPr id="31" name="AutoShape 4">
            <a:extLst>
              <a:ext uri="{FF2B5EF4-FFF2-40B4-BE49-F238E27FC236}">
                <a16:creationId xmlns:a16="http://schemas.microsoft.com/office/drawing/2014/main" id="{8E5C532D-9E76-47A7-B0C2-50323061C6F4}"/>
              </a:ext>
            </a:extLst>
          </p:cNvPr>
          <p:cNvCxnSpPr>
            <a:cxnSpLocks noChangeShapeType="1"/>
            <a:stCxn id="13" idx="2"/>
            <a:endCxn id="14" idx="0"/>
          </p:cNvCxnSpPr>
          <p:nvPr/>
        </p:nvCxnSpPr>
        <p:spPr bwMode="auto">
          <a:xfrm>
            <a:off x="7699439" y="3816049"/>
            <a:ext cx="7231" cy="249515"/>
          </a:xfrm>
          <a:prstGeom prst="straightConnector1">
            <a:avLst/>
          </a:prstGeom>
          <a:noFill/>
          <a:ln w="9525">
            <a:solidFill>
              <a:schemeClr val="bg1">
                <a:lumMod val="75000"/>
              </a:schemeClr>
            </a:solidFill>
            <a:prstDash val="dash"/>
            <a:round/>
            <a:headEnd/>
            <a:tailEnd type="triangle" w="med" len="med"/>
          </a:ln>
          <a:extLst>
            <a:ext uri="{909E8E84-426E-40DD-AFC4-6F175D3DCCD1}">
              <a14:hiddenFill xmlns:a14="http://schemas.microsoft.com/office/drawing/2010/main">
                <a:noFill/>
              </a14:hiddenFill>
            </a:ext>
          </a:extLst>
        </p:spPr>
      </p:cxnSp>
      <p:sp>
        <p:nvSpPr>
          <p:cNvPr id="32" name="Tekstboks 32">
            <a:extLst>
              <a:ext uri="{FF2B5EF4-FFF2-40B4-BE49-F238E27FC236}">
                <a16:creationId xmlns:a16="http://schemas.microsoft.com/office/drawing/2014/main" id="{4DD73A76-CE71-488D-9DF0-FB1BD18C7594}"/>
              </a:ext>
            </a:extLst>
          </p:cNvPr>
          <p:cNvSpPr txBox="1"/>
          <p:nvPr/>
        </p:nvSpPr>
        <p:spPr>
          <a:xfrm>
            <a:off x="933434" y="1480383"/>
            <a:ext cx="1339215" cy="369332"/>
          </a:xfrm>
          <a:prstGeom prst="rect">
            <a:avLst/>
          </a:prstGeom>
          <a:noFill/>
        </p:spPr>
        <p:txBody>
          <a:bodyPr wrap="square" rtlCol="0">
            <a:spAutoFit/>
          </a:bodyPr>
          <a:lstStyle/>
          <a:p>
            <a:pPr algn="ctr"/>
            <a:r>
              <a:rPr lang="da-DK" dirty="0"/>
              <a:t>Henvisning</a:t>
            </a:r>
          </a:p>
        </p:txBody>
      </p:sp>
      <p:sp>
        <p:nvSpPr>
          <p:cNvPr id="33" name="Tekstboks 33">
            <a:extLst>
              <a:ext uri="{FF2B5EF4-FFF2-40B4-BE49-F238E27FC236}">
                <a16:creationId xmlns:a16="http://schemas.microsoft.com/office/drawing/2014/main" id="{50537118-A3D1-4112-8234-C3F7A4CF0E15}"/>
              </a:ext>
            </a:extLst>
          </p:cNvPr>
          <p:cNvSpPr txBox="1"/>
          <p:nvPr/>
        </p:nvSpPr>
        <p:spPr>
          <a:xfrm>
            <a:off x="3098621" y="1458743"/>
            <a:ext cx="1683642" cy="369332"/>
          </a:xfrm>
          <a:prstGeom prst="rect">
            <a:avLst/>
          </a:prstGeom>
          <a:noFill/>
        </p:spPr>
        <p:txBody>
          <a:bodyPr wrap="square" rtlCol="0">
            <a:spAutoFit/>
          </a:bodyPr>
          <a:lstStyle/>
          <a:p>
            <a:pPr algn="ctr"/>
            <a:r>
              <a:rPr lang="da-DK" dirty="0"/>
              <a:t>Indlæggelse</a:t>
            </a:r>
          </a:p>
        </p:txBody>
      </p:sp>
      <p:sp>
        <p:nvSpPr>
          <p:cNvPr id="34" name="Tekstboks 34">
            <a:extLst>
              <a:ext uri="{FF2B5EF4-FFF2-40B4-BE49-F238E27FC236}">
                <a16:creationId xmlns:a16="http://schemas.microsoft.com/office/drawing/2014/main" id="{7E2D25B1-CD87-4C89-8774-7115F1150E99}"/>
              </a:ext>
            </a:extLst>
          </p:cNvPr>
          <p:cNvSpPr txBox="1"/>
          <p:nvPr/>
        </p:nvSpPr>
        <p:spPr>
          <a:xfrm>
            <a:off x="6948264" y="1480383"/>
            <a:ext cx="1584176" cy="369332"/>
          </a:xfrm>
          <a:prstGeom prst="rect">
            <a:avLst/>
          </a:prstGeom>
          <a:noFill/>
        </p:spPr>
        <p:txBody>
          <a:bodyPr wrap="square" rtlCol="0">
            <a:spAutoFit/>
          </a:bodyPr>
          <a:lstStyle/>
          <a:p>
            <a:pPr algn="ctr"/>
            <a:r>
              <a:rPr lang="da-DK" dirty="0"/>
              <a:t>Rehabilitering</a:t>
            </a:r>
          </a:p>
        </p:txBody>
      </p:sp>
      <p:sp>
        <p:nvSpPr>
          <p:cNvPr id="35" name="Tekstboks 35">
            <a:extLst>
              <a:ext uri="{FF2B5EF4-FFF2-40B4-BE49-F238E27FC236}">
                <a16:creationId xmlns:a16="http://schemas.microsoft.com/office/drawing/2014/main" id="{FAD4E797-13F4-4484-ACFA-BE1B0C7BA0C2}"/>
              </a:ext>
            </a:extLst>
          </p:cNvPr>
          <p:cNvSpPr txBox="1"/>
          <p:nvPr/>
        </p:nvSpPr>
        <p:spPr>
          <a:xfrm>
            <a:off x="5023723" y="1467567"/>
            <a:ext cx="1774430" cy="369332"/>
          </a:xfrm>
          <a:prstGeom prst="rect">
            <a:avLst/>
          </a:prstGeom>
          <a:noFill/>
        </p:spPr>
        <p:txBody>
          <a:bodyPr wrap="square" rtlCol="0">
            <a:spAutoFit/>
          </a:bodyPr>
          <a:lstStyle/>
          <a:p>
            <a:pPr algn="ctr"/>
            <a:r>
              <a:rPr lang="da-DK" dirty="0"/>
              <a:t>Vurdering</a:t>
            </a:r>
          </a:p>
        </p:txBody>
      </p:sp>
      <p:graphicFrame>
        <p:nvGraphicFramePr>
          <p:cNvPr id="36" name="Tabel 35">
            <a:extLst>
              <a:ext uri="{FF2B5EF4-FFF2-40B4-BE49-F238E27FC236}">
                <a16:creationId xmlns:a16="http://schemas.microsoft.com/office/drawing/2014/main" id="{8089F721-67D0-43C8-A904-B9249E60D5ED}"/>
              </a:ext>
            </a:extLst>
          </p:cNvPr>
          <p:cNvGraphicFramePr>
            <a:graphicFrameLocks noGrp="1"/>
          </p:cNvGraphicFramePr>
          <p:nvPr>
            <p:extLst>
              <p:ext uri="{D42A27DB-BD31-4B8C-83A1-F6EECF244321}">
                <p14:modId xmlns:p14="http://schemas.microsoft.com/office/powerpoint/2010/main" val="882575940"/>
              </p:ext>
            </p:extLst>
          </p:nvPr>
        </p:nvGraphicFramePr>
        <p:xfrm>
          <a:off x="3682571" y="5085183"/>
          <a:ext cx="2113565" cy="1008111"/>
        </p:xfrm>
        <a:graphic>
          <a:graphicData uri="http://schemas.openxmlformats.org/drawingml/2006/table">
            <a:tbl>
              <a:tblPr firstRow="1" bandRow="1">
                <a:tableStyleId>{5C22544A-7EE6-4342-B048-85BDC9FD1C3A}</a:tableStyleId>
              </a:tblPr>
              <a:tblGrid>
                <a:gridCol w="2113565">
                  <a:extLst>
                    <a:ext uri="{9D8B030D-6E8A-4147-A177-3AD203B41FA5}">
                      <a16:colId xmlns:a16="http://schemas.microsoft.com/office/drawing/2014/main" val="20000"/>
                    </a:ext>
                  </a:extLst>
                </a:gridCol>
              </a:tblGrid>
              <a:tr h="336037">
                <a:tc>
                  <a:txBody>
                    <a:bodyPr/>
                    <a:lstStyle/>
                    <a:p>
                      <a:r>
                        <a:rPr lang="da-DK" sz="1400" b="0" dirty="0">
                          <a:solidFill>
                            <a:schemeClr val="tx1"/>
                          </a:solidFill>
                          <a:latin typeface="Calibri" panose="020F0502020204030204" pitchFamily="34" charset="0"/>
                        </a:rPr>
                        <a:t>Udenfor hospitalet</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336037">
                <a:tc>
                  <a:txBody>
                    <a:bodyPr/>
                    <a:lstStyle/>
                    <a:p>
                      <a:r>
                        <a:rPr lang="da-DK" sz="1400" dirty="0">
                          <a:latin typeface="Calibri" panose="020F0502020204030204" pitchFamily="34" charset="0"/>
                        </a:rPr>
                        <a:t>Neurologisk </a:t>
                      </a:r>
                      <a:r>
                        <a:rPr lang="da-DK" sz="1400" dirty="0" err="1">
                          <a:latin typeface="Calibri" panose="020F0502020204030204" pitchFamily="34" charset="0"/>
                        </a:rPr>
                        <a:t>afd</a:t>
                      </a:r>
                      <a:r>
                        <a:rPr lang="da-DK" sz="1400" dirty="0">
                          <a:latin typeface="Calibri" panose="020F0502020204030204" pitchFamily="34" charset="0"/>
                        </a:rPr>
                        <a:t> –  NOH</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CCFF99"/>
                    </a:solidFill>
                  </a:tcPr>
                </a:tc>
                <a:extLst>
                  <a:ext uri="{0D108BD9-81ED-4DB2-BD59-A6C34878D82A}">
                    <a16:rowId xmlns:a16="http://schemas.microsoft.com/office/drawing/2014/main" val="10001"/>
                  </a:ext>
                </a:extLst>
              </a:tr>
              <a:tr h="336037">
                <a:tc>
                  <a:txBody>
                    <a:bodyPr/>
                    <a:lstStyle/>
                    <a:p>
                      <a:r>
                        <a:rPr lang="da-DK" sz="1400" dirty="0">
                          <a:latin typeface="Calibri" panose="020F0502020204030204" pitchFamily="34" charset="0"/>
                        </a:rPr>
                        <a:t>Andre hospitals afdelinge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99"/>
                    </a:solidFill>
                  </a:tcPr>
                </a:tc>
                <a:extLst>
                  <a:ext uri="{0D108BD9-81ED-4DB2-BD59-A6C34878D82A}">
                    <a16:rowId xmlns:a16="http://schemas.microsoft.com/office/drawing/2014/main" val="10002"/>
                  </a:ext>
                </a:extLst>
              </a:tr>
            </a:tbl>
          </a:graphicData>
        </a:graphic>
      </p:graphicFrame>
      <p:pic>
        <p:nvPicPr>
          <p:cNvPr id="37" name="Billede 36">
            <a:extLst>
              <a:ext uri="{FF2B5EF4-FFF2-40B4-BE49-F238E27FC236}">
                <a16:creationId xmlns:a16="http://schemas.microsoft.com/office/drawing/2014/main" id="{EFEE45DD-A91F-4E41-ABC1-8E536417EB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78962" y="3897558"/>
            <a:ext cx="2128612" cy="2267737"/>
          </a:xfrm>
          <a:prstGeom prst="rect">
            <a:avLst/>
          </a:prstGeom>
        </p:spPr>
      </p:pic>
      <p:cxnSp>
        <p:nvCxnSpPr>
          <p:cNvPr id="40" name="Lige forbindelse 39">
            <a:extLst>
              <a:ext uri="{FF2B5EF4-FFF2-40B4-BE49-F238E27FC236}">
                <a16:creationId xmlns:a16="http://schemas.microsoft.com/office/drawing/2014/main" id="{0CD610B0-F54C-4004-847D-DF98305A3C6E}"/>
              </a:ext>
            </a:extLst>
          </p:cNvPr>
          <p:cNvCxnSpPr>
            <a:cxnSpLocks/>
          </p:cNvCxnSpPr>
          <p:nvPr/>
        </p:nvCxnSpPr>
        <p:spPr>
          <a:xfrm>
            <a:off x="2752715" y="2469517"/>
            <a:ext cx="0" cy="404541"/>
          </a:xfrm>
          <a:prstGeom prst="line">
            <a:avLst/>
          </a:prstGeom>
          <a:ln w="19050">
            <a:solidFill>
              <a:srgbClr val="1F2936"/>
            </a:soli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5848486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3340B57-1FEA-4128-AA47-C314176A0097}"/>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AEF90756-15E0-4098-A4D7-8BED909246BD}"/>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817193F7-0841-41C6-8BF9-3D139A283E7F}"/>
              </a:ext>
            </a:extLst>
          </p:cNvPr>
          <p:cNvSpPr>
            <a:spLocks noGrp="1"/>
          </p:cNvSpPr>
          <p:nvPr>
            <p:ph type="sldNum" sz="quarter" idx="12"/>
          </p:nvPr>
        </p:nvSpPr>
        <p:spPr/>
        <p:txBody>
          <a:bodyPr/>
          <a:lstStyle/>
          <a:p>
            <a:fld id="{0DAB5548-7253-48D6-B95B-F3D312A72220}" type="slidenum">
              <a:rPr lang="da-DK" smtClean="0"/>
              <a:pPr/>
              <a:t>40</a:t>
            </a:fld>
            <a:endParaRPr lang="da-DK" dirty="0"/>
          </a:p>
        </p:txBody>
      </p:sp>
      <p:pic>
        <p:nvPicPr>
          <p:cNvPr id="38" name="Billede 37">
            <a:extLst>
              <a:ext uri="{FF2B5EF4-FFF2-40B4-BE49-F238E27FC236}">
                <a16:creationId xmlns:a16="http://schemas.microsoft.com/office/drawing/2014/main" id="{87963946-AE2D-441C-9B46-7C96AB800CB5}"/>
              </a:ext>
            </a:extLst>
          </p:cNvPr>
          <p:cNvPicPr>
            <a:picLocks noChangeAspect="1"/>
          </p:cNvPicPr>
          <p:nvPr/>
        </p:nvPicPr>
        <p:blipFill rotWithShape="1">
          <a:blip r:embed="rId2">
            <a:alphaModFix amt="20000"/>
          </a:blip>
          <a:srcRect t="2414" b="2141"/>
          <a:stretch/>
        </p:blipFill>
        <p:spPr>
          <a:xfrm>
            <a:off x="971600" y="-1"/>
            <a:ext cx="7664217" cy="6165305"/>
          </a:xfrm>
          <a:prstGeom prst="rect">
            <a:avLst/>
          </a:prstGeom>
        </p:spPr>
      </p:pic>
    </p:spTree>
    <p:extLst>
      <p:ext uri="{BB962C8B-B14F-4D97-AF65-F5344CB8AC3E}">
        <p14:creationId xmlns:p14="http://schemas.microsoft.com/office/powerpoint/2010/main" val="22764496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3709B7F-C980-4C87-BF6B-12C3CD3F68A7}"/>
              </a:ext>
            </a:extLst>
          </p:cNvPr>
          <p:cNvSpPr>
            <a:spLocks noGrp="1"/>
          </p:cNvSpPr>
          <p:nvPr>
            <p:ph type="title"/>
          </p:nvPr>
        </p:nvSpPr>
        <p:spPr/>
        <p:txBody>
          <a:bodyPr/>
          <a:lstStyle/>
          <a:p>
            <a:pPr algn="ctr"/>
            <a:r>
              <a:rPr lang="da-DK" dirty="0"/>
              <a:t>Introduktion til</a:t>
            </a:r>
            <a:br>
              <a:rPr lang="da-DK" dirty="0"/>
            </a:br>
            <a:r>
              <a:rPr lang="da-DK" dirty="0"/>
              <a:t>Apopleksi</a:t>
            </a:r>
          </a:p>
        </p:txBody>
      </p:sp>
      <p:sp>
        <p:nvSpPr>
          <p:cNvPr id="4" name="Pladsholder til dato 3">
            <a:extLst>
              <a:ext uri="{FF2B5EF4-FFF2-40B4-BE49-F238E27FC236}">
                <a16:creationId xmlns:a16="http://schemas.microsoft.com/office/drawing/2014/main" id="{ACA7017E-FF0A-4ED3-8F5F-14EE2A8656E4}"/>
              </a:ext>
            </a:extLst>
          </p:cNvPr>
          <p:cNvSpPr>
            <a:spLocks noGrp="1"/>
          </p:cNvSpPr>
          <p:nvPr>
            <p:ph type="dt" sz="half" idx="14"/>
          </p:nvPr>
        </p:nvSpPr>
        <p:spPr/>
        <p:txBody>
          <a:bodyPr/>
          <a:lstStyle/>
          <a:p>
            <a:endParaRPr lang="da-DK" dirty="0"/>
          </a:p>
        </p:txBody>
      </p:sp>
      <p:sp>
        <p:nvSpPr>
          <p:cNvPr id="5" name="Pladsholder til sidefod 4">
            <a:extLst>
              <a:ext uri="{FF2B5EF4-FFF2-40B4-BE49-F238E27FC236}">
                <a16:creationId xmlns:a16="http://schemas.microsoft.com/office/drawing/2014/main" id="{47A33D9C-0725-4667-A13F-5F1E2B3E03F6}"/>
              </a:ext>
            </a:extLst>
          </p:cNvPr>
          <p:cNvSpPr>
            <a:spLocks noGrp="1"/>
          </p:cNvSpPr>
          <p:nvPr>
            <p:ph type="ftr" sz="quarter" idx="15"/>
          </p:nvPr>
        </p:nvSpPr>
        <p:spPr/>
        <p:txBody>
          <a:bodyPr/>
          <a:lstStyle/>
          <a:p>
            <a:r>
              <a:rPr lang="en-GB"/>
              <a:t>Apopleksi og sundhedsadfærd</a:t>
            </a:r>
          </a:p>
        </p:txBody>
      </p:sp>
      <p:sp>
        <p:nvSpPr>
          <p:cNvPr id="6" name="Pladsholder til slidenummer 5">
            <a:extLst>
              <a:ext uri="{FF2B5EF4-FFF2-40B4-BE49-F238E27FC236}">
                <a16:creationId xmlns:a16="http://schemas.microsoft.com/office/drawing/2014/main" id="{F0E964BF-E21C-43DF-A872-2CD1B9C13942}"/>
              </a:ext>
            </a:extLst>
          </p:cNvPr>
          <p:cNvSpPr>
            <a:spLocks noGrp="1"/>
          </p:cNvSpPr>
          <p:nvPr>
            <p:ph type="sldNum" sz="quarter" idx="16"/>
          </p:nvPr>
        </p:nvSpPr>
        <p:spPr/>
        <p:txBody>
          <a:bodyPr/>
          <a:lstStyle/>
          <a:p>
            <a:fld id="{0DAB5548-7253-48D6-B95B-F3D312A72220}" type="slidenum">
              <a:rPr lang="da-DK" smtClean="0"/>
              <a:pPr/>
              <a:t>5</a:t>
            </a:fld>
            <a:endParaRPr lang="da-DK" dirty="0"/>
          </a:p>
        </p:txBody>
      </p:sp>
      <p:sp>
        <p:nvSpPr>
          <p:cNvPr id="7" name="Pladsholder til indhold 2">
            <a:extLst>
              <a:ext uri="{FF2B5EF4-FFF2-40B4-BE49-F238E27FC236}">
                <a16:creationId xmlns:a16="http://schemas.microsoft.com/office/drawing/2014/main" id="{35FF9874-F998-449F-BD91-01004242B9ED}"/>
              </a:ext>
            </a:extLst>
          </p:cNvPr>
          <p:cNvSpPr txBox="1">
            <a:spLocks/>
          </p:cNvSpPr>
          <p:nvPr/>
        </p:nvSpPr>
        <p:spPr>
          <a:xfrm>
            <a:off x="1988445" y="2348880"/>
            <a:ext cx="5851110" cy="2376264"/>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pPr marL="0" indent="0" algn="ctr">
              <a:spcAft>
                <a:spcPts val="0"/>
              </a:spcAft>
              <a:buFont typeface="Arial" panose="020B0604020202020204" pitchFamily="34" charset="0"/>
              <a:buNone/>
              <a:defRPr/>
            </a:pPr>
            <a:r>
              <a:rPr lang="da-DK" sz="2800" dirty="0"/>
              <a:t>Klinisk definition</a:t>
            </a:r>
          </a:p>
          <a:p>
            <a:pPr>
              <a:spcAft>
                <a:spcPts val="0"/>
              </a:spcAft>
              <a:defRPr/>
            </a:pPr>
            <a:r>
              <a:rPr lang="da-DK" sz="2400" dirty="0"/>
              <a:t>Pludseligt opstået</a:t>
            </a:r>
          </a:p>
          <a:p>
            <a:pPr>
              <a:spcAft>
                <a:spcPts val="0"/>
              </a:spcAft>
              <a:defRPr/>
            </a:pPr>
            <a:r>
              <a:rPr lang="da-DK" sz="2400" dirty="0" err="1"/>
              <a:t>Fokale</a:t>
            </a:r>
            <a:r>
              <a:rPr lang="da-DK" sz="2400" dirty="0"/>
              <a:t> neurologiske udfald</a:t>
            </a:r>
          </a:p>
          <a:p>
            <a:pPr>
              <a:spcAft>
                <a:spcPts val="0"/>
              </a:spcAft>
              <a:defRPr/>
            </a:pPr>
            <a:r>
              <a:rPr lang="da-DK" sz="2400" dirty="0"/>
              <a:t>Vaskulær basis (blodprop eller blødning)</a:t>
            </a:r>
          </a:p>
          <a:p>
            <a:pPr>
              <a:spcBef>
                <a:spcPts val="1200"/>
              </a:spcBef>
              <a:spcAft>
                <a:spcPts val="0"/>
              </a:spcAft>
              <a:defRPr/>
            </a:pPr>
            <a:r>
              <a:rPr lang="da-DK" sz="2400" dirty="0"/>
              <a:t>Varige udfald (&gt; 24 timer) = apopleksi</a:t>
            </a:r>
          </a:p>
          <a:p>
            <a:pPr>
              <a:spcAft>
                <a:spcPts val="0"/>
              </a:spcAft>
              <a:defRPr/>
            </a:pPr>
            <a:r>
              <a:rPr lang="da-DK" sz="2400" dirty="0"/>
              <a:t>Varighed &lt; 24 timer = TCI </a:t>
            </a:r>
            <a:r>
              <a:rPr lang="da-DK" sz="2400" baseline="30000" dirty="0"/>
              <a:t>A,B</a:t>
            </a:r>
          </a:p>
          <a:p>
            <a:pPr marL="360000" lvl="1" indent="0">
              <a:spcAft>
                <a:spcPts val="0"/>
              </a:spcAft>
              <a:buFont typeface="Arial" panose="020B0604020202020204" pitchFamily="34" charset="0"/>
              <a:buNone/>
              <a:defRPr/>
            </a:pPr>
            <a:r>
              <a:rPr lang="da-DK" sz="1800" dirty="0"/>
              <a:t>	</a:t>
            </a:r>
          </a:p>
          <a:p>
            <a:endParaRPr lang="da-DK" dirty="0"/>
          </a:p>
        </p:txBody>
      </p:sp>
      <p:sp>
        <p:nvSpPr>
          <p:cNvPr id="8" name="Tekstfelt 7">
            <a:extLst>
              <a:ext uri="{FF2B5EF4-FFF2-40B4-BE49-F238E27FC236}">
                <a16:creationId xmlns:a16="http://schemas.microsoft.com/office/drawing/2014/main" id="{EEA8E9F2-646C-41A5-9747-8F51C056313C}"/>
              </a:ext>
            </a:extLst>
          </p:cNvPr>
          <p:cNvSpPr txBox="1"/>
          <p:nvPr/>
        </p:nvSpPr>
        <p:spPr>
          <a:xfrm>
            <a:off x="1988445" y="5423978"/>
            <a:ext cx="5851110" cy="864096"/>
          </a:xfrm>
          <a:prstGeom prst="rect">
            <a:avLst/>
          </a:prstGeom>
          <a:noFill/>
        </p:spPr>
        <p:txBody>
          <a:bodyPr wrap="square" lIns="0" tIns="0" rIns="0" bIns="0" rtlCol="0">
            <a:noAutofit/>
          </a:bodyPr>
          <a:lstStyle/>
          <a:p>
            <a:r>
              <a:rPr lang="da-DK" sz="1200" baseline="30000" dirty="0"/>
              <a:t>A</a:t>
            </a:r>
            <a:r>
              <a:rPr lang="da-DK" sz="1200" dirty="0"/>
              <a:t> Mere end halvdelen har problemer med </a:t>
            </a:r>
            <a:r>
              <a:rPr lang="da-DK" sz="1200" dirty="0" err="1"/>
              <a:t>fatigue</a:t>
            </a:r>
            <a:r>
              <a:rPr lang="da-DK" sz="1200" dirty="0"/>
              <a:t> og op imod halvdelen har problemer med hukommelse, koncentration og </a:t>
            </a:r>
            <a:r>
              <a:rPr lang="da-DK" sz="1200" dirty="0" err="1"/>
              <a:t>multi-taskning</a:t>
            </a:r>
            <a:r>
              <a:rPr lang="da-DK" sz="1200" dirty="0"/>
              <a:t> efter tre måneder (</a:t>
            </a:r>
            <a:r>
              <a:rPr lang="da-DK" sz="1200" dirty="0" err="1"/>
              <a:t>Fens</a:t>
            </a:r>
            <a:r>
              <a:rPr lang="da-DK" sz="1200" dirty="0"/>
              <a:t> </a:t>
            </a:r>
            <a:r>
              <a:rPr lang="da-DK" sz="1200" i="1" dirty="0"/>
              <a:t>et al</a:t>
            </a:r>
            <a:r>
              <a:rPr lang="da-DK" sz="1200" dirty="0"/>
              <a:t>. 2013) </a:t>
            </a:r>
          </a:p>
          <a:p>
            <a:r>
              <a:rPr lang="da-DK" sz="1200" baseline="30000" dirty="0"/>
              <a:t>B</a:t>
            </a:r>
            <a:r>
              <a:rPr lang="da-DK" sz="1200" dirty="0"/>
              <a:t> 30-50% af patienter med TCI har vævsforandringer på MR DWI (</a:t>
            </a:r>
            <a:r>
              <a:rPr lang="da-DK" sz="1200" dirty="0" err="1"/>
              <a:t>Easton</a:t>
            </a:r>
            <a:r>
              <a:rPr lang="da-DK" sz="1200" dirty="0"/>
              <a:t> </a:t>
            </a:r>
            <a:r>
              <a:rPr lang="da-DK" sz="1200" i="1" dirty="0"/>
              <a:t>et al</a:t>
            </a:r>
            <a:r>
              <a:rPr lang="da-DK" sz="1200" dirty="0"/>
              <a:t>. 2009)</a:t>
            </a:r>
          </a:p>
        </p:txBody>
      </p:sp>
    </p:spTree>
    <p:extLst>
      <p:ext uri="{BB962C8B-B14F-4D97-AF65-F5344CB8AC3E}">
        <p14:creationId xmlns:p14="http://schemas.microsoft.com/office/powerpoint/2010/main" val="323873094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A971BD9-1B4E-418B-A844-8EE8518D88C6}"/>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2313D45B-CE1E-4996-A6AB-E4F48CF585B5}"/>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C4F6D67C-1B4C-474B-908C-BB5BE51CE601}"/>
              </a:ext>
            </a:extLst>
          </p:cNvPr>
          <p:cNvSpPr>
            <a:spLocks noGrp="1"/>
          </p:cNvSpPr>
          <p:nvPr>
            <p:ph type="sldNum" sz="quarter" idx="12"/>
          </p:nvPr>
        </p:nvSpPr>
        <p:spPr/>
        <p:txBody>
          <a:bodyPr/>
          <a:lstStyle/>
          <a:p>
            <a:fld id="{0DAB5548-7253-48D6-B95B-F3D312A72220}" type="slidenum">
              <a:rPr lang="da-DK" smtClean="0"/>
              <a:pPr/>
              <a:t>6</a:t>
            </a:fld>
            <a:endParaRPr lang="da-DK" dirty="0"/>
          </a:p>
        </p:txBody>
      </p:sp>
      <p:pic>
        <p:nvPicPr>
          <p:cNvPr id="36" name="Billede 35">
            <a:extLst>
              <a:ext uri="{FF2B5EF4-FFF2-40B4-BE49-F238E27FC236}">
                <a16:creationId xmlns:a16="http://schemas.microsoft.com/office/drawing/2014/main" id="{C4CFC1F5-35EC-439B-8A5B-5C411D5726D2}"/>
              </a:ext>
            </a:extLst>
          </p:cNvPr>
          <p:cNvPicPr>
            <a:picLocks noChangeAspect="1"/>
          </p:cNvPicPr>
          <p:nvPr/>
        </p:nvPicPr>
        <p:blipFill rotWithShape="1">
          <a:blip r:embed="rId2"/>
          <a:srcRect t="54152"/>
          <a:stretch/>
        </p:blipFill>
        <p:spPr>
          <a:xfrm>
            <a:off x="4101439" y="4511040"/>
            <a:ext cx="1449613" cy="1437913"/>
          </a:xfrm>
          <a:prstGeom prst="rect">
            <a:avLst/>
          </a:prstGeom>
          <a:ln w="12700">
            <a:solidFill>
              <a:schemeClr val="accent6">
                <a:lumMod val="50000"/>
              </a:schemeClr>
            </a:solidFill>
            <a:prstDash val="dash"/>
          </a:ln>
        </p:spPr>
      </p:pic>
      <p:sp>
        <p:nvSpPr>
          <p:cNvPr id="37" name="Tekstfelt 36">
            <a:extLst>
              <a:ext uri="{FF2B5EF4-FFF2-40B4-BE49-F238E27FC236}">
                <a16:creationId xmlns:a16="http://schemas.microsoft.com/office/drawing/2014/main" id="{CB63F200-1664-447D-8163-1EE70970C1C4}"/>
              </a:ext>
            </a:extLst>
          </p:cNvPr>
          <p:cNvSpPr txBox="1"/>
          <p:nvPr/>
        </p:nvSpPr>
        <p:spPr>
          <a:xfrm>
            <a:off x="4122383" y="3360388"/>
            <a:ext cx="1387686" cy="891791"/>
          </a:xfrm>
          <a:prstGeom prst="rect">
            <a:avLst/>
          </a:prstGeom>
          <a:noFill/>
        </p:spPr>
        <p:txBody>
          <a:bodyPr wrap="square" lIns="0" tIns="0" rIns="0" bIns="0" rtlCol="0">
            <a:noAutofit/>
          </a:bodyPr>
          <a:lstStyle/>
          <a:p>
            <a:pPr algn="ctr"/>
            <a:r>
              <a:rPr lang="da-DK" sz="1400" dirty="0"/>
              <a:t>Ca. 15% får blødning i infarktet</a:t>
            </a:r>
          </a:p>
          <a:p>
            <a:pPr algn="ctr"/>
            <a:r>
              <a:rPr lang="da-DK" sz="1400" i="1" dirty="0"/>
              <a:t>(</a:t>
            </a:r>
            <a:r>
              <a:rPr lang="da-DK" sz="1400" i="1" dirty="0" err="1"/>
              <a:t>hæmorrhagisk</a:t>
            </a:r>
            <a:r>
              <a:rPr lang="da-DK" sz="1400" i="1" dirty="0"/>
              <a:t> transformation)</a:t>
            </a:r>
          </a:p>
        </p:txBody>
      </p:sp>
      <p:grpSp>
        <p:nvGrpSpPr>
          <p:cNvPr id="40" name="Infarkt">
            <a:extLst>
              <a:ext uri="{FF2B5EF4-FFF2-40B4-BE49-F238E27FC236}">
                <a16:creationId xmlns:a16="http://schemas.microsoft.com/office/drawing/2014/main" id="{B4FD9CAF-7836-4D77-B92C-CE610273932E}"/>
              </a:ext>
            </a:extLst>
          </p:cNvPr>
          <p:cNvGrpSpPr/>
          <p:nvPr/>
        </p:nvGrpSpPr>
        <p:grpSpPr>
          <a:xfrm>
            <a:off x="1866167" y="2365634"/>
            <a:ext cx="1800000" cy="3340151"/>
            <a:chOff x="1539278" y="1728025"/>
            <a:chExt cx="1592386" cy="3436063"/>
          </a:xfrm>
        </p:grpSpPr>
        <p:grpSp>
          <p:nvGrpSpPr>
            <p:cNvPr id="41" name="Gruppe 40">
              <a:extLst>
                <a:ext uri="{FF2B5EF4-FFF2-40B4-BE49-F238E27FC236}">
                  <a16:creationId xmlns:a16="http://schemas.microsoft.com/office/drawing/2014/main" id="{8F93CA71-C72C-46EC-9606-B7BA828A2FA6}"/>
                </a:ext>
              </a:extLst>
            </p:cNvPr>
            <p:cNvGrpSpPr/>
            <p:nvPr/>
          </p:nvGrpSpPr>
          <p:grpSpPr>
            <a:xfrm>
              <a:off x="1539278" y="1728025"/>
              <a:ext cx="1592386" cy="3436063"/>
              <a:chOff x="1539278" y="1728025"/>
              <a:chExt cx="1592386" cy="3436063"/>
            </a:xfrm>
          </p:grpSpPr>
          <p:sp>
            <p:nvSpPr>
              <p:cNvPr id="49" name="Spat subarachnoidal">
                <a:extLst>
                  <a:ext uri="{FF2B5EF4-FFF2-40B4-BE49-F238E27FC236}">
                    <a16:creationId xmlns:a16="http://schemas.microsoft.com/office/drawing/2014/main" id="{FF412013-9F93-40EB-A162-C88021B6D25B}"/>
                  </a:ext>
                </a:extLst>
              </p:cNvPr>
              <p:cNvSpPr/>
              <p:nvPr/>
            </p:nvSpPr>
            <p:spPr>
              <a:xfrm>
                <a:off x="1543019" y="2590925"/>
                <a:ext cx="1584000" cy="1176650"/>
              </a:xfrm>
              <a:prstGeom prst="rect">
                <a:avLst/>
              </a:prstGeom>
              <a:solidFill>
                <a:schemeClr val="accent5">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0" name="Hvidsubstans">
                <a:extLst>
                  <a:ext uri="{FF2B5EF4-FFF2-40B4-BE49-F238E27FC236}">
                    <a16:creationId xmlns:a16="http://schemas.microsoft.com/office/drawing/2014/main" id="{613D51F9-B254-40C9-BCED-77E26914177A}"/>
                  </a:ext>
                </a:extLst>
              </p:cNvPr>
              <p:cNvSpPr/>
              <p:nvPr/>
            </p:nvSpPr>
            <p:spPr>
              <a:xfrm>
                <a:off x="1539278" y="3773017"/>
                <a:ext cx="1584000" cy="1391071"/>
              </a:xfrm>
              <a:prstGeom prst="rect">
                <a:avLst/>
              </a:prstGeom>
              <a:solidFill>
                <a:srgbClr val="FEF8CE"/>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1" name="Knogle">
                <a:extLst>
                  <a:ext uri="{FF2B5EF4-FFF2-40B4-BE49-F238E27FC236}">
                    <a16:creationId xmlns:a16="http://schemas.microsoft.com/office/drawing/2014/main" id="{276536B9-0C45-43E0-A37A-E14B56D656C9}"/>
                  </a:ext>
                </a:extLst>
              </p:cNvPr>
              <p:cNvSpPr/>
              <p:nvPr/>
            </p:nvSpPr>
            <p:spPr>
              <a:xfrm>
                <a:off x="1545785" y="1728025"/>
                <a:ext cx="1584000" cy="612000"/>
              </a:xfrm>
              <a:prstGeom prst="rect">
                <a:avLst/>
              </a:prstGeom>
              <a:solidFill>
                <a:srgbClr val="FFFFCC"/>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2" name="Knoglemarv">
                <a:extLst>
                  <a:ext uri="{FF2B5EF4-FFF2-40B4-BE49-F238E27FC236}">
                    <a16:creationId xmlns:a16="http://schemas.microsoft.com/office/drawing/2014/main" id="{F398DDA7-4DB0-4B63-A227-D390693267EF}"/>
                  </a:ext>
                </a:extLst>
              </p:cNvPr>
              <p:cNvSpPr/>
              <p:nvPr/>
            </p:nvSpPr>
            <p:spPr>
              <a:xfrm>
                <a:off x="1558949" y="1852224"/>
                <a:ext cx="1567000" cy="317245"/>
              </a:xfrm>
              <a:prstGeom prst="rect">
                <a:avLst/>
              </a:prstGeom>
              <a:pattFill prst="lgConfetti">
                <a:fgClr>
                  <a:schemeClr val="tx1">
                    <a:lumMod val="60000"/>
                    <a:lumOff val="40000"/>
                  </a:schemeClr>
                </a:fgClr>
                <a:bgClr>
                  <a:srgbClr val="FFFFCC"/>
                </a:bgClr>
              </a:patt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3" name="Kortex">
                <a:extLst>
                  <a:ext uri="{FF2B5EF4-FFF2-40B4-BE49-F238E27FC236}">
                    <a16:creationId xmlns:a16="http://schemas.microsoft.com/office/drawing/2014/main" id="{A06A3329-5C4E-41A3-A174-8B7FA78C94DD}"/>
                  </a:ext>
                </a:extLst>
              </p:cNvPr>
              <p:cNvSpPr/>
              <p:nvPr/>
            </p:nvSpPr>
            <p:spPr>
              <a:xfrm>
                <a:off x="1547664" y="3128279"/>
                <a:ext cx="1584000" cy="1123620"/>
              </a:xfrm>
              <a:custGeom>
                <a:avLst/>
                <a:gdLst>
                  <a:gd name="connsiteX0" fmla="*/ 0 w 1584000"/>
                  <a:gd name="connsiteY0" fmla="*/ 0 h 634834"/>
                  <a:gd name="connsiteX1" fmla="*/ 1584000 w 1584000"/>
                  <a:gd name="connsiteY1" fmla="*/ 0 h 634834"/>
                  <a:gd name="connsiteX2" fmla="*/ 1584000 w 1584000"/>
                  <a:gd name="connsiteY2" fmla="*/ 634834 h 634834"/>
                  <a:gd name="connsiteX3" fmla="*/ 0 w 1584000"/>
                  <a:gd name="connsiteY3" fmla="*/ 634834 h 634834"/>
                  <a:gd name="connsiteX4" fmla="*/ 0 w 1584000"/>
                  <a:gd name="connsiteY4" fmla="*/ 0 h 634834"/>
                  <a:gd name="connsiteX0" fmla="*/ 0 w 1584000"/>
                  <a:gd name="connsiteY0" fmla="*/ 0 h 634834"/>
                  <a:gd name="connsiteX1" fmla="*/ 787544 w 1584000"/>
                  <a:gd name="connsiteY1" fmla="*/ 422647 h 634834"/>
                  <a:gd name="connsiteX2" fmla="*/ 1584000 w 1584000"/>
                  <a:gd name="connsiteY2" fmla="*/ 0 h 634834"/>
                  <a:gd name="connsiteX3" fmla="*/ 1584000 w 1584000"/>
                  <a:gd name="connsiteY3" fmla="*/ 634834 h 634834"/>
                  <a:gd name="connsiteX4" fmla="*/ 0 w 1584000"/>
                  <a:gd name="connsiteY4" fmla="*/ 634834 h 634834"/>
                  <a:gd name="connsiteX5" fmla="*/ 0 w 1584000"/>
                  <a:gd name="connsiteY5" fmla="*/ 0 h 634834"/>
                  <a:gd name="connsiteX0" fmla="*/ 0 w 1584000"/>
                  <a:gd name="connsiteY0" fmla="*/ 17394 h 652228"/>
                  <a:gd name="connsiteX1" fmla="*/ 676913 w 1584000"/>
                  <a:gd name="connsiteY1" fmla="*/ 148787 h 652228"/>
                  <a:gd name="connsiteX2" fmla="*/ 787544 w 1584000"/>
                  <a:gd name="connsiteY2" fmla="*/ 440041 h 652228"/>
                  <a:gd name="connsiteX3" fmla="*/ 1584000 w 1584000"/>
                  <a:gd name="connsiteY3" fmla="*/ 17394 h 652228"/>
                  <a:gd name="connsiteX4" fmla="*/ 1584000 w 1584000"/>
                  <a:gd name="connsiteY4" fmla="*/ 652228 h 652228"/>
                  <a:gd name="connsiteX5" fmla="*/ 0 w 1584000"/>
                  <a:gd name="connsiteY5" fmla="*/ 652228 h 652228"/>
                  <a:gd name="connsiteX6" fmla="*/ 0 w 1584000"/>
                  <a:gd name="connsiteY6" fmla="*/ 17394 h 652228"/>
                  <a:gd name="connsiteX0" fmla="*/ 0 w 1584000"/>
                  <a:gd name="connsiteY0" fmla="*/ 14318 h 649152"/>
                  <a:gd name="connsiteX1" fmla="*/ 676913 w 1584000"/>
                  <a:gd name="connsiteY1" fmla="*/ 145711 h 649152"/>
                  <a:gd name="connsiteX2" fmla="*/ 787544 w 1584000"/>
                  <a:gd name="connsiteY2" fmla="*/ 436965 h 649152"/>
                  <a:gd name="connsiteX3" fmla="*/ 1584000 w 1584000"/>
                  <a:gd name="connsiteY3" fmla="*/ 14318 h 649152"/>
                  <a:gd name="connsiteX4" fmla="*/ 1584000 w 1584000"/>
                  <a:gd name="connsiteY4" fmla="*/ 649152 h 649152"/>
                  <a:gd name="connsiteX5" fmla="*/ 0 w 1584000"/>
                  <a:gd name="connsiteY5" fmla="*/ 649152 h 649152"/>
                  <a:gd name="connsiteX6" fmla="*/ 0 w 1584000"/>
                  <a:gd name="connsiteY6" fmla="*/ 14318 h 649152"/>
                  <a:gd name="connsiteX0" fmla="*/ 0 w 1584000"/>
                  <a:gd name="connsiteY0" fmla="*/ 45777 h 680611"/>
                  <a:gd name="connsiteX1" fmla="*/ 584344 w 1584000"/>
                  <a:gd name="connsiteY1" fmla="*/ 48477 h 680611"/>
                  <a:gd name="connsiteX2" fmla="*/ 676913 w 1584000"/>
                  <a:gd name="connsiteY2" fmla="*/ 177170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4335 w 1584000"/>
                  <a:gd name="connsiteY2" fmla="*/ 129758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4335 w 1584000"/>
                  <a:gd name="connsiteY2" fmla="*/ 129758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8850 w 1584000"/>
                  <a:gd name="connsiteY2" fmla="*/ 102664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3737 h 678571"/>
                  <a:gd name="connsiteX1" fmla="*/ 658850 w 1584000"/>
                  <a:gd name="connsiteY1" fmla="*/ 100624 h 678571"/>
                  <a:gd name="connsiteX2" fmla="*/ 787544 w 1584000"/>
                  <a:gd name="connsiteY2" fmla="*/ 466384 h 678571"/>
                  <a:gd name="connsiteX3" fmla="*/ 1584000 w 1584000"/>
                  <a:gd name="connsiteY3" fmla="*/ 43737 h 678571"/>
                  <a:gd name="connsiteX4" fmla="*/ 1584000 w 1584000"/>
                  <a:gd name="connsiteY4" fmla="*/ 678571 h 678571"/>
                  <a:gd name="connsiteX5" fmla="*/ 0 w 1584000"/>
                  <a:gd name="connsiteY5" fmla="*/ 678571 h 678571"/>
                  <a:gd name="connsiteX6" fmla="*/ 0 w 1584000"/>
                  <a:gd name="connsiteY6" fmla="*/ 43737 h 678571"/>
                  <a:gd name="connsiteX0" fmla="*/ 0 w 1584000"/>
                  <a:gd name="connsiteY0" fmla="*/ 34385 h 669219"/>
                  <a:gd name="connsiteX1" fmla="*/ 658850 w 1584000"/>
                  <a:gd name="connsiteY1" fmla="*/ 91272 h 669219"/>
                  <a:gd name="connsiteX2" fmla="*/ 787544 w 1584000"/>
                  <a:gd name="connsiteY2" fmla="*/ 457032 h 669219"/>
                  <a:gd name="connsiteX3" fmla="*/ 1584000 w 1584000"/>
                  <a:gd name="connsiteY3" fmla="*/ 34385 h 669219"/>
                  <a:gd name="connsiteX4" fmla="*/ 1584000 w 1584000"/>
                  <a:gd name="connsiteY4" fmla="*/ 669219 h 669219"/>
                  <a:gd name="connsiteX5" fmla="*/ 0 w 1584000"/>
                  <a:gd name="connsiteY5" fmla="*/ 669219 h 669219"/>
                  <a:gd name="connsiteX6" fmla="*/ 0 w 1584000"/>
                  <a:gd name="connsiteY6" fmla="*/ 34385 h 669219"/>
                  <a:gd name="connsiteX0" fmla="*/ 0 w 1584000"/>
                  <a:gd name="connsiteY0" fmla="*/ 2027 h 636861"/>
                  <a:gd name="connsiteX1" fmla="*/ 658850 w 1584000"/>
                  <a:gd name="connsiteY1" fmla="*/ 58914 h 636861"/>
                  <a:gd name="connsiteX2" fmla="*/ 787544 w 1584000"/>
                  <a:gd name="connsiteY2" fmla="*/ 424674 h 636861"/>
                  <a:gd name="connsiteX3" fmla="*/ 1584000 w 1584000"/>
                  <a:gd name="connsiteY3" fmla="*/ 2027 h 636861"/>
                  <a:gd name="connsiteX4" fmla="*/ 1584000 w 1584000"/>
                  <a:gd name="connsiteY4" fmla="*/ 636861 h 636861"/>
                  <a:gd name="connsiteX5" fmla="*/ 0 w 1584000"/>
                  <a:gd name="connsiteY5" fmla="*/ 636861 h 636861"/>
                  <a:gd name="connsiteX6" fmla="*/ 0 w 1584000"/>
                  <a:gd name="connsiteY6" fmla="*/ 2027 h 636861"/>
                  <a:gd name="connsiteX0" fmla="*/ 0 w 1584000"/>
                  <a:gd name="connsiteY0" fmla="*/ 8097 h 642931"/>
                  <a:gd name="connsiteX1" fmla="*/ 658850 w 1584000"/>
                  <a:gd name="connsiteY1" fmla="*/ 64984 h 642931"/>
                  <a:gd name="connsiteX2" fmla="*/ 787544 w 1584000"/>
                  <a:gd name="connsiteY2" fmla="*/ 430744 h 642931"/>
                  <a:gd name="connsiteX3" fmla="*/ 1584000 w 1584000"/>
                  <a:gd name="connsiteY3" fmla="*/ 8097 h 642931"/>
                  <a:gd name="connsiteX4" fmla="*/ 1584000 w 1584000"/>
                  <a:gd name="connsiteY4" fmla="*/ 642931 h 642931"/>
                  <a:gd name="connsiteX5" fmla="*/ 0 w 1584000"/>
                  <a:gd name="connsiteY5" fmla="*/ 642931 h 642931"/>
                  <a:gd name="connsiteX6" fmla="*/ 0 w 1584000"/>
                  <a:gd name="connsiteY6" fmla="*/ 8097 h 642931"/>
                  <a:gd name="connsiteX0" fmla="*/ 0 w 1584000"/>
                  <a:gd name="connsiteY0" fmla="*/ 8097 h 642931"/>
                  <a:gd name="connsiteX1" fmla="*/ 658850 w 1584000"/>
                  <a:gd name="connsiteY1" fmla="*/ 64984 h 642931"/>
                  <a:gd name="connsiteX2" fmla="*/ 787544 w 1584000"/>
                  <a:gd name="connsiteY2" fmla="*/ 430744 h 642931"/>
                  <a:gd name="connsiteX3" fmla="*/ 1584000 w 1584000"/>
                  <a:gd name="connsiteY3" fmla="*/ 8097 h 642931"/>
                  <a:gd name="connsiteX4" fmla="*/ 1584000 w 1584000"/>
                  <a:gd name="connsiteY4" fmla="*/ 642931 h 642931"/>
                  <a:gd name="connsiteX5" fmla="*/ 0 w 1584000"/>
                  <a:gd name="connsiteY5" fmla="*/ 642931 h 642931"/>
                  <a:gd name="connsiteX6" fmla="*/ 0 w 1584000"/>
                  <a:gd name="connsiteY6" fmla="*/ 8097 h 642931"/>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30050 h 664884"/>
                  <a:gd name="connsiteX1" fmla="*/ 658850 w 1584000"/>
                  <a:gd name="connsiteY1" fmla="*/ 86937 h 664884"/>
                  <a:gd name="connsiteX2" fmla="*/ 787544 w 1584000"/>
                  <a:gd name="connsiteY2" fmla="*/ 452697 h 664884"/>
                  <a:gd name="connsiteX3" fmla="*/ 925268 w 1584000"/>
                  <a:gd name="connsiteY3" fmla="*/ 77907 h 664884"/>
                  <a:gd name="connsiteX4" fmla="*/ 1584000 w 1584000"/>
                  <a:gd name="connsiteY4" fmla="*/ 30050 h 664884"/>
                  <a:gd name="connsiteX5" fmla="*/ 1584000 w 1584000"/>
                  <a:gd name="connsiteY5" fmla="*/ 664884 h 664884"/>
                  <a:gd name="connsiteX6" fmla="*/ 0 w 1584000"/>
                  <a:gd name="connsiteY6" fmla="*/ 664884 h 664884"/>
                  <a:gd name="connsiteX7" fmla="*/ 0 w 1584000"/>
                  <a:gd name="connsiteY7" fmla="*/ 30050 h 664884"/>
                  <a:gd name="connsiteX0" fmla="*/ 0 w 1584000"/>
                  <a:gd name="connsiteY0" fmla="*/ 12042 h 646876"/>
                  <a:gd name="connsiteX1" fmla="*/ 658850 w 1584000"/>
                  <a:gd name="connsiteY1" fmla="*/ 68929 h 646876"/>
                  <a:gd name="connsiteX2" fmla="*/ 787544 w 1584000"/>
                  <a:gd name="connsiteY2" fmla="*/ 434689 h 646876"/>
                  <a:gd name="connsiteX3" fmla="*/ 925268 w 1584000"/>
                  <a:gd name="connsiteY3" fmla="*/ 59899 h 646876"/>
                  <a:gd name="connsiteX4" fmla="*/ 1584000 w 1584000"/>
                  <a:gd name="connsiteY4" fmla="*/ 12042 h 646876"/>
                  <a:gd name="connsiteX5" fmla="*/ 1584000 w 1584000"/>
                  <a:gd name="connsiteY5" fmla="*/ 646876 h 646876"/>
                  <a:gd name="connsiteX6" fmla="*/ 0 w 1584000"/>
                  <a:gd name="connsiteY6" fmla="*/ 646876 h 646876"/>
                  <a:gd name="connsiteX7" fmla="*/ 0 w 1584000"/>
                  <a:gd name="connsiteY7" fmla="*/ 12042 h 646876"/>
                  <a:gd name="connsiteX0" fmla="*/ 0 w 1584000"/>
                  <a:gd name="connsiteY0" fmla="*/ 12042 h 646876"/>
                  <a:gd name="connsiteX1" fmla="*/ 717552 w 1584000"/>
                  <a:gd name="connsiteY1" fmla="*/ 68929 h 646876"/>
                  <a:gd name="connsiteX2" fmla="*/ 787544 w 1584000"/>
                  <a:gd name="connsiteY2" fmla="*/ 434689 h 646876"/>
                  <a:gd name="connsiteX3" fmla="*/ 925268 w 1584000"/>
                  <a:gd name="connsiteY3" fmla="*/ 59899 h 646876"/>
                  <a:gd name="connsiteX4" fmla="*/ 1584000 w 1584000"/>
                  <a:gd name="connsiteY4" fmla="*/ 12042 h 646876"/>
                  <a:gd name="connsiteX5" fmla="*/ 1584000 w 1584000"/>
                  <a:gd name="connsiteY5" fmla="*/ 646876 h 646876"/>
                  <a:gd name="connsiteX6" fmla="*/ 0 w 1584000"/>
                  <a:gd name="connsiteY6" fmla="*/ 646876 h 646876"/>
                  <a:gd name="connsiteX7" fmla="*/ 0 w 1584000"/>
                  <a:gd name="connsiteY7" fmla="*/ 12042 h 646876"/>
                  <a:gd name="connsiteX0" fmla="*/ 0 w 1584000"/>
                  <a:gd name="connsiteY0" fmla="*/ 11639 h 646473"/>
                  <a:gd name="connsiteX1" fmla="*/ 717552 w 1584000"/>
                  <a:gd name="connsiteY1" fmla="*/ 68526 h 646473"/>
                  <a:gd name="connsiteX2" fmla="*/ 787544 w 1584000"/>
                  <a:gd name="connsiteY2" fmla="*/ 434286 h 646473"/>
                  <a:gd name="connsiteX3" fmla="*/ 868824 w 1584000"/>
                  <a:gd name="connsiteY3" fmla="*/ 68527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87544 w 1584000"/>
                  <a:gd name="connsiteY2" fmla="*/ 434286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98833 w 1584000"/>
                  <a:gd name="connsiteY2" fmla="*/ 599104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98833 w 1584000"/>
                  <a:gd name="connsiteY2" fmla="*/ 531371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829400"/>
                  <a:gd name="connsiteX1" fmla="*/ 717552 w 1584000"/>
                  <a:gd name="connsiteY1" fmla="*/ 68526 h 829400"/>
                  <a:gd name="connsiteX2" fmla="*/ 798833 w 1584000"/>
                  <a:gd name="connsiteY2" fmla="*/ 531371 h 829400"/>
                  <a:gd name="connsiteX3" fmla="*/ 898175 w 1584000"/>
                  <a:gd name="connsiteY3" fmla="*/ 64011 h 829400"/>
                  <a:gd name="connsiteX4" fmla="*/ 1584000 w 1584000"/>
                  <a:gd name="connsiteY4" fmla="*/ 11639 h 829400"/>
                  <a:gd name="connsiteX5" fmla="*/ 1584000 w 1584000"/>
                  <a:gd name="connsiteY5" fmla="*/ 646473 h 829400"/>
                  <a:gd name="connsiteX6" fmla="*/ 787544 w 1584000"/>
                  <a:gd name="connsiteY6" fmla="*/ 829398 h 829400"/>
                  <a:gd name="connsiteX7" fmla="*/ 0 w 1584000"/>
                  <a:gd name="connsiteY7" fmla="*/ 646473 h 829400"/>
                  <a:gd name="connsiteX8" fmla="*/ 0 w 1584000"/>
                  <a:gd name="connsiteY8" fmla="*/ 11639 h 829400"/>
                  <a:gd name="connsiteX0" fmla="*/ 0 w 1584000"/>
                  <a:gd name="connsiteY0" fmla="*/ 11639 h 829400"/>
                  <a:gd name="connsiteX1" fmla="*/ 717552 w 1584000"/>
                  <a:gd name="connsiteY1" fmla="*/ 68526 h 829400"/>
                  <a:gd name="connsiteX2" fmla="*/ 798833 w 1584000"/>
                  <a:gd name="connsiteY2" fmla="*/ 531371 h 829400"/>
                  <a:gd name="connsiteX3" fmla="*/ 898175 w 1584000"/>
                  <a:gd name="connsiteY3" fmla="*/ 64011 h 829400"/>
                  <a:gd name="connsiteX4" fmla="*/ 1584000 w 1584000"/>
                  <a:gd name="connsiteY4" fmla="*/ 11639 h 829400"/>
                  <a:gd name="connsiteX5" fmla="*/ 1584000 w 1584000"/>
                  <a:gd name="connsiteY5" fmla="*/ 646473 h 829400"/>
                  <a:gd name="connsiteX6" fmla="*/ 787544 w 1584000"/>
                  <a:gd name="connsiteY6" fmla="*/ 829398 h 829400"/>
                  <a:gd name="connsiteX7" fmla="*/ 437588 w 1584000"/>
                  <a:gd name="connsiteY7" fmla="*/ 678126 h 829400"/>
                  <a:gd name="connsiteX8" fmla="*/ 0 w 1584000"/>
                  <a:gd name="connsiteY8" fmla="*/ 646473 h 829400"/>
                  <a:gd name="connsiteX9" fmla="*/ 0 w 1584000"/>
                  <a:gd name="connsiteY9" fmla="*/ 11639 h 829400"/>
                  <a:gd name="connsiteX0" fmla="*/ 0 w 1584000"/>
                  <a:gd name="connsiteY0" fmla="*/ 11639 h 830546"/>
                  <a:gd name="connsiteX1" fmla="*/ 717552 w 1584000"/>
                  <a:gd name="connsiteY1" fmla="*/ 68526 h 830546"/>
                  <a:gd name="connsiteX2" fmla="*/ 798833 w 1584000"/>
                  <a:gd name="connsiteY2" fmla="*/ 531371 h 830546"/>
                  <a:gd name="connsiteX3" fmla="*/ 898175 w 1584000"/>
                  <a:gd name="connsiteY3" fmla="*/ 64011 h 830546"/>
                  <a:gd name="connsiteX4" fmla="*/ 1584000 w 1584000"/>
                  <a:gd name="connsiteY4" fmla="*/ 11639 h 830546"/>
                  <a:gd name="connsiteX5" fmla="*/ 1584000 w 1584000"/>
                  <a:gd name="connsiteY5" fmla="*/ 646473 h 830546"/>
                  <a:gd name="connsiteX6" fmla="*/ 1121695 w 1584000"/>
                  <a:gd name="connsiteY6" fmla="*/ 696188 h 830546"/>
                  <a:gd name="connsiteX7" fmla="*/ 787544 w 1584000"/>
                  <a:gd name="connsiteY7" fmla="*/ 829398 h 830546"/>
                  <a:gd name="connsiteX8" fmla="*/ 437588 w 1584000"/>
                  <a:gd name="connsiteY8" fmla="*/ 678126 h 830546"/>
                  <a:gd name="connsiteX9" fmla="*/ 0 w 1584000"/>
                  <a:gd name="connsiteY9" fmla="*/ 646473 h 830546"/>
                  <a:gd name="connsiteX10" fmla="*/ 0 w 1584000"/>
                  <a:gd name="connsiteY10" fmla="*/ 11639 h 830546"/>
                  <a:gd name="connsiteX0" fmla="*/ 0 w 1584000"/>
                  <a:gd name="connsiteY0" fmla="*/ 11639 h 996968"/>
                  <a:gd name="connsiteX1" fmla="*/ 717552 w 1584000"/>
                  <a:gd name="connsiteY1" fmla="*/ 68526 h 996968"/>
                  <a:gd name="connsiteX2" fmla="*/ 798833 w 1584000"/>
                  <a:gd name="connsiteY2" fmla="*/ 531371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37588 w 1584000"/>
                  <a:gd name="connsiteY8" fmla="*/ 678126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531371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6575 w 1584000"/>
                  <a:gd name="connsiteY2" fmla="*/ 698447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689416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689416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320111 w 1584000"/>
                  <a:gd name="connsiteY8" fmla="*/ 664434 h 996968"/>
                  <a:gd name="connsiteX9" fmla="*/ 0 w 1584000"/>
                  <a:gd name="connsiteY9" fmla="*/ 646473 h 996968"/>
                  <a:gd name="connsiteX10" fmla="*/ 0 w 1584000"/>
                  <a:gd name="connsiteY10" fmla="*/ 11639 h 996968"/>
                  <a:gd name="connsiteX0" fmla="*/ 0 w 1584000"/>
                  <a:gd name="connsiteY0" fmla="*/ 11639 h 999131"/>
                  <a:gd name="connsiteX1" fmla="*/ 717552 w 1584000"/>
                  <a:gd name="connsiteY1" fmla="*/ 68526 h 999131"/>
                  <a:gd name="connsiteX2" fmla="*/ 798833 w 1584000"/>
                  <a:gd name="connsiteY2" fmla="*/ 689416 h 999131"/>
                  <a:gd name="connsiteX3" fmla="*/ 898175 w 1584000"/>
                  <a:gd name="connsiteY3" fmla="*/ 64011 h 999131"/>
                  <a:gd name="connsiteX4" fmla="*/ 1584000 w 1584000"/>
                  <a:gd name="connsiteY4" fmla="*/ 11639 h 999131"/>
                  <a:gd name="connsiteX5" fmla="*/ 1584000 w 1584000"/>
                  <a:gd name="connsiteY5" fmla="*/ 646473 h 999131"/>
                  <a:gd name="connsiteX6" fmla="*/ 1121695 w 1584000"/>
                  <a:gd name="connsiteY6" fmla="*/ 696188 h 999131"/>
                  <a:gd name="connsiteX7" fmla="*/ 796575 w 1584000"/>
                  <a:gd name="connsiteY7" fmla="*/ 996473 h 999131"/>
                  <a:gd name="connsiteX8" fmla="*/ 575167 w 1584000"/>
                  <a:gd name="connsiteY8" fmla="*/ 823680 h 999131"/>
                  <a:gd name="connsiteX9" fmla="*/ 320111 w 1584000"/>
                  <a:gd name="connsiteY9" fmla="*/ 664434 h 999131"/>
                  <a:gd name="connsiteX10" fmla="*/ 0 w 1584000"/>
                  <a:gd name="connsiteY10" fmla="*/ 646473 h 999131"/>
                  <a:gd name="connsiteX11" fmla="*/ 0 w 1584000"/>
                  <a:gd name="connsiteY11" fmla="*/ 11639 h 999131"/>
                  <a:gd name="connsiteX0" fmla="*/ 0 w 1584000"/>
                  <a:gd name="connsiteY0" fmla="*/ 11639 h 999131"/>
                  <a:gd name="connsiteX1" fmla="*/ 717552 w 1584000"/>
                  <a:gd name="connsiteY1" fmla="*/ 68526 h 999131"/>
                  <a:gd name="connsiteX2" fmla="*/ 789001 w 1584000"/>
                  <a:gd name="connsiteY2" fmla="*/ 625506 h 999131"/>
                  <a:gd name="connsiteX3" fmla="*/ 898175 w 1584000"/>
                  <a:gd name="connsiteY3" fmla="*/ 64011 h 999131"/>
                  <a:gd name="connsiteX4" fmla="*/ 1584000 w 1584000"/>
                  <a:gd name="connsiteY4" fmla="*/ 11639 h 999131"/>
                  <a:gd name="connsiteX5" fmla="*/ 1584000 w 1584000"/>
                  <a:gd name="connsiteY5" fmla="*/ 646473 h 999131"/>
                  <a:gd name="connsiteX6" fmla="*/ 1121695 w 1584000"/>
                  <a:gd name="connsiteY6" fmla="*/ 696188 h 999131"/>
                  <a:gd name="connsiteX7" fmla="*/ 796575 w 1584000"/>
                  <a:gd name="connsiteY7" fmla="*/ 996473 h 999131"/>
                  <a:gd name="connsiteX8" fmla="*/ 575167 w 1584000"/>
                  <a:gd name="connsiteY8" fmla="*/ 823680 h 999131"/>
                  <a:gd name="connsiteX9" fmla="*/ 320111 w 1584000"/>
                  <a:gd name="connsiteY9" fmla="*/ 664434 h 999131"/>
                  <a:gd name="connsiteX10" fmla="*/ 0 w 1584000"/>
                  <a:gd name="connsiteY10" fmla="*/ 646473 h 999131"/>
                  <a:gd name="connsiteX11" fmla="*/ 0 w 1584000"/>
                  <a:gd name="connsiteY11" fmla="*/ 11639 h 999131"/>
                  <a:gd name="connsiteX0" fmla="*/ 0 w 1584000"/>
                  <a:gd name="connsiteY0" fmla="*/ 11639 h 1120877"/>
                  <a:gd name="connsiteX1" fmla="*/ 717552 w 1584000"/>
                  <a:gd name="connsiteY1" fmla="*/ 68526 h 1120877"/>
                  <a:gd name="connsiteX2" fmla="*/ 789001 w 1584000"/>
                  <a:gd name="connsiteY2" fmla="*/ 625506 h 1120877"/>
                  <a:gd name="connsiteX3" fmla="*/ 898175 w 1584000"/>
                  <a:gd name="connsiteY3" fmla="*/ 64011 h 1120877"/>
                  <a:gd name="connsiteX4" fmla="*/ 1584000 w 1584000"/>
                  <a:gd name="connsiteY4" fmla="*/ 11639 h 1120877"/>
                  <a:gd name="connsiteX5" fmla="*/ 1584000 w 1584000"/>
                  <a:gd name="connsiteY5" fmla="*/ 646473 h 1120877"/>
                  <a:gd name="connsiteX6" fmla="*/ 1121695 w 1584000"/>
                  <a:gd name="connsiteY6" fmla="*/ 696188 h 1120877"/>
                  <a:gd name="connsiteX7" fmla="*/ 811323 w 1584000"/>
                  <a:gd name="connsiteY7" fmla="*/ 1119376 h 1120877"/>
                  <a:gd name="connsiteX8" fmla="*/ 575167 w 1584000"/>
                  <a:gd name="connsiteY8" fmla="*/ 823680 h 1120877"/>
                  <a:gd name="connsiteX9" fmla="*/ 320111 w 1584000"/>
                  <a:gd name="connsiteY9" fmla="*/ 664434 h 1120877"/>
                  <a:gd name="connsiteX10" fmla="*/ 0 w 1584000"/>
                  <a:gd name="connsiteY10" fmla="*/ 646473 h 1120877"/>
                  <a:gd name="connsiteX11" fmla="*/ 0 w 1584000"/>
                  <a:gd name="connsiteY11" fmla="*/ 11639 h 1120877"/>
                  <a:gd name="connsiteX0" fmla="*/ 0 w 1584000"/>
                  <a:gd name="connsiteY0" fmla="*/ 11639 h 1119922"/>
                  <a:gd name="connsiteX1" fmla="*/ 717552 w 1584000"/>
                  <a:gd name="connsiteY1" fmla="*/ 68526 h 1119922"/>
                  <a:gd name="connsiteX2" fmla="*/ 789001 w 1584000"/>
                  <a:gd name="connsiteY2" fmla="*/ 625506 h 1119922"/>
                  <a:gd name="connsiteX3" fmla="*/ 898175 w 1584000"/>
                  <a:gd name="connsiteY3" fmla="*/ 64011 h 1119922"/>
                  <a:gd name="connsiteX4" fmla="*/ 1584000 w 1584000"/>
                  <a:gd name="connsiteY4" fmla="*/ 11639 h 1119922"/>
                  <a:gd name="connsiteX5" fmla="*/ 1584000 w 1584000"/>
                  <a:gd name="connsiteY5" fmla="*/ 646473 h 1119922"/>
                  <a:gd name="connsiteX6" fmla="*/ 1121695 w 1584000"/>
                  <a:gd name="connsiteY6" fmla="*/ 696188 h 1119922"/>
                  <a:gd name="connsiteX7" fmla="*/ 811323 w 1584000"/>
                  <a:gd name="connsiteY7" fmla="*/ 1119376 h 1119922"/>
                  <a:gd name="connsiteX8" fmla="*/ 575167 w 1584000"/>
                  <a:gd name="connsiteY8" fmla="*/ 823680 h 1119922"/>
                  <a:gd name="connsiteX9" fmla="*/ 320111 w 1584000"/>
                  <a:gd name="connsiteY9" fmla="*/ 664434 h 1119922"/>
                  <a:gd name="connsiteX10" fmla="*/ 0 w 1584000"/>
                  <a:gd name="connsiteY10" fmla="*/ 646473 h 1119922"/>
                  <a:gd name="connsiteX11" fmla="*/ 0 w 1584000"/>
                  <a:gd name="connsiteY11" fmla="*/ 11639 h 1119922"/>
                  <a:gd name="connsiteX0" fmla="*/ 0 w 1584000"/>
                  <a:gd name="connsiteY0" fmla="*/ 11639 h 1119922"/>
                  <a:gd name="connsiteX1" fmla="*/ 717552 w 1584000"/>
                  <a:gd name="connsiteY1" fmla="*/ 68526 h 1119922"/>
                  <a:gd name="connsiteX2" fmla="*/ 789001 w 1584000"/>
                  <a:gd name="connsiteY2" fmla="*/ 625506 h 1119922"/>
                  <a:gd name="connsiteX3" fmla="*/ 898175 w 1584000"/>
                  <a:gd name="connsiteY3" fmla="*/ 64011 h 1119922"/>
                  <a:gd name="connsiteX4" fmla="*/ 1584000 w 1584000"/>
                  <a:gd name="connsiteY4" fmla="*/ 11639 h 1119922"/>
                  <a:gd name="connsiteX5" fmla="*/ 1584000 w 1584000"/>
                  <a:gd name="connsiteY5" fmla="*/ 646473 h 1119922"/>
                  <a:gd name="connsiteX6" fmla="*/ 1121695 w 1584000"/>
                  <a:gd name="connsiteY6" fmla="*/ 696188 h 1119922"/>
                  <a:gd name="connsiteX7" fmla="*/ 811323 w 1584000"/>
                  <a:gd name="connsiteY7" fmla="*/ 1119376 h 1119922"/>
                  <a:gd name="connsiteX8" fmla="*/ 575167 w 1584000"/>
                  <a:gd name="connsiteY8" fmla="*/ 823680 h 1119922"/>
                  <a:gd name="connsiteX9" fmla="*/ 320111 w 1584000"/>
                  <a:gd name="connsiteY9" fmla="*/ 664434 h 1119922"/>
                  <a:gd name="connsiteX10" fmla="*/ 0 w 1584000"/>
                  <a:gd name="connsiteY10" fmla="*/ 646473 h 1119922"/>
                  <a:gd name="connsiteX11" fmla="*/ 0 w 1584000"/>
                  <a:gd name="connsiteY11" fmla="*/ 11639 h 1119922"/>
                  <a:gd name="connsiteX0" fmla="*/ 0 w 1584000"/>
                  <a:gd name="connsiteY0" fmla="*/ 11639 h 1119876"/>
                  <a:gd name="connsiteX1" fmla="*/ 717552 w 1584000"/>
                  <a:gd name="connsiteY1" fmla="*/ 68526 h 1119876"/>
                  <a:gd name="connsiteX2" fmla="*/ 789001 w 1584000"/>
                  <a:gd name="connsiteY2" fmla="*/ 625506 h 1119876"/>
                  <a:gd name="connsiteX3" fmla="*/ 898175 w 1584000"/>
                  <a:gd name="connsiteY3" fmla="*/ 64011 h 1119876"/>
                  <a:gd name="connsiteX4" fmla="*/ 1584000 w 1584000"/>
                  <a:gd name="connsiteY4" fmla="*/ 11639 h 1119876"/>
                  <a:gd name="connsiteX5" fmla="*/ 1584000 w 1584000"/>
                  <a:gd name="connsiteY5" fmla="*/ 646473 h 1119876"/>
                  <a:gd name="connsiteX6" fmla="*/ 1121695 w 1584000"/>
                  <a:gd name="connsiteY6" fmla="*/ 696188 h 1119876"/>
                  <a:gd name="connsiteX7" fmla="*/ 811323 w 1584000"/>
                  <a:gd name="connsiteY7" fmla="*/ 1119376 h 1119876"/>
                  <a:gd name="connsiteX8" fmla="*/ 575167 w 1584000"/>
                  <a:gd name="connsiteY8" fmla="*/ 823680 h 1119876"/>
                  <a:gd name="connsiteX9" fmla="*/ 320111 w 1584000"/>
                  <a:gd name="connsiteY9" fmla="*/ 664434 h 1119876"/>
                  <a:gd name="connsiteX10" fmla="*/ 0 w 1584000"/>
                  <a:gd name="connsiteY10" fmla="*/ 646473 h 1119876"/>
                  <a:gd name="connsiteX11" fmla="*/ 0 w 1584000"/>
                  <a:gd name="connsiteY11" fmla="*/ 11639 h 11198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121695 w 1584000"/>
                  <a:gd name="connsiteY6" fmla="*/ 696188 h 1119376"/>
                  <a:gd name="connsiteX7" fmla="*/ 811323 w 1584000"/>
                  <a:gd name="connsiteY7" fmla="*/ 1119376 h 1119376"/>
                  <a:gd name="connsiteX8" fmla="*/ 575167 w 1584000"/>
                  <a:gd name="connsiteY8" fmla="*/ 823680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121695 w 1584000"/>
                  <a:gd name="connsiteY6" fmla="*/ 696188 h 1119376"/>
                  <a:gd name="connsiteX7" fmla="*/ 811323 w 1584000"/>
                  <a:gd name="connsiteY7" fmla="*/ 1119376 h 1119376"/>
                  <a:gd name="connsiteX8" fmla="*/ 511257 w 1584000"/>
                  <a:gd name="connsiteY8" fmla="*/ 828596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511257 w 1584000"/>
                  <a:gd name="connsiteY8" fmla="*/ 828596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285698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74347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74347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3755 h 1121492"/>
                  <a:gd name="connsiteX1" fmla="*/ 717552 w 1584000"/>
                  <a:gd name="connsiteY1" fmla="*/ 70642 h 1121492"/>
                  <a:gd name="connsiteX2" fmla="*/ 789001 w 1584000"/>
                  <a:gd name="connsiteY2" fmla="*/ 627622 h 1121492"/>
                  <a:gd name="connsiteX3" fmla="*/ 874347 w 1584000"/>
                  <a:gd name="connsiteY3" fmla="*/ 66127 h 1121492"/>
                  <a:gd name="connsiteX4" fmla="*/ 1584000 w 1584000"/>
                  <a:gd name="connsiteY4" fmla="*/ 13755 h 1121492"/>
                  <a:gd name="connsiteX5" fmla="*/ 1584000 w 1584000"/>
                  <a:gd name="connsiteY5" fmla="*/ 648589 h 1121492"/>
                  <a:gd name="connsiteX6" fmla="*/ 1249514 w 1584000"/>
                  <a:gd name="connsiteY6" fmla="*/ 708137 h 1121492"/>
                  <a:gd name="connsiteX7" fmla="*/ 811323 w 1584000"/>
                  <a:gd name="connsiteY7" fmla="*/ 1121492 h 1121492"/>
                  <a:gd name="connsiteX8" fmla="*/ 339775 w 1584000"/>
                  <a:gd name="connsiteY8" fmla="*/ 661634 h 1121492"/>
                  <a:gd name="connsiteX9" fmla="*/ 0 w 1584000"/>
                  <a:gd name="connsiteY9" fmla="*/ 648589 h 1121492"/>
                  <a:gd name="connsiteX10" fmla="*/ 0 w 1584000"/>
                  <a:gd name="connsiteY10" fmla="*/ 13755 h 1121492"/>
                  <a:gd name="connsiteX0" fmla="*/ 0 w 1584000"/>
                  <a:gd name="connsiteY0" fmla="*/ 13755 h 1121492"/>
                  <a:gd name="connsiteX1" fmla="*/ 717552 w 1584000"/>
                  <a:gd name="connsiteY1" fmla="*/ 70642 h 1121492"/>
                  <a:gd name="connsiteX2" fmla="*/ 789001 w 1584000"/>
                  <a:gd name="connsiteY2" fmla="*/ 627622 h 1121492"/>
                  <a:gd name="connsiteX3" fmla="*/ 874347 w 1584000"/>
                  <a:gd name="connsiteY3" fmla="*/ 66127 h 1121492"/>
                  <a:gd name="connsiteX4" fmla="*/ 1584000 w 1584000"/>
                  <a:gd name="connsiteY4" fmla="*/ 13755 h 1121492"/>
                  <a:gd name="connsiteX5" fmla="*/ 1584000 w 1584000"/>
                  <a:gd name="connsiteY5" fmla="*/ 648589 h 1121492"/>
                  <a:gd name="connsiteX6" fmla="*/ 1249514 w 1584000"/>
                  <a:gd name="connsiteY6" fmla="*/ 708137 h 1121492"/>
                  <a:gd name="connsiteX7" fmla="*/ 811323 w 1584000"/>
                  <a:gd name="connsiteY7" fmla="*/ 1121492 h 1121492"/>
                  <a:gd name="connsiteX8" fmla="*/ 339775 w 1584000"/>
                  <a:gd name="connsiteY8" fmla="*/ 661634 h 1121492"/>
                  <a:gd name="connsiteX9" fmla="*/ 0 w 1584000"/>
                  <a:gd name="connsiteY9" fmla="*/ 648589 h 1121492"/>
                  <a:gd name="connsiteX10" fmla="*/ 0 w 1584000"/>
                  <a:gd name="connsiteY10" fmla="*/ 13755 h 1121492"/>
                  <a:gd name="connsiteX0" fmla="*/ 0 w 1584000"/>
                  <a:gd name="connsiteY0" fmla="*/ 15883 h 1123620"/>
                  <a:gd name="connsiteX1" fmla="*/ 717552 w 1584000"/>
                  <a:gd name="connsiteY1" fmla="*/ 72770 h 1123620"/>
                  <a:gd name="connsiteX2" fmla="*/ 789001 w 1584000"/>
                  <a:gd name="connsiteY2" fmla="*/ 629750 h 1123620"/>
                  <a:gd name="connsiteX3" fmla="*/ 895196 w 1584000"/>
                  <a:gd name="connsiteY3" fmla="*/ 62298 h 1123620"/>
                  <a:gd name="connsiteX4" fmla="*/ 1584000 w 1584000"/>
                  <a:gd name="connsiteY4" fmla="*/ 15883 h 1123620"/>
                  <a:gd name="connsiteX5" fmla="*/ 1584000 w 1584000"/>
                  <a:gd name="connsiteY5" fmla="*/ 650717 h 1123620"/>
                  <a:gd name="connsiteX6" fmla="*/ 1249514 w 1584000"/>
                  <a:gd name="connsiteY6" fmla="*/ 710265 h 1123620"/>
                  <a:gd name="connsiteX7" fmla="*/ 811323 w 1584000"/>
                  <a:gd name="connsiteY7" fmla="*/ 1123620 h 1123620"/>
                  <a:gd name="connsiteX8" fmla="*/ 339775 w 1584000"/>
                  <a:gd name="connsiteY8" fmla="*/ 663762 h 1123620"/>
                  <a:gd name="connsiteX9" fmla="*/ 0 w 1584000"/>
                  <a:gd name="connsiteY9" fmla="*/ 650717 h 1123620"/>
                  <a:gd name="connsiteX10" fmla="*/ 0 w 1584000"/>
                  <a:gd name="connsiteY10" fmla="*/ 15883 h 11236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84000" h="1123620">
                    <a:moveTo>
                      <a:pt x="0" y="15883"/>
                    </a:moveTo>
                    <a:cubicBezTo>
                      <a:pt x="10466" y="3097"/>
                      <a:pt x="547914" y="-17990"/>
                      <a:pt x="717552" y="72770"/>
                    </a:cubicBezTo>
                    <a:cubicBezTo>
                      <a:pt x="790108" y="168046"/>
                      <a:pt x="699156" y="645252"/>
                      <a:pt x="789001" y="629750"/>
                    </a:cubicBezTo>
                    <a:cubicBezTo>
                      <a:pt x="855982" y="665874"/>
                      <a:pt x="774367" y="135718"/>
                      <a:pt x="895196" y="62298"/>
                    </a:cubicBezTo>
                    <a:cubicBezTo>
                      <a:pt x="1078574" y="-20057"/>
                      <a:pt x="1555491" y="-3677"/>
                      <a:pt x="1584000" y="15883"/>
                    </a:cubicBezTo>
                    <a:lnTo>
                      <a:pt x="1584000" y="650717"/>
                    </a:lnTo>
                    <a:cubicBezTo>
                      <a:pt x="1555359" y="726560"/>
                      <a:pt x="1382257" y="679778"/>
                      <a:pt x="1249514" y="710265"/>
                    </a:cubicBezTo>
                    <a:cubicBezTo>
                      <a:pt x="1116771" y="740753"/>
                      <a:pt x="1180173" y="1104829"/>
                      <a:pt x="811323" y="1123620"/>
                    </a:cubicBezTo>
                    <a:cubicBezTo>
                      <a:pt x="371288" y="1116689"/>
                      <a:pt x="489745" y="713083"/>
                      <a:pt x="339775" y="663762"/>
                    </a:cubicBezTo>
                    <a:lnTo>
                      <a:pt x="0" y="650717"/>
                    </a:lnTo>
                    <a:lnTo>
                      <a:pt x="0" y="15883"/>
                    </a:lnTo>
                    <a:close/>
                  </a:path>
                </a:pathLst>
              </a:custGeom>
              <a:solidFill>
                <a:srgbClr val="FFE2A7"/>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4" name="Pia mater">
                <a:extLst>
                  <a:ext uri="{FF2B5EF4-FFF2-40B4-BE49-F238E27FC236}">
                    <a16:creationId xmlns:a16="http://schemas.microsoft.com/office/drawing/2014/main" id="{AF635311-543B-4BA8-B15A-3DDE9D095D05}"/>
                  </a:ext>
                </a:extLst>
              </p:cNvPr>
              <p:cNvSpPr/>
              <p:nvPr/>
            </p:nvSpPr>
            <p:spPr>
              <a:xfrm>
                <a:off x="1549543" y="3135175"/>
                <a:ext cx="1580242" cy="630946"/>
              </a:xfrm>
              <a:custGeom>
                <a:avLst/>
                <a:gdLst>
                  <a:gd name="connsiteX0" fmla="*/ 0 w 1584562"/>
                  <a:gd name="connsiteY0" fmla="*/ 5957 h 5957"/>
                  <a:gd name="connsiteX1" fmla="*/ 1581584 w 1584562"/>
                  <a:gd name="connsiteY1" fmla="*/ 0 h 5957"/>
                  <a:gd name="connsiteX2" fmla="*/ 1584562 w 1584562"/>
                  <a:gd name="connsiteY2" fmla="*/ 0 h 5957"/>
                  <a:gd name="connsiteX3" fmla="*/ 1584562 w 1584562"/>
                  <a:gd name="connsiteY3" fmla="*/ 0 h 5957"/>
                  <a:gd name="connsiteX0" fmla="*/ 0 w 10000"/>
                  <a:gd name="connsiteY0" fmla="*/ 10000 h 1050002"/>
                  <a:gd name="connsiteX1" fmla="*/ 5056 w 10000"/>
                  <a:gd name="connsiteY1" fmla="*/ 1050002 h 1050002"/>
                  <a:gd name="connsiteX2" fmla="*/ 9981 w 10000"/>
                  <a:gd name="connsiteY2" fmla="*/ 0 h 1050002"/>
                  <a:gd name="connsiteX3" fmla="*/ 10000 w 10000"/>
                  <a:gd name="connsiteY3" fmla="*/ 0 h 1050002"/>
                  <a:gd name="connsiteX4" fmla="*/ 10000 w 10000"/>
                  <a:gd name="connsiteY4" fmla="*/ 0 h 1050002"/>
                  <a:gd name="connsiteX0" fmla="*/ 0 w 10000"/>
                  <a:gd name="connsiteY0" fmla="*/ 10000 h 1058338"/>
                  <a:gd name="connsiteX1" fmla="*/ 4530 w 10000"/>
                  <a:gd name="connsiteY1" fmla="*/ 119998 h 1058338"/>
                  <a:gd name="connsiteX2" fmla="*/ 5056 w 10000"/>
                  <a:gd name="connsiteY2" fmla="*/ 1050002 h 1058338"/>
                  <a:gd name="connsiteX3" fmla="*/ 9981 w 10000"/>
                  <a:gd name="connsiteY3" fmla="*/ 0 h 1058338"/>
                  <a:gd name="connsiteX4" fmla="*/ 10000 w 10000"/>
                  <a:gd name="connsiteY4" fmla="*/ 0 h 1058338"/>
                  <a:gd name="connsiteX5" fmla="*/ 10000 w 10000"/>
                  <a:gd name="connsiteY5" fmla="*/ 0 h 1058338"/>
                  <a:gd name="connsiteX0" fmla="*/ 0 w 10000"/>
                  <a:gd name="connsiteY0" fmla="*/ 10000 h 1056434"/>
                  <a:gd name="connsiteX1" fmla="*/ 4530 w 10000"/>
                  <a:gd name="connsiteY1" fmla="*/ 119998 h 1056434"/>
                  <a:gd name="connsiteX2" fmla="*/ 5056 w 10000"/>
                  <a:gd name="connsiteY2" fmla="*/ 1050002 h 1056434"/>
                  <a:gd name="connsiteX3" fmla="*/ 5658 w 10000"/>
                  <a:gd name="connsiteY3" fmla="*/ 99998 h 1056434"/>
                  <a:gd name="connsiteX4" fmla="*/ 9981 w 10000"/>
                  <a:gd name="connsiteY4" fmla="*/ 0 h 1056434"/>
                  <a:gd name="connsiteX5" fmla="*/ 10000 w 10000"/>
                  <a:gd name="connsiteY5" fmla="*/ 0 h 1056434"/>
                  <a:gd name="connsiteX6" fmla="*/ 10000 w 10000"/>
                  <a:gd name="connsiteY6" fmla="*/ 0 h 1056434"/>
                  <a:gd name="connsiteX0" fmla="*/ 0 w 10000"/>
                  <a:gd name="connsiteY0" fmla="*/ 10000 h 1056436"/>
                  <a:gd name="connsiteX1" fmla="*/ 4530 w 10000"/>
                  <a:gd name="connsiteY1" fmla="*/ 119998 h 1056436"/>
                  <a:gd name="connsiteX2" fmla="*/ 5056 w 10000"/>
                  <a:gd name="connsiteY2" fmla="*/ 1050002 h 1056436"/>
                  <a:gd name="connsiteX3" fmla="*/ 5658 w 10000"/>
                  <a:gd name="connsiteY3" fmla="*/ 99998 h 1056436"/>
                  <a:gd name="connsiteX4" fmla="*/ 9981 w 10000"/>
                  <a:gd name="connsiteY4" fmla="*/ 0 h 1056436"/>
                  <a:gd name="connsiteX5" fmla="*/ 10000 w 10000"/>
                  <a:gd name="connsiteY5" fmla="*/ 0 h 1056436"/>
                  <a:gd name="connsiteX6" fmla="*/ 10000 w 10000"/>
                  <a:gd name="connsiteY6" fmla="*/ 0 h 1056436"/>
                  <a:gd name="connsiteX0" fmla="*/ 0 w 10000"/>
                  <a:gd name="connsiteY0" fmla="*/ 10000 h 1056434"/>
                  <a:gd name="connsiteX1" fmla="*/ 4530 w 10000"/>
                  <a:gd name="connsiteY1" fmla="*/ 119998 h 1056434"/>
                  <a:gd name="connsiteX2" fmla="*/ 5056 w 10000"/>
                  <a:gd name="connsiteY2" fmla="*/ 1050002 h 1056434"/>
                  <a:gd name="connsiteX3" fmla="*/ 5658 w 10000"/>
                  <a:gd name="connsiteY3" fmla="*/ 99998 h 1056434"/>
                  <a:gd name="connsiteX4" fmla="*/ 9981 w 10000"/>
                  <a:gd name="connsiteY4" fmla="*/ 0 h 1056434"/>
                  <a:gd name="connsiteX5" fmla="*/ 10000 w 10000"/>
                  <a:gd name="connsiteY5" fmla="*/ 0 h 1056434"/>
                  <a:gd name="connsiteX6" fmla="*/ 10000 w 10000"/>
                  <a:gd name="connsiteY6" fmla="*/ 0 h 1056434"/>
                  <a:gd name="connsiteX0" fmla="*/ 0 w 10000"/>
                  <a:gd name="connsiteY0" fmla="*/ 10000 h 1056436"/>
                  <a:gd name="connsiteX1" fmla="*/ 4530 w 10000"/>
                  <a:gd name="connsiteY1" fmla="*/ 119998 h 1056436"/>
                  <a:gd name="connsiteX2" fmla="*/ 5056 w 10000"/>
                  <a:gd name="connsiteY2" fmla="*/ 1050002 h 1056436"/>
                  <a:gd name="connsiteX3" fmla="*/ 5658 w 10000"/>
                  <a:gd name="connsiteY3" fmla="*/ 99998 h 1056436"/>
                  <a:gd name="connsiteX4" fmla="*/ 9981 w 10000"/>
                  <a:gd name="connsiteY4" fmla="*/ 0 h 1056436"/>
                  <a:gd name="connsiteX5" fmla="*/ 10000 w 10000"/>
                  <a:gd name="connsiteY5" fmla="*/ 0 h 1056436"/>
                  <a:gd name="connsiteX6" fmla="*/ 10000 w 10000"/>
                  <a:gd name="connsiteY6" fmla="*/ 0 h 1056436"/>
                  <a:gd name="connsiteX0" fmla="*/ 0 w 10000"/>
                  <a:gd name="connsiteY0" fmla="*/ 10000 h 1050002"/>
                  <a:gd name="connsiteX1" fmla="*/ 4530 w 10000"/>
                  <a:gd name="connsiteY1" fmla="*/ 119998 h 1050002"/>
                  <a:gd name="connsiteX2" fmla="*/ 5056 w 10000"/>
                  <a:gd name="connsiteY2" fmla="*/ 1050002 h 1050002"/>
                  <a:gd name="connsiteX3" fmla="*/ 5658 w 10000"/>
                  <a:gd name="connsiteY3" fmla="*/ 99998 h 1050002"/>
                  <a:gd name="connsiteX4" fmla="*/ 9981 w 10000"/>
                  <a:gd name="connsiteY4" fmla="*/ 0 h 1050002"/>
                  <a:gd name="connsiteX5" fmla="*/ 10000 w 10000"/>
                  <a:gd name="connsiteY5" fmla="*/ 0 h 1050002"/>
                  <a:gd name="connsiteX6" fmla="*/ 10000 w 10000"/>
                  <a:gd name="connsiteY6" fmla="*/ 0 h 1050002"/>
                  <a:gd name="connsiteX0" fmla="*/ 0 w 10115"/>
                  <a:gd name="connsiteY0" fmla="*/ 17317 h 1057319"/>
                  <a:gd name="connsiteX1" fmla="*/ 4530 w 10115"/>
                  <a:gd name="connsiteY1" fmla="*/ 127315 h 1057319"/>
                  <a:gd name="connsiteX2" fmla="*/ 5056 w 10115"/>
                  <a:gd name="connsiteY2" fmla="*/ 1057319 h 1057319"/>
                  <a:gd name="connsiteX3" fmla="*/ 5658 w 10115"/>
                  <a:gd name="connsiteY3" fmla="*/ 107315 h 1057319"/>
                  <a:gd name="connsiteX4" fmla="*/ 9737 w 10115"/>
                  <a:gd name="connsiteY4" fmla="*/ 7315 h 1057319"/>
                  <a:gd name="connsiteX5" fmla="*/ 9981 w 10115"/>
                  <a:gd name="connsiteY5" fmla="*/ 7317 h 1057319"/>
                  <a:gd name="connsiteX6" fmla="*/ 10000 w 10115"/>
                  <a:gd name="connsiteY6" fmla="*/ 7317 h 1057319"/>
                  <a:gd name="connsiteX7" fmla="*/ 10000 w 10115"/>
                  <a:gd name="connsiteY7" fmla="*/ 7317 h 1057319"/>
                  <a:gd name="connsiteX0" fmla="*/ 0 w 10115"/>
                  <a:gd name="connsiteY0" fmla="*/ 17319 h 1057321"/>
                  <a:gd name="connsiteX1" fmla="*/ 4609 w 10115"/>
                  <a:gd name="connsiteY1" fmla="*/ 131478 h 1057321"/>
                  <a:gd name="connsiteX2" fmla="*/ 5056 w 10115"/>
                  <a:gd name="connsiteY2" fmla="*/ 1057321 h 1057321"/>
                  <a:gd name="connsiteX3" fmla="*/ 5658 w 10115"/>
                  <a:gd name="connsiteY3" fmla="*/ 107317 h 1057321"/>
                  <a:gd name="connsiteX4" fmla="*/ 9737 w 10115"/>
                  <a:gd name="connsiteY4" fmla="*/ 7317 h 1057321"/>
                  <a:gd name="connsiteX5" fmla="*/ 9981 w 10115"/>
                  <a:gd name="connsiteY5" fmla="*/ 7319 h 1057321"/>
                  <a:gd name="connsiteX6" fmla="*/ 10000 w 10115"/>
                  <a:gd name="connsiteY6" fmla="*/ 7319 h 1057321"/>
                  <a:gd name="connsiteX7" fmla="*/ 10000 w 10115"/>
                  <a:gd name="connsiteY7" fmla="*/ 7319 h 1057321"/>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6" fmla="*/ 10000 w 10115"/>
                  <a:gd name="connsiteY6" fmla="*/ 6271 h 1056273"/>
                  <a:gd name="connsiteX7" fmla="*/ 10000 w 10115"/>
                  <a:gd name="connsiteY7" fmla="*/ 6271 h 1056273"/>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6" fmla="*/ 10000 w 10115"/>
                  <a:gd name="connsiteY6" fmla="*/ 6271 h 1056273"/>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0" fmla="*/ 0 w 10077"/>
                  <a:gd name="connsiteY0" fmla="*/ 115514 h 1155516"/>
                  <a:gd name="connsiteX1" fmla="*/ 4609 w 10077"/>
                  <a:gd name="connsiteY1" fmla="*/ 229673 h 1155516"/>
                  <a:gd name="connsiteX2" fmla="*/ 5056 w 10077"/>
                  <a:gd name="connsiteY2" fmla="*/ 1155516 h 1155516"/>
                  <a:gd name="connsiteX3" fmla="*/ 5658 w 10077"/>
                  <a:gd name="connsiteY3" fmla="*/ 205512 h 1155516"/>
                  <a:gd name="connsiteX4" fmla="*/ 9674 w 10077"/>
                  <a:gd name="connsiteY4" fmla="*/ 1514 h 1155516"/>
                  <a:gd name="connsiteX5" fmla="*/ 9981 w 10077"/>
                  <a:gd name="connsiteY5" fmla="*/ 105514 h 1155516"/>
                  <a:gd name="connsiteX0" fmla="*/ 0 w 10113"/>
                  <a:gd name="connsiteY0" fmla="*/ 115514 h 1155516"/>
                  <a:gd name="connsiteX1" fmla="*/ 4609 w 10113"/>
                  <a:gd name="connsiteY1" fmla="*/ 229673 h 1155516"/>
                  <a:gd name="connsiteX2" fmla="*/ 5056 w 10113"/>
                  <a:gd name="connsiteY2" fmla="*/ 1155516 h 1155516"/>
                  <a:gd name="connsiteX3" fmla="*/ 5658 w 10113"/>
                  <a:gd name="connsiteY3" fmla="*/ 205512 h 1155516"/>
                  <a:gd name="connsiteX4" fmla="*/ 9674 w 10113"/>
                  <a:gd name="connsiteY4" fmla="*/ 1514 h 1155516"/>
                  <a:gd name="connsiteX5" fmla="*/ 10060 w 10113"/>
                  <a:gd name="connsiteY5" fmla="*/ 105515 h 1155516"/>
                  <a:gd name="connsiteX0" fmla="*/ 0 w 10060"/>
                  <a:gd name="connsiteY0" fmla="*/ 19726 h 1059728"/>
                  <a:gd name="connsiteX1" fmla="*/ 4609 w 10060"/>
                  <a:gd name="connsiteY1" fmla="*/ 133885 h 1059728"/>
                  <a:gd name="connsiteX2" fmla="*/ 5056 w 10060"/>
                  <a:gd name="connsiteY2" fmla="*/ 1059728 h 1059728"/>
                  <a:gd name="connsiteX3" fmla="*/ 5658 w 10060"/>
                  <a:gd name="connsiteY3" fmla="*/ 109724 h 1059728"/>
                  <a:gd name="connsiteX4" fmla="*/ 9310 w 10060"/>
                  <a:gd name="connsiteY4" fmla="*/ 5563 h 1059728"/>
                  <a:gd name="connsiteX5" fmla="*/ 10060 w 10060"/>
                  <a:gd name="connsiteY5" fmla="*/ 9727 h 1059728"/>
                  <a:gd name="connsiteX0" fmla="*/ 0 w 10028"/>
                  <a:gd name="connsiteY0" fmla="*/ 17285 h 1057287"/>
                  <a:gd name="connsiteX1" fmla="*/ 4609 w 10028"/>
                  <a:gd name="connsiteY1" fmla="*/ 131444 h 1057287"/>
                  <a:gd name="connsiteX2" fmla="*/ 5056 w 10028"/>
                  <a:gd name="connsiteY2" fmla="*/ 1057287 h 1057287"/>
                  <a:gd name="connsiteX3" fmla="*/ 5658 w 10028"/>
                  <a:gd name="connsiteY3" fmla="*/ 107283 h 1057287"/>
                  <a:gd name="connsiteX4" fmla="*/ 9310 w 10028"/>
                  <a:gd name="connsiteY4" fmla="*/ 3122 h 1057287"/>
                  <a:gd name="connsiteX5" fmla="*/ 10028 w 10028"/>
                  <a:gd name="connsiteY5" fmla="*/ 36404 h 1057287"/>
                  <a:gd name="connsiteX0" fmla="*/ 0 w 10091"/>
                  <a:gd name="connsiteY0" fmla="*/ 19163 h 1059165"/>
                  <a:gd name="connsiteX1" fmla="*/ 4609 w 10091"/>
                  <a:gd name="connsiteY1" fmla="*/ 133322 h 1059165"/>
                  <a:gd name="connsiteX2" fmla="*/ 5056 w 10091"/>
                  <a:gd name="connsiteY2" fmla="*/ 1059165 h 1059165"/>
                  <a:gd name="connsiteX3" fmla="*/ 5658 w 10091"/>
                  <a:gd name="connsiteY3" fmla="*/ 109161 h 1059165"/>
                  <a:gd name="connsiteX4" fmla="*/ 9310 w 10091"/>
                  <a:gd name="connsiteY4" fmla="*/ 5000 h 1059165"/>
                  <a:gd name="connsiteX5" fmla="*/ 10091 w 10091"/>
                  <a:gd name="connsiteY5" fmla="*/ 13322 h 1059165"/>
                  <a:gd name="connsiteX0" fmla="*/ 0 w 10091"/>
                  <a:gd name="connsiteY0" fmla="*/ 19165 h 1059167"/>
                  <a:gd name="connsiteX1" fmla="*/ 4609 w 10091"/>
                  <a:gd name="connsiteY1" fmla="*/ 133324 h 1059167"/>
                  <a:gd name="connsiteX2" fmla="*/ 5056 w 10091"/>
                  <a:gd name="connsiteY2" fmla="*/ 1059167 h 1059167"/>
                  <a:gd name="connsiteX3" fmla="*/ 5658 w 10091"/>
                  <a:gd name="connsiteY3" fmla="*/ 109163 h 1059167"/>
                  <a:gd name="connsiteX4" fmla="*/ 9310 w 10091"/>
                  <a:gd name="connsiteY4" fmla="*/ 5002 h 1059167"/>
                  <a:gd name="connsiteX5" fmla="*/ 10091 w 10091"/>
                  <a:gd name="connsiteY5" fmla="*/ 13324 h 1059167"/>
                  <a:gd name="connsiteX0" fmla="*/ 0 w 10091"/>
                  <a:gd name="connsiteY0" fmla="*/ 19165 h 1059167"/>
                  <a:gd name="connsiteX1" fmla="*/ 4609 w 10091"/>
                  <a:gd name="connsiteY1" fmla="*/ 133324 h 1059167"/>
                  <a:gd name="connsiteX2" fmla="*/ 5056 w 10091"/>
                  <a:gd name="connsiteY2" fmla="*/ 1059167 h 1059167"/>
                  <a:gd name="connsiteX3" fmla="*/ 5658 w 10091"/>
                  <a:gd name="connsiteY3" fmla="*/ 109163 h 1059167"/>
                  <a:gd name="connsiteX4" fmla="*/ 9310 w 10091"/>
                  <a:gd name="connsiteY4" fmla="*/ 5002 h 1059167"/>
                  <a:gd name="connsiteX5" fmla="*/ 10091 w 10091"/>
                  <a:gd name="connsiteY5" fmla="*/ 13324 h 10591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91" h="1059167">
                    <a:moveTo>
                      <a:pt x="0" y="19165"/>
                    </a:moveTo>
                    <a:cubicBezTo>
                      <a:pt x="805" y="24164"/>
                      <a:pt x="3766" y="-40010"/>
                      <a:pt x="4609" y="133324"/>
                    </a:cubicBezTo>
                    <a:cubicBezTo>
                      <a:pt x="5070" y="261021"/>
                      <a:pt x="4336" y="1035000"/>
                      <a:pt x="5056" y="1059167"/>
                    </a:cubicBezTo>
                    <a:cubicBezTo>
                      <a:pt x="5532" y="1023335"/>
                      <a:pt x="4837" y="284163"/>
                      <a:pt x="5658" y="109163"/>
                    </a:cubicBezTo>
                    <a:cubicBezTo>
                      <a:pt x="6530" y="-22566"/>
                      <a:pt x="8590" y="21668"/>
                      <a:pt x="9310" y="5002"/>
                    </a:cubicBezTo>
                    <a:cubicBezTo>
                      <a:pt x="10030" y="-11664"/>
                      <a:pt x="10028" y="19157"/>
                      <a:pt x="10091" y="13324"/>
                    </a:cubicBezTo>
                  </a:path>
                </a:pathLst>
              </a:custGeom>
              <a:noFill/>
              <a:ln w="38100">
                <a:solidFill>
                  <a:srgbClr val="FF98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5" name="Kar">
                <a:extLst>
                  <a:ext uri="{FF2B5EF4-FFF2-40B4-BE49-F238E27FC236}">
                    <a16:creationId xmlns:a16="http://schemas.microsoft.com/office/drawing/2014/main" id="{D935754C-9E2F-4CEE-B924-6F0173AEB12E}"/>
                  </a:ext>
                </a:extLst>
              </p:cNvPr>
              <p:cNvSpPr/>
              <p:nvPr/>
            </p:nvSpPr>
            <p:spPr>
              <a:xfrm>
                <a:off x="2317628" y="3268361"/>
                <a:ext cx="15514" cy="443252"/>
              </a:xfrm>
              <a:custGeom>
                <a:avLst/>
                <a:gdLst>
                  <a:gd name="connsiteX0" fmla="*/ 15514 w 15514"/>
                  <a:gd name="connsiteY0" fmla="*/ 0 h 443252"/>
                  <a:gd name="connsiteX1" fmla="*/ 15 w 15514"/>
                  <a:gd name="connsiteY1" fmla="*/ 210777 h 443252"/>
                  <a:gd name="connsiteX2" fmla="*/ 12414 w 15514"/>
                  <a:gd name="connsiteY2" fmla="*/ 443252 h 443252"/>
                  <a:gd name="connsiteX3" fmla="*/ 12414 w 15514"/>
                  <a:gd name="connsiteY3" fmla="*/ 443252 h 443252"/>
                </a:gdLst>
                <a:ahLst/>
                <a:cxnLst>
                  <a:cxn ang="0">
                    <a:pos x="connsiteX0" y="connsiteY0"/>
                  </a:cxn>
                  <a:cxn ang="0">
                    <a:pos x="connsiteX1" y="connsiteY1"/>
                  </a:cxn>
                  <a:cxn ang="0">
                    <a:pos x="connsiteX2" y="connsiteY2"/>
                  </a:cxn>
                  <a:cxn ang="0">
                    <a:pos x="connsiteX3" y="connsiteY3"/>
                  </a:cxn>
                </a:cxnLst>
                <a:rect l="l" t="t" r="r" b="b"/>
                <a:pathLst>
                  <a:path w="15514" h="443252">
                    <a:moveTo>
                      <a:pt x="15514" y="0"/>
                    </a:moveTo>
                    <a:cubicBezTo>
                      <a:pt x="8023" y="68451"/>
                      <a:pt x="532" y="136902"/>
                      <a:pt x="15" y="210777"/>
                    </a:cubicBezTo>
                    <a:cubicBezTo>
                      <a:pt x="-502" y="284652"/>
                      <a:pt x="12414" y="443252"/>
                      <a:pt x="12414" y="443252"/>
                    </a:cubicBezTo>
                    <a:lnTo>
                      <a:pt x="12414" y="443252"/>
                    </a:lnTo>
                  </a:path>
                </a:pathLst>
              </a:cu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6" name="Kar">
                <a:extLst>
                  <a:ext uri="{FF2B5EF4-FFF2-40B4-BE49-F238E27FC236}">
                    <a16:creationId xmlns:a16="http://schemas.microsoft.com/office/drawing/2014/main" id="{6AD8FF76-170F-40D3-B21D-905C65EF871F}"/>
                  </a:ext>
                </a:extLst>
              </p:cNvPr>
              <p:cNvSpPr/>
              <p:nvPr/>
            </p:nvSpPr>
            <p:spPr>
              <a:xfrm>
                <a:off x="1688986" y="3666709"/>
                <a:ext cx="635952" cy="1123618"/>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7" name="Kar">
                <a:extLst>
                  <a:ext uri="{FF2B5EF4-FFF2-40B4-BE49-F238E27FC236}">
                    <a16:creationId xmlns:a16="http://schemas.microsoft.com/office/drawing/2014/main" id="{06A3E16B-6C08-4A67-868D-7C435E2A5734}"/>
                  </a:ext>
                </a:extLst>
              </p:cNvPr>
              <p:cNvSpPr/>
              <p:nvPr/>
            </p:nvSpPr>
            <p:spPr>
              <a:xfrm rot="1121162">
                <a:off x="1954633" y="3930077"/>
                <a:ext cx="290498" cy="354315"/>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8" name="Kar">
                <a:extLst>
                  <a:ext uri="{FF2B5EF4-FFF2-40B4-BE49-F238E27FC236}">
                    <a16:creationId xmlns:a16="http://schemas.microsoft.com/office/drawing/2014/main" id="{26BFFEA3-5327-4B9E-9EE5-E4C935D9D80D}"/>
                  </a:ext>
                </a:extLst>
              </p:cNvPr>
              <p:cNvSpPr/>
              <p:nvPr/>
            </p:nvSpPr>
            <p:spPr>
              <a:xfrm rot="19594358" flipH="1">
                <a:off x="2456784" y="3951344"/>
                <a:ext cx="260459" cy="405263"/>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9" name="Kar">
                <a:extLst>
                  <a:ext uri="{FF2B5EF4-FFF2-40B4-BE49-F238E27FC236}">
                    <a16:creationId xmlns:a16="http://schemas.microsoft.com/office/drawing/2014/main" id="{072AC84C-BB6C-41AB-8B12-5DC577ADB49F}"/>
                  </a:ext>
                </a:extLst>
              </p:cNvPr>
              <p:cNvSpPr/>
              <p:nvPr/>
            </p:nvSpPr>
            <p:spPr>
              <a:xfrm rot="1228588" flipH="1">
                <a:off x="2039358" y="4335728"/>
                <a:ext cx="177833" cy="283612"/>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0" name="Kar">
                <a:extLst>
                  <a:ext uri="{FF2B5EF4-FFF2-40B4-BE49-F238E27FC236}">
                    <a16:creationId xmlns:a16="http://schemas.microsoft.com/office/drawing/2014/main" id="{49D85CE4-9232-4FD5-AB40-C5ADB7314F20}"/>
                  </a:ext>
                </a:extLst>
              </p:cNvPr>
              <p:cNvSpPr/>
              <p:nvPr/>
            </p:nvSpPr>
            <p:spPr>
              <a:xfrm flipH="1">
                <a:off x="2333013" y="3708890"/>
                <a:ext cx="479926" cy="1123619"/>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1" name="Arterie">
                <a:extLst>
                  <a:ext uri="{FF2B5EF4-FFF2-40B4-BE49-F238E27FC236}">
                    <a16:creationId xmlns:a16="http://schemas.microsoft.com/office/drawing/2014/main" id="{8C9D8E9B-6B74-449E-B75B-E5BE957329C3}"/>
                  </a:ext>
                </a:extLst>
              </p:cNvPr>
              <p:cNvSpPr/>
              <p:nvPr/>
            </p:nvSpPr>
            <p:spPr>
              <a:xfrm>
                <a:off x="2267744" y="3105493"/>
                <a:ext cx="144016" cy="171274"/>
              </a:xfrm>
              <a:prstGeom prst="donut">
                <a:avLst>
                  <a:gd name="adj" fmla="val 46876"/>
                </a:avLst>
              </a:prstGeom>
              <a:solidFill>
                <a:srgbClr val="FF0000"/>
              </a:solid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
            <p:nvSpPr>
              <p:cNvPr id="62" name="Dura mater">
                <a:extLst>
                  <a:ext uri="{FF2B5EF4-FFF2-40B4-BE49-F238E27FC236}">
                    <a16:creationId xmlns:a16="http://schemas.microsoft.com/office/drawing/2014/main" id="{392C8FA8-13DC-4061-80C1-02C2A032F9B6}"/>
                  </a:ext>
                </a:extLst>
              </p:cNvPr>
              <p:cNvSpPr/>
              <p:nvPr/>
            </p:nvSpPr>
            <p:spPr>
              <a:xfrm>
                <a:off x="1545785" y="2329082"/>
                <a:ext cx="1584000" cy="144000"/>
              </a:xfrm>
              <a:prstGeom prst="rect">
                <a:avLst/>
              </a:prstGeom>
              <a:solidFill>
                <a:schemeClr val="bg1">
                  <a:lumMod val="7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3" name="Arachnoidea mater">
                <a:extLst>
                  <a:ext uri="{FF2B5EF4-FFF2-40B4-BE49-F238E27FC236}">
                    <a16:creationId xmlns:a16="http://schemas.microsoft.com/office/drawing/2014/main" id="{34500752-B83A-4C7D-8EA7-1C158E6EBFEC}"/>
                  </a:ext>
                </a:extLst>
              </p:cNvPr>
              <p:cNvSpPr/>
              <p:nvPr/>
            </p:nvSpPr>
            <p:spPr>
              <a:xfrm>
                <a:off x="1545785" y="2482765"/>
                <a:ext cx="1584000" cy="116657"/>
              </a:xfrm>
              <a:prstGeom prst="rect">
                <a:avLst/>
              </a:prstGeom>
              <a:solidFill>
                <a:srgbClr val="FF6699"/>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cxnSp>
            <p:nvCxnSpPr>
              <p:cNvPr id="64" name="Lige forbindelse 63">
                <a:extLst>
                  <a:ext uri="{FF2B5EF4-FFF2-40B4-BE49-F238E27FC236}">
                    <a16:creationId xmlns:a16="http://schemas.microsoft.com/office/drawing/2014/main" id="{72543145-9F83-4E4B-BEE7-44BCA9B3D1B9}"/>
                  </a:ext>
                </a:extLst>
              </p:cNvPr>
              <p:cNvCxnSpPr>
                <a:cxnSpLocks/>
              </p:cNvCxnSpPr>
              <p:nvPr/>
            </p:nvCxnSpPr>
            <p:spPr>
              <a:xfrm>
                <a:off x="1547664" y="1728025"/>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65" name="Lige forbindelse 64">
                <a:extLst>
                  <a:ext uri="{FF2B5EF4-FFF2-40B4-BE49-F238E27FC236}">
                    <a16:creationId xmlns:a16="http://schemas.microsoft.com/office/drawing/2014/main" id="{42548A75-2D07-4D81-8E0B-98E9FA2C1B31}"/>
                  </a:ext>
                </a:extLst>
              </p:cNvPr>
              <p:cNvCxnSpPr>
                <a:cxnSpLocks/>
              </p:cNvCxnSpPr>
              <p:nvPr/>
            </p:nvCxnSpPr>
            <p:spPr>
              <a:xfrm>
                <a:off x="1541013" y="2336346"/>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66" name="Lige forbindelse 65">
                <a:extLst>
                  <a:ext uri="{FF2B5EF4-FFF2-40B4-BE49-F238E27FC236}">
                    <a16:creationId xmlns:a16="http://schemas.microsoft.com/office/drawing/2014/main" id="{9905D105-6EBC-48D7-9ABF-554D321CDC21}"/>
                  </a:ext>
                </a:extLst>
              </p:cNvPr>
              <p:cNvCxnSpPr>
                <a:cxnSpLocks/>
              </p:cNvCxnSpPr>
              <p:nvPr/>
            </p:nvCxnSpPr>
            <p:spPr>
              <a:xfrm>
                <a:off x="1545785" y="2477923"/>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grpSp>
        <p:grpSp>
          <p:nvGrpSpPr>
            <p:cNvPr id="42" name="Gruppe 41">
              <a:extLst>
                <a:ext uri="{FF2B5EF4-FFF2-40B4-BE49-F238E27FC236}">
                  <a16:creationId xmlns:a16="http://schemas.microsoft.com/office/drawing/2014/main" id="{9BA3A626-7241-4DD8-AA38-1D6CF37C4ED5}"/>
                </a:ext>
              </a:extLst>
            </p:cNvPr>
            <p:cNvGrpSpPr/>
            <p:nvPr/>
          </p:nvGrpSpPr>
          <p:grpSpPr>
            <a:xfrm>
              <a:off x="2436483" y="3265012"/>
              <a:ext cx="102408" cy="673399"/>
              <a:chOff x="2436483" y="3265012"/>
              <a:chExt cx="102408" cy="673399"/>
            </a:xfrm>
          </p:grpSpPr>
          <p:cxnSp>
            <p:nvCxnSpPr>
              <p:cNvPr id="47" name="Pil">
                <a:extLst>
                  <a:ext uri="{FF2B5EF4-FFF2-40B4-BE49-F238E27FC236}">
                    <a16:creationId xmlns:a16="http://schemas.microsoft.com/office/drawing/2014/main" id="{F6799DF7-55AF-41C8-8AB8-191FDEA83BD5}"/>
                  </a:ext>
                </a:extLst>
              </p:cNvPr>
              <p:cNvCxnSpPr/>
              <p:nvPr/>
            </p:nvCxnSpPr>
            <p:spPr>
              <a:xfrm>
                <a:off x="2436483" y="3307465"/>
                <a:ext cx="0" cy="630946"/>
              </a:xfrm>
              <a:prstGeom prst="straightConnector1">
                <a:avLst/>
              </a:prstGeom>
              <a:ln w="12700">
                <a:solidFill>
                  <a:srgbClr val="C00000"/>
                </a:solidFill>
                <a:prstDash val="sysDash"/>
                <a:headEnd type="none" w="sm" len="sm"/>
                <a:tailEnd type="triangle" w="sm" len="sm"/>
              </a:ln>
            </p:spPr>
            <p:style>
              <a:lnRef idx="1">
                <a:schemeClr val="accent1"/>
              </a:lnRef>
              <a:fillRef idx="0">
                <a:schemeClr val="accent1"/>
              </a:fillRef>
              <a:effectRef idx="0">
                <a:schemeClr val="accent1"/>
              </a:effectRef>
              <a:fontRef idx="minor">
                <a:schemeClr val="tx1"/>
              </a:fontRef>
            </p:style>
          </p:cxnSp>
          <p:sp>
            <p:nvSpPr>
              <p:cNvPr id="48" name="Blodretning">
                <a:extLst>
                  <a:ext uri="{FF2B5EF4-FFF2-40B4-BE49-F238E27FC236}">
                    <a16:creationId xmlns:a16="http://schemas.microsoft.com/office/drawing/2014/main" id="{412472E6-77E1-4BB9-B9DE-BF2AD0B7F01B}"/>
                  </a:ext>
                </a:extLst>
              </p:cNvPr>
              <p:cNvSpPr txBox="1"/>
              <p:nvPr/>
            </p:nvSpPr>
            <p:spPr>
              <a:xfrm>
                <a:off x="2447500" y="3265012"/>
                <a:ext cx="91391" cy="552405"/>
              </a:xfrm>
              <a:prstGeom prst="rect">
                <a:avLst/>
              </a:prstGeom>
              <a:noFill/>
            </p:spPr>
            <p:txBody>
              <a:bodyPr vert="vert270" wrap="square" lIns="0" tIns="0" rIns="0" bIns="0" rtlCol="0">
                <a:noAutofit/>
              </a:bodyPr>
              <a:lstStyle/>
              <a:p>
                <a:r>
                  <a:rPr lang="da-DK" sz="500" dirty="0">
                    <a:solidFill>
                      <a:srgbClr val="C00000"/>
                    </a:solidFill>
                  </a:rPr>
                  <a:t>Blodets retning</a:t>
                </a:r>
              </a:p>
            </p:txBody>
          </p:sp>
        </p:grpSp>
        <p:grpSp>
          <p:nvGrpSpPr>
            <p:cNvPr id="43" name="Gruppe 42">
              <a:extLst>
                <a:ext uri="{FF2B5EF4-FFF2-40B4-BE49-F238E27FC236}">
                  <a16:creationId xmlns:a16="http://schemas.microsoft.com/office/drawing/2014/main" id="{42E41B73-B897-4DDB-8EDB-6108ED7AD513}"/>
                </a:ext>
              </a:extLst>
            </p:cNvPr>
            <p:cNvGrpSpPr/>
            <p:nvPr/>
          </p:nvGrpSpPr>
          <p:grpSpPr>
            <a:xfrm>
              <a:off x="2340354" y="4160261"/>
              <a:ext cx="670849" cy="956360"/>
              <a:chOff x="2340354" y="4160261"/>
              <a:chExt cx="670849" cy="956360"/>
            </a:xfrm>
          </p:grpSpPr>
          <p:sp>
            <p:nvSpPr>
              <p:cNvPr id="44" name="Infarkt">
                <a:extLst>
                  <a:ext uri="{FF2B5EF4-FFF2-40B4-BE49-F238E27FC236}">
                    <a16:creationId xmlns:a16="http://schemas.microsoft.com/office/drawing/2014/main" id="{0EA8AC34-D6BA-4765-90C7-40AAC42C80BA}"/>
                  </a:ext>
                </a:extLst>
              </p:cNvPr>
              <p:cNvSpPr/>
              <p:nvPr/>
            </p:nvSpPr>
            <p:spPr>
              <a:xfrm rot="19555908">
                <a:off x="2340354" y="4160261"/>
                <a:ext cx="670849" cy="956360"/>
              </a:xfrm>
              <a:prstGeom prst="ellipse">
                <a:avLst/>
              </a:prstGeom>
              <a:gradFill flip="none" rotWithShape="1">
                <a:gsLst>
                  <a:gs pos="46000">
                    <a:srgbClr val="7030A0">
                      <a:alpha val="71000"/>
                    </a:srgbClr>
                  </a:gs>
                  <a:gs pos="85000">
                    <a:srgbClr val="1F4A60">
                      <a:tint val="44500"/>
                      <a:satMod val="160000"/>
                    </a:srgbClr>
                  </a:gs>
                  <a:gs pos="100000">
                    <a:srgbClr val="1F4A60">
                      <a:tint val="23500"/>
                      <a:satMod val="160000"/>
                      <a:alpha val="22000"/>
                    </a:srgbClr>
                  </a:gs>
                </a:gsLst>
                <a:path path="shape">
                  <a:fillToRect l="50000" t="50000" r="50000" b="50000"/>
                </a:path>
                <a:tileRect/>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5" name="Mørke kar 2">
                <a:extLst>
                  <a:ext uri="{FF2B5EF4-FFF2-40B4-BE49-F238E27FC236}">
                    <a16:creationId xmlns:a16="http://schemas.microsoft.com/office/drawing/2014/main" id="{C241CE1C-6FE4-432C-BA1A-7D85A51CC11F}"/>
                  </a:ext>
                </a:extLst>
              </p:cNvPr>
              <p:cNvSpPr/>
              <p:nvPr/>
            </p:nvSpPr>
            <p:spPr>
              <a:xfrm rot="19997148">
                <a:off x="2478482" y="4452809"/>
                <a:ext cx="133683" cy="218591"/>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56565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46" name="Mørke kar">
                <a:extLst>
                  <a:ext uri="{FF2B5EF4-FFF2-40B4-BE49-F238E27FC236}">
                    <a16:creationId xmlns:a16="http://schemas.microsoft.com/office/drawing/2014/main" id="{01A54166-0094-4858-9BE0-A66E0BBFAA0D}"/>
                  </a:ext>
                </a:extLst>
              </p:cNvPr>
              <p:cNvSpPr/>
              <p:nvPr/>
            </p:nvSpPr>
            <p:spPr>
              <a:xfrm>
                <a:off x="2464091" y="4274685"/>
                <a:ext cx="376172" cy="580951"/>
              </a:xfrm>
              <a:custGeom>
                <a:avLst/>
                <a:gdLst>
                  <a:gd name="connsiteX0" fmla="*/ 0 w 353576"/>
                  <a:gd name="connsiteY0" fmla="*/ 0 h 571815"/>
                  <a:gd name="connsiteX1" fmla="*/ 156633 w 353576"/>
                  <a:gd name="connsiteY1" fmla="*/ 258234 h 571815"/>
                  <a:gd name="connsiteX2" fmla="*/ 325967 w 353576"/>
                  <a:gd name="connsiteY2" fmla="*/ 529167 h 571815"/>
                  <a:gd name="connsiteX3" fmla="*/ 351367 w 353576"/>
                  <a:gd name="connsiteY3" fmla="*/ 567267 h 571815"/>
                  <a:gd name="connsiteX0" fmla="*/ 0 w 351670"/>
                  <a:gd name="connsiteY0" fmla="*/ 0 h 567690"/>
                  <a:gd name="connsiteX1" fmla="*/ 156633 w 351670"/>
                  <a:gd name="connsiteY1" fmla="*/ 258234 h 567690"/>
                  <a:gd name="connsiteX2" fmla="*/ 294715 w 351670"/>
                  <a:gd name="connsiteY2" fmla="*/ 448078 h 567690"/>
                  <a:gd name="connsiteX3" fmla="*/ 351367 w 351670"/>
                  <a:gd name="connsiteY3" fmla="*/ 567267 h 567690"/>
                  <a:gd name="connsiteX0" fmla="*/ 0 w 351877"/>
                  <a:gd name="connsiteY0" fmla="*/ 0 h 567801"/>
                  <a:gd name="connsiteX1" fmla="*/ 156633 w 351877"/>
                  <a:gd name="connsiteY1" fmla="*/ 258234 h 567801"/>
                  <a:gd name="connsiteX2" fmla="*/ 294715 w 351877"/>
                  <a:gd name="connsiteY2" fmla="*/ 448078 h 567801"/>
                  <a:gd name="connsiteX3" fmla="*/ 351367 w 351877"/>
                  <a:gd name="connsiteY3" fmla="*/ 567267 h 567801"/>
                  <a:gd name="connsiteX0" fmla="*/ 0 w 373879"/>
                  <a:gd name="connsiteY0" fmla="*/ 0 h 546470"/>
                  <a:gd name="connsiteX1" fmla="*/ 156633 w 373879"/>
                  <a:gd name="connsiteY1" fmla="*/ 258234 h 546470"/>
                  <a:gd name="connsiteX2" fmla="*/ 294715 w 373879"/>
                  <a:gd name="connsiteY2" fmla="*/ 448078 h 546470"/>
                  <a:gd name="connsiteX3" fmla="*/ 373690 w 373879"/>
                  <a:gd name="connsiteY3" fmla="*/ 545927 h 546470"/>
                  <a:gd name="connsiteX0" fmla="*/ 0 w 373874"/>
                  <a:gd name="connsiteY0" fmla="*/ 0 h 546482"/>
                  <a:gd name="connsiteX1" fmla="*/ 165563 w 373874"/>
                  <a:gd name="connsiteY1" fmla="*/ 249698 h 546482"/>
                  <a:gd name="connsiteX2" fmla="*/ 294715 w 373874"/>
                  <a:gd name="connsiteY2" fmla="*/ 448078 h 546482"/>
                  <a:gd name="connsiteX3" fmla="*/ 373690 w 373874"/>
                  <a:gd name="connsiteY3" fmla="*/ 545927 h 546482"/>
                  <a:gd name="connsiteX0" fmla="*/ 0 w 373877"/>
                  <a:gd name="connsiteY0" fmla="*/ 0 h 546470"/>
                  <a:gd name="connsiteX1" fmla="*/ 161099 w 373877"/>
                  <a:gd name="connsiteY1" fmla="*/ 258234 h 546470"/>
                  <a:gd name="connsiteX2" fmla="*/ 294715 w 373877"/>
                  <a:gd name="connsiteY2" fmla="*/ 448078 h 546470"/>
                  <a:gd name="connsiteX3" fmla="*/ 373690 w 373877"/>
                  <a:gd name="connsiteY3" fmla="*/ 545927 h 546470"/>
                  <a:gd name="connsiteX0" fmla="*/ 0 w 373877"/>
                  <a:gd name="connsiteY0" fmla="*/ 0 h 546470"/>
                  <a:gd name="connsiteX1" fmla="*/ 161099 w 373877"/>
                  <a:gd name="connsiteY1" fmla="*/ 258234 h 546470"/>
                  <a:gd name="connsiteX2" fmla="*/ 294715 w 373877"/>
                  <a:gd name="connsiteY2" fmla="*/ 448078 h 546470"/>
                  <a:gd name="connsiteX3" fmla="*/ 373690 w 373877"/>
                  <a:gd name="connsiteY3" fmla="*/ 545927 h 546470"/>
                </a:gdLst>
                <a:ahLst/>
                <a:cxnLst>
                  <a:cxn ang="0">
                    <a:pos x="connsiteX0" y="connsiteY0"/>
                  </a:cxn>
                  <a:cxn ang="0">
                    <a:pos x="connsiteX1" y="connsiteY1"/>
                  </a:cxn>
                  <a:cxn ang="0">
                    <a:pos x="connsiteX2" y="connsiteY2"/>
                  </a:cxn>
                  <a:cxn ang="0">
                    <a:pos x="connsiteX3" y="connsiteY3"/>
                  </a:cxn>
                </a:cxnLst>
                <a:rect l="l" t="t" r="r" b="b"/>
                <a:pathLst>
                  <a:path w="373877" h="546470">
                    <a:moveTo>
                      <a:pt x="0" y="0"/>
                    </a:moveTo>
                    <a:cubicBezTo>
                      <a:pt x="51152" y="85020"/>
                      <a:pt x="103051" y="166483"/>
                      <a:pt x="161099" y="258234"/>
                    </a:cubicBezTo>
                    <a:cubicBezTo>
                      <a:pt x="219147" y="349985"/>
                      <a:pt x="259283" y="400129"/>
                      <a:pt x="294715" y="448078"/>
                    </a:cubicBezTo>
                    <a:cubicBezTo>
                      <a:pt x="330147" y="496027"/>
                      <a:pt x="377218" y="552629"/>
                      <a:pt x="373690" y="545927"/>
                    </a:cubicBezTo>
                  </a:path>
                </a:pathLst>
              </a:custGeom>
              <a:noFill/>
              <a:ln w="19050">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grpSp>
      <p:grpSp>
        <p:nvGrpSpPr>
          <p:cNvPr id="67" name="ICH">
            <a:extLst>
              <a:ext uri="{FF2B5EF4-FFF2-40B4-BE49-F238E27FC236}">
                <a16:creationId xmlns:a16="http://schemas.microsoft.com/office/drawing/2014/main" id="{45C9E6E6-4A43-46A3-9C98-057F3DBA250D}"/>
              </a:ext>
            </a:extLst>
          </p:cNvPr>
          <p:cNvGrpSpPr/>
          <p:nvPr/>
        </p:nvGrpSpPr>
        <p:grpSpPr>
          <a:xfrm>
            <a:off x="5925630" y="2365634"/>
            <a:ext cx="1800000" cy="3347654"/>
            <a:chOff x="3385939" y="1723791"/>
            <a:chExt cx="1638137" cy="3436064"/>
          </a:xfrm>
        </p:grpSpPr>
        <p:grpSp>
          <p:nvGrpSpPr>
            <p:cNvPr id="68" name="Gruppe 67">
              <a:extLst>
                <a:ext uri="{FF2B5EF4-FFF2-40B4-BE49-F238E27FC236}">
                  <a16:creationId xmlns:a16="http://schemas.microsoft.com/office/drawing/2014/main" id="{459727D8-9F04-4AF3-90DB-B1966CF745AA}"/>
                </a:ext>
              </a:extLst>
            </p:cNvPr>
            <p:cNvGrpSpPr/>
            <p:nvPr/>
          </p:nvGrpSpPr>
          <p:grpSpPr>
            <a:xfrm>
              <a:off x="3412795" y="1723791"/>
              <a:ext cx="1603567" cy="3436064"/>
              <a:chOff x="1528097" y="1728025"/>
              <a:chExt cx="1603567" cy="3436064"/>
            </a:xfrm>
          </p:grpSpPr>
          <p:sp>
            <p:nvSpPr>
              <p:cNvPr id="78" name="Spat subarachnoidal">
                <a:extLst>
                  <a:ext uri="{FF2B5EF4-FFF2-40B4-BE49-F238E27FC236}">
                    <a16:creationId xmlns:a16="http://schemas.microsoft.com/office/drawing/2014/main" id="{EDFF01A8-8212-4A3D-8A8C-4D94F89E209C}"/>
                  </a:ext>
                </a:extLst>
              </p:cNvPr>
              <p:cNvSpPr/>
              <p:nvPr/>
            </p:nvSpPr>
            <p:spPr>
              <a:xfrm>
                <a:off x="1543019" y="2590925"/>
                <a:ext cx="1584000" cy="1176650"/>
              </a:xfrm>
              <a:prstGeom prst="rect">
                <a:avLst/>
              </a:prstGeom>
              <a:solidFill>
                <a:schemeClr val="accent5">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9" name="Hvidsubstans">
                <a:extLst>
                  <a:ext uri="{FF2B5EF4-FFF2-40B4-BE49-F238E27FC236}">
                    <a16:creationId xmlns:a16="http://schemas.microsoft.com/office/drawing/2014/main" id="{243D0944-EDF6-46D8-9086-74E197892E92}"/>
                  </a:ext>
                </a:extLst>
              </p:cNvPr>
              <p:cNvSpPr/>
              <p:nvPr/>
            </p:nvSpPr>
            <p:spPr>
              <a:xfrm>
                <a:off x="1539278" y="3480497"/>
                <a:ext cx="1584000" cy="1683592"/>
              </a:xfrm>
              <a:prstGeom prst="rect">
                <a:avLst/>
              </a:prstGeom>
              <a:solidFill>
                <a:srgbClr val="FEF8CE"/>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80" name="Knogle">
                <a:extLst>
                  <a:ext uri="{FF2B5EF4-FFF2-40B4-BE49-F238E27FC236}">
                    <a16:creationId xmlns:a16="http://schemas.microsoft.com/office/drawing/2014/main" id="{3DB33A06-D96D-4043-9710-5F14568787FF}"/>
                  </a:ext>
                </a:extLst>
              </p:cNvPr>
              <p:cNvSpPr/>
              <p:nvPr/>
            </p:nvSpPr>
            <p:spPr>
              <a:xfrm>
                <a:off x="1545785" y="1728025"/>
                <a:ext cx="1584000" cy="612000"/>
              </a:xfrm>
              <a:prstGeom prst="rect">
                <a:avLst/>
              </a:prstGeom>
              <a:solidFill>
                <a:srgbClr val="FFFFCC"/>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81" name="Knoglemarv">
                <a:extLst>
                  <a:ext uri="{FF2B5EF4-FFF2-40B4-BE49-F238E27FC236}">
                    <a16:creationId xmlns:a16="http://schemas.microsoft.com/office/drawing/2014/main" id="{3EC4E4C7-6C27-4288-843C-FC270FE1D470}"/>
                  </a:ext>
                </a:extLst>
              </p:cNvPr>
              <p:cNvSpPr/>
              <p:nvPr/>
            </p:nvSpPr>
            <p:spPr>
              <a:xfrm>
                <a:off x="1558949" y="1852224"/>
                <a:ext cx="1567000" cy="317245"/>
              </a:xfrm>
              <a:prstGeom prst="rect">
                <a:avLst/>
              </a:prstGeom>
              <a:pattFill prst="lgConfetti">
                <a:fgClr>
                  <a:schemeClr val="tx1">
                    <a:lumMod val="60000"/>
                    <a:lumOff val="40000"/>
                  </a:schemeClr>
                </a:fgClr>
                <a:bgClr>
                  <a:srgbClr val="FFFFCC"/>
                </a:bgClr>
              </a:patt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82" name="Kortex">
                <a:extLst>
                  <a:ext uri="{FF2B5EF4-FFF2-40B4-BE49-F238E27FC236}">
                    <a16:creationId xmlns:a16="http://schemas.microsoft.com/office/drawing/2014/main" id="{E480389B-AAF1-4746-AA67-9E838ACA32AD}"/>
                  </a:ext>
                </a:extLst>
              </p:cNvPr>
              <p:cNvSpPr/>
              <p:nvPr/>
            </p:nvSpPr>
            <p:spPr>
              <a:xfrm>
                <a:off x="1546573" y="2933368"/>
                <a:ext cx="1584000" cy="1123620"/>
              </a:xfrm>
              <a:custGeom>
                <a:avLst/>
                <a:gdLst>
                  <a:gd name="connsiteX0" fmla="*/ 0 w 1584000"/>
                  <a:gd name="connsiteY0" fmla="*/ 0 h 634834"/>
                  <a:gd name="connsiteX1" fmla="*/ 1584000 w 1584000"/>
                  <a:gd name="connsiteY1" fmla="*/ 0 h 634834"/>
                  <a:gd name="connsiteX2" fmla="*/ 1584000 w 1584000"/>
                  <a:gd name="connsiteY2" fmla="*/ 634834 h 634834"/>
                  <a:gd name="connsiteX3" fmla="*/ 0 w 1584000"/>
                  <a:gd name="connsiteY3" fmla="*/ 634834 h 634834"/>
                  <a:gd name="connsiteX4" fmla="*/ 0 w 1584000"/>
                  <a:gd name="connsiteY4" fmla="*/ 0 h 634834"/>
                  <a:gd name="connsiteX0" fmla="*/ 0 w 1584000"/>
                  <a:gd name="connsiteY0" fmla="*/ 0 h 634834"/>
                  <a:gd name="connsiteX1" fmla="*/ 787544 w 1584000"/>
                  <a:gd name="connsiteY1" fmla="*/ 422647 h 634834"/>
                  <a:gd name="connsiteX2" fmla="*/ 1584000 w 1584000"/>
                  <a:gd name="connsiteY2" fmla="*/ 0 h 634834"/>
                  <a:gd name="connsiteX3" fmla="*/ 1584000 w 1584000"/>
                  <a:gd name="connsiteY3" fmla="*/ 634834 h 634834"/>
                  <a:gd name="connsiteX4" fmla="*/ 0 w 1584000"/>
                  <a:gd name="connsiteY4" fmla="*/ 634834 h 634834"/>
                  <a:gd name="connsiteX5" fmla="*/ 0 w 1584000"/>
                  <a:gd name="connsiteY5" fmla="*/ 0 h 634834"/>
                  <a:gd name="connsiteX0" fmla="*/ 0 w 1584000"/>
                  <a:gd name="connsiteY0" fmla="*/ 17394 h 652228"/>
                  <a:gd name="connsiteX1" fmla="*/ 676913 w 1584000"/>
                  <a:gd name="connsiteY1" fmla="*/ 148787 h 652228"/>
                  <a:gd name="connsiteX2" fmla="*/ 787544 w 1584000"/>
                  <a:gd name="connsiteY2" fmla="*/ 440041 h 652228"/>
                  <a:gd name="connsiteX3" fmla="*/ 1584000 w 1584000"/>
                  <a:gd name="connsiteY3" fmla="*/ 17394 h 652228"/>
                  <a:gd name="connsiteX4" fmla="*/ 1584000 w 1584000"/>
                  <a:gd name="connsiteY4" fmla="*/ 652228 h 652228"/>
                  <a:gd name="connsiteX5" fmla="*/ 0 w 1584000"/>
                  <a:gd name="connsiteY5" fmla="*/ 652228 h 652228"/>
                  <a:gd name="connsiteX6" fmla="*/ 0 w 1584000"/>
                  <a:gd name="connsiteY6" fmla="*/ 17394 h 652228"/>
                  <a:gd name="connsiteX0" fmla="*/ 0 w 1584000"/>
                  <a:gd name="connsiteY0" fmla="*/ 14318 h 649152"/>
                  <a:gd name="connsiteX1" fmla="*/ 676913 w 1584000"/>
                  <a:gd name="connsiteY1" fmla="*/ 145711 h 649152"/>
                  <a:gd name="connsiteX2" fmla="*/ 787544 w 1584000"/>
                  <a:gd name="connsiteY2" fmla="*/ 436965 h 649152"/>
                  <a:gd name="connsiteX3" fmla="*/ 1584000 w 1584000"/>
                  <a:gd name="connsiteY3" fmla="*/ 14318 h 649152"/>
                  <a:gd name="connsiteX4" fmla="*/ 1584000 w 1584000"/>
                  <a:gd name="connsiteY4" fmla="*/ 649152 h 649152"/>
                  <a:gd name="connsiteX5" fmla="*/ 0 w 1584000"/>
                  <a:gd name="connsiteY5" fmla="*/ 649152 h 649152"/>
                  <a:gd name="connsiteX6" fmla="*/ 0 w 1584000"/>
                  <a:gd name="connsiteY6" fmla="*/ 14318 h 649152"/>
                  <a:gd name="connsiteX0" fmla="*/ 0 w 1584000"/>
                  <a:gd name="connsiteY0" fmla="*/ 45777 h 680611"/>
                  <a:gd name="connsiteX1" fmla="*/ 584344 w 1584000"/>
                  <a:gd name="connsiteY1" fmla="*/ 48477 h 680611"/>
                  <a:gd name="connsiteX2" fmla="*/ 676913 w 1584000"/>
                  <a:gd name="connsiteY2" fmla="*/ 177170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76913 w 1584000"/>
                  <a:gd name="connsiteY2" fmla="*/ 145562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4335 w 1584000"/>
                  <a:gd name="connsiteY2" fmla="*/ 129758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4335 w 1584000"/>
                  <a:gd name="connsiteY2" fmla="*/ 129758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5777 h 680611"/>
                  <a:gd name="connsiteX1" fmla="*/ 584344 w 1584000"/>
                  <a:gd name="connsiteY1" fmla="*/ 48477 h 680611"/>
                  <a:gd name="connsiteX2" fmla="*/ 658850 w 1584000"/>
                  <a:gd name="connsiteY2" fmla="*/ 102664 h 680611"/>
                  <a:gd name="connsiteX3" fmla="*/ 787544 w 1584000"/>
                  <a:gd name="connsiteY3" fmla="*/ 468424 h 680611"/>
                  <a:gd name="connsiteX4" fmla="*/ 1584000 w 1584000"/>
                  <a:gd name="connsiteY4" fmla="*/ 45777 h 680611"/>
                  <a:gd name="connsiteX5" fmla="*/ 1584000 w 1584000"/>
                  <a:gd name="connsiteY5" fmla="*/ 680611 h 680611"/>
                  <a:gd name="connsiteX6" fmla="*/ 0 w 1584000"/>
                  <a:gd name="connsiteY6" fmla="*/ 680611 h 680611"/>
                  <a:gd name="connsiteX7" fmla="*/ 0 w 1584000"/>
                  <a:gd name="connsiteY7" fmla="*/ 45777 h 680611"/>
                  <a:gd name="connsiteX0" fmla="*/ 0 w 1584000"/>
                  <a:gd name="connsiteY0" fmla="*/ 43737 h 678571"/>
                  <a:gd name="connsiteX1" fmla="*/ 658850 w 1584000"/>
                  <a:gd name="connsiteY1" fmla="*/ 100624 h 678571"/>
                  <a:gd name="connsiteX2" fmla="*/ 787544 w 1584000"/>
                  <a:gd name="connsiteY2" fmla="*/ 466384 h 678571"/>
                  <a:gd name="connsiteX3" fmla="*/ 1584000 w 1584000"/>
                  <a:gd name="connsiteY3" fmla="*/ 43737 h 678571"/>
                  <a:gd name="connsiteX4" fmla="*/ 1584000 w 1584000"/>
                  <a:gd name="connsiteY4" fmla="*/ 678571 h 678571"/>
                  <a:gd name="connsiteX5" fmla="*/ 0 w 1584000"/>
                  <a:gd name="connsiteY5" fmla="*/ 678571 h 678571"/>
                  <a:gd name="connsiteX6" fmla="*/ 0 w 1584000"/>
                  <a:gd name="connsiteY6" fmla="*/ 43737 h 678571"/>
                  <a:gd name="connsiteX0" fmla="*/ 0 w 1584000"/>
                  <a:gd name="connsiteY0" fmla="*/ 34385 h 669219"/>
                  <a:gd name="connsiteX1" fmla="*/ 658850 w 1584000"/>
                  <a:gd name="connsiteY1" fmla="*/ 91272 h 669219"/>
                  <a:gd name="connsiteX2" fmla="*/ 787544 w 1584000"/>
                  <a:gd name="connsiteY2" fmla="*/ 457032 h 669219"/>
                  <a:gd name="connsiteX3" fmla="*/ 1584000 w 1584000"/>
                  <a:gd name="connsiteY3" fmla="*/ 34385 h 669219"/>
                  <a:gd name="connsiteX4" fmla="*/ 1584000 w 1584000"/>
                  <a:gd name="connsiteY4" fmla="*/ 669219 h 669219"/>
                  <a:gd name="connsiteX5" fmla="*/ 0 w 1584000"/>
                  <a:gd name="connsiteY5" fmla="*/ 669219 h 669219"/>
                  <a:gd name="connsiteX6" fmla="*/ 0 w 1584000"/>
                  <a:gd name="connsiteY6" fmla="*/ 34385 h 669219"/>
                  <a:gd name="connsiteX0" fmla="*/ 0 w 1584000"/>
                  <a:gd name="connsiteY0" fmla="*/ 2027 h 636861"/>
                  <a:gd name="connsiteX1" fmla="*/ 658850 w 1584000"/>
                  <a:gd name="connsiteY1" fmla="*/ 58914 h 636861"/>
                  <a:gd name="connsiteX2" fmla="*/ 787544 w 1584000"/>
                  <a:gd name="connsiteY2" fmla="*/ 424674 h 636861"/>
                  <a:gd name="connsiteX3" fmla="*/ 1584000 w 1584000"/>
                  <a:gd name="connsiteY3" fmla="*/ 2027 h 636861"/>
                  <a:gd name="connsiteX4" fmla="*/ 1584000 w 1584000"/>
                  <a:gd name="connsiteY4" fmla="*/ 636861 h 636861"/>
                  <a:gd name="connsiteX5" fmla="*/ 0 w 1584000"/>
                  <a:gd name="connsiteY5" fmla="*/ 636861 h 636861"/>
                  <a:gd name="connsiteX6" fmla="*/ 0 w 1584000"/>
                  <a:gd name="connsiteY6" fmla="*/ 2027 h 636861"/>
                  <a:gd name="connsiteX0" fmla="*/ 0 w 1584000"/>
                  <a:gd name="connsiteY0" fmla="*/ 8097 h 642931"/>
                  <a:gd name="connsiteX1" fmla="*/ 658850 w 1584000"/>
                  <a:gd name="connsiteY1" fmla="*/ 64984 h 642931"/>
                  <a:gd name="connsiteX2" fmla="*/ 787544 w 1584000"/>
                  <a:gd name="connsiteY2" fmla="*/ 430744 h 642931"/>
                  <a:gd name="connsiteX3" fmla="*/ 1584000 w 1584000"/>
                  <a:gd name="connsiteY3" fmla="*/ 8097 h 642931"/>
                  <a:gd name="connsiteX4" fmla="*/ 1584000 w 1584000"/>
                  <a:gd name="connsiteY4" fmla="*/ 642931 h 642931"/>
                  <a:gd name="connsiteX5" fmla="*/ 0 w 1584000"/>
                  <a:gd name="connsiteY5" fmla="*/ 642931 h 642931"/>
                  <a:gd name="connsiteX6" fmla="*/ 0 w 1584000"/>
                  <a:gd name="connsiteY6" fmla="*/ 8097 h 642931"/>
                  <a:gd name="connsiteX0" fmla="*/ 0 w 1584000"/>
                  <a:gd name="connsiteY0" fmla="*/ 8097 h 642931"/>
                  <a:gd name="connsiteX1" fmla="*/ 658850 w 1584000"/>
                  <a:gd name="connsiteY1" fmla="*/ 64984 h 642931"/>
                  <a:gd name="connsiteX2" fmla="*/ 787544 w 1584000"/>
                  <a:gd name="connsiteY2" fmla="*/ 430744 h 642931"/>
                  <a:gd name="connsiteX3" fmla="*/ 1584000 w 1584000"/>
                  <a:gd name="connsiteY3" fmla="*/ 8097 h 642931"/>
                  <a:gd name="connsiteX4" fmla="*/ 1584000 w 1584000"/>
                  <a:gd name="connsiteY4" fmla="*/ 642931 h 642931"/>
                  <a:gd name="connsiteX5" fmla="*/ 0 w 1584000"/>
                  <a:gd name="connsiteY5" fmla="*/ 642931 h 642931"/>
                  <a:gd name="connsiteX6" fmla="*/ 0 w 1584000"/>
                  <a:gd name="connsiteY6" fmla="*/ 8097 h 642931"/>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11638 h 646472"/>
                  <a:gd name="connsiteX1" fmla="*/ 658850 w 1584000"/>
                  <a:gd name="connsiteY1" fmla="*/ 68525 h 646472"/>
                  <a:gd name="connsiteX2" fmla="*/ 787544 w 1584000"/>
                  <a:gd name="connsiteY2" fmla="*/ 434285 h 646472"/>
                  <a:gd name="connsiteX3" fmla="*/ 1584000 w 1584000"/>
                  <a:gd name="connsiteY3" fmla="*/ 11638 h 646472"/>
                  <a:gd name="connsiteX4" fmla="*/ 1584000 w 1584000"/>
                  <a:gd name="connsiteY4" fmla="*/ 646472 h 646472"/>
                  <a:gd name="connsiteX5" fmla="*/ 0 w 1584000"/>
                  <a:gd name="connsiteY5" fmla="*/ 646472 h 646472"/>
                  <a:gd name="connsiteX6" fmla="*/ 0 w 1584000"/>
                  <a:gd name="connsiteY6" fmla="*/ 11638 h 646472"/>
                  <a:gd name="connsiteX0" fmla="*/ 0 w 1584000"/>
                  <a:gd name="connsiteY0" fmla="*/ 30050 h 664884"/>
                  <a:gd name="connsiteX1" fmla="*/ 658850 w 1584000"/>
                  <a:gd name="connsiteY1" fmla="*/ 86937 h 664884"/>
                  <a:gd name="connsiteX2" fmla="*/ 787544 w 1584000"/>
                  <a:gd name="connsiteY2" fmla="*/ 452697 h 664884"/>
                  <a:gd name="connsiteX3" fmla="*/ 925268 w 1584000"/>
                  <a:gd name="connsiteY3" fmla="*/ 77907 h 664884"/>
                  <a:gd name="connsiteX4" fmla="*/ 1584000 w 1584000"/>
                  <a:gd name="connsiteY4" fmla="*/ 30050 h 664884"/>
                  <a:gd name="connsiteX5" fmla="*/ 1584000 w 1584000"/>
                  <a:gd name="connsiteY5" fmla="*/ 664884 h 664884"/>
                  <a:gd name="connsiteX6" fmla="*/ 0 w 1584000"/>
                  <a:gd name="connsiteY6" fmla="*/ 664884 h 664884"/>
                  <a:gd name="connsiteX7" fmla="*/ 0 w 1584000"/>
                  <a:gd name="connsiteY7" fmla="*/ 30050 h 664884"/>
                  <a:gd name="connsiteX0" fmla="*/ 0 w 1584000"/>
                  <a:gd name="connsiteY0" fmla="*/ 12042 h 646876"/>
                  <a:gd name="connsiteX1" fmla="*/ 658850 w 1584000"/>
                  <a:gd name="connsiteY1" fmla="*/ 68929 h 646876"/>
                  <a:gd name="connsiteX2" fmla="*/ 787544 w 1584000"/>
                  <a:gd name="connsiteY2" fmla="*/ 434689 h 646876"/>
                  <a:gd name="connsiteX3" fmla="*/ 925268 w 1584000"/>
                  <a:gd name="connsiteY3" fmla="*/ 59899 h 646876"/>
                  <a:gd name="connsiteX4" fmla="*/ 1584000 w 1584000"/>
                  <a:gd name="connsiteY4" fmla="*/ 12042 h 646876"/>
                  <a:gd name="connsiteX5" fmla="*/ 1584000 w 1584000"/>
                  <a:gd name="connsiteY5" fmla="*/ 646876 h 646876"/>
                  <a:gd name="connsiteX6" fmla="*/ 0 w 1584000"/>
                  <a:gd name="connsiteY6" fmla="*/ 646876 h 646876"/>
                  <a:gd name="connsiteX7" fmla="*/ 0 w 1584000"/>
                  <a:gd name="connsiteY7" fmla="*/ 12042 h 646876"/>
                  <a:gd name="connsiteX0" fmla="*/ 0 w 1584000"/>
                  <a:gd name="connsiteY0" fmla="*/ 12042 h 646876"/>
                  <a:gd name="connsiteX1" fmla="*/ 717552 w 1584000"/>
                  <a:gd name="connsiteY1" fmla="*/ 68929 h 646876"/>
                  <a:gd name="connsiteX2" fmla="*/ 787544 w 1584000"/>
                  <a:gd name="connsiteY2" fmla="*/ 434689 h 646876"/>
                  <a:gd name="connsiteX3" fmla="*/ 925268 w 1584000"/>
                  <a:gd name="connsiteY3" fmla="*/ 59899 h 646876"/>
                  <a:gd name="connsiteX4" fmla="*/ 1584000 w 1584000"/>
                  <a:gd name="connsiteY4" fmla="*/ 12042 h 646876"/>
                  <a:gd name="connsiteX5" fmla="*/ 1584000 w 1584000"/>
                  <a:gd name="connsiteY5" fmla="*/ 646876 h 646876"/>
                  <a:gd name="connsiteX6" fmla="*/ 0 w 1584000"/>
                  <a:gd name="connsiteY6" fmla="*/ 646876 h 646876"/>
                  <a:gd name="connsiteX7" fmla="*/ 0 w 1584000"/>
                  <a:gd name="connsiteY7" fmla="*/ 12042 h 646876"/>
                  <a:gd name="connsiteX0" fmla="*/ 0 w 1584000"/>
                  <a:gd name="connsiteY0" fmla="*/ 11639 h 646473"/>
                  <a:gd name="connsiteX1" fmla="*/ 717552 w 1584000"/>
                  <a:gd name="connsiteY1" fmla="*/ 68526 h 646473"/>
                  <a:gd name="connsiteX2" fmla="*/ 787544 w 1584000"/>
                  <a:gd name="connsiteY2" fmla="*/ 434286 h 646473"/>
                  <a:gd name="connsiteX3" fmla="*/ 868824 w 1584000"/>
                  <a:gd name="connsiteY3" fmla="*/ 68527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87544 w 1584000"/>
                  <a:gd name="connsiteY2" fmla="*/ 434286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98833 w 1584000"/>
                  <a:gd name="connsiteY2" fmla="*/ 599104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646473"/>
                  <a:gd name="connsiteX1" fmla="*/ 717552 w 1584000"/>
                  <a:gd name="connsiteY1" fmla="*/ 68526 h 646473"/>
                  <a:gd name="connsiteX2" fmla="*/ 798833 w 1584000"/>
                  <a:gd name="connsiteY2" fmla="*/ 531371 h 646473"/>
                  <a:gd name="connsiteX3" fmla="*/ 898175 w 1584000"/>
                  <a:gd name="connsiteY3" fmla="*/ 64011 h 646473"/>
                  <a:gd name="connsiteX4" fmla="*/ 1584000 w 1584000"/>
                  <a:gd name="connsiteY4" fmla="*/ 11639 h 646473"/>
                  <a:gd name="connsiteX5" fmla="*/ 1584000 w 1584000"/>
                  <a:gd name="connsiteY5" fmla="*/ 646473 h 646473"/>
                  <a:gd name="connsiteX6" fmla="*/ 0 w 1584000"/>
                  <a:gd name="connsiteY6" fmla="*/ 646473 h 646473"/>
                  <a:gd name="connsiteX7" fmla="*/ 0 w 1584000"/>
                  <a:gd name="connsiteY7" fmla="*/ 11639 h 646473"/>
                  <a:gd name="connsiteX0" fmla="*/ 0 w 1584000"/>
                  <a:gd name="connsiteY0" fmla="*/ 11639 h 829400"/>
                  <a:gd name="connsiteX1" fmla="*/ 717552 w 1584000"/>
                  <a:gd name="connsiteY1" fmla="*/ 68526 h 829400"/>
                  <a:gd name="connsiteX2" fmla="*/ 798833 w 1584000"/>
                  <a:gd name="connsiteY2" fmla="*/ 531371 h 829400"/>
                  <a:gd name="connsiteX3" fmla="*/ 898175 w 1584000"/>
                  <a:gd name="connsiteY3" fmla="*/ 64011 h 829400"/>
                  <a:gd name="connsiteX4" fmla="*/ 1584000 w 1584000"/>
                  <a:gd name="connsiteY4" fmla="*/ 11639 h 829400"/>
                  <a:gd name="connsiteX5" fmla="*/ 1584000 w 1584000"/>
                  <a:gd name="connsiteY5" fmla="*/ 646473 h 829400"/>
                  <a:gd name="connsiteX6" fmla="*/ 787544 w 1584000"/>
                  <a:gd name="connsiteY6" fmla="*/ 829398 h 829400"/>
                  <a:gd name="connsiteX7" fmla="*/ 0 w 1584000"/>
                  <a:gd name="connsiteY7" fmla="*/ 646473 h 829400"/>
                  <a:gd name="connsiteX8" fmla="*/ 0 w 1584000"/>
                  <a:gd name="connsiteY8" fmla="*/ 11639 h 829400"/>
                  <a:gd name="connsiteX0" fmla="*/ 0 w 1584000"/>
                  <a:gd name="connsiteY0" fmla="*/ 11639 h 829400"/>
                  <a:gd name="connsiteX1" fmla="*/ 717552 w 1584000"/>
                  <a:gd name="connsiteY1" fmla="*/ 68526 h 829400"/>
                  <a:gd name="connsiteX2" fmla="*/ 798833 w 1584000"/>
                  <a:gd name="connsiteY2" fmla="*/ 531371 h 829400"/>
                  <a:gd name="connsiteX3" fmla="*/ 898175 w 1584000"/>
                  <a:gd name="connsiteY3" fmla="*/ 64011 h 829400"/>
                  <a:gd name="connsiteX4" fmla="*/ 1584000 w 1584000"/>
                  <a:gd name="connsiteY4" fmla="*/ 11639 h 829400"/>
                  <a:gd name="connsiteX5" fmla="*/ 1584000 w 1584000"/>
                  <a:gd name="connsiteY5" fmla="*/ 646473 h 829400"/>
                  <a:gd name="connsiteX6" fmla="*/ 787544 w 1584000"/>
                  <a:gd name="connsiteY6" fmla="*/ 829398 h 829400"/>
                  <a:gd name="connsiteX7" fmla="*/ 437588 w 1584000"/>
                  <a:gd name="connsiteY7" fmla="*/ 678126 h 829400"/>
                  <a:gd name="connsiteX8" fmla="*/ 0 w 1584000"/>
                  <a:gd name="connsiteY8" fmla="*/ 646473 h 829400"/>
                  <a:gd name="connsiteX9" fmla="*/ 0 w 1584000"/>
                  <a:gd name="connsiteY9" fmla="*/ 11639 h 829400"/>
                  <a:gd name="connsiteX0" fmla="*/ 0 w 1584000"/>
                  <a:gd name="connsiteY0" fmla="*/ 11639 h 830546"/>
                  <a:gd name="connsiteX1" fmla="*/ 717552 w 1584000"/>
                  <a:gd name="connsiteY1" fmla="*/ 68526 h 830546"/>
                  <a:gd name="connsiteX2" fmla="*/ 798833 w 1584000"/>
                  <a:gd name="connsiteY2" fmla="*/ 531371 h 830546"/>
                  <a:gd name="connsiteX3" fmla="*/ 898175 w 1584000"/>
                  <a:gd name="connsiteY3" fmla="*/ 64011 h 830546"/>
                  <a:gd name="connsiteX4" fmla="*/ 1584000 w 1584000"/>
                  <a:gd name="connsiteY4" fmla="*/ 11639 h 830546"/>
                  <a:gd name="connsiteX5" fmla="*/ 1584000 w 1584000"/>
                  <a:gd name="connsiteY5" fmla="*/ 646473 h 830546"/>
                  <a:gd name="connsiteX6" fmla="*/ 1121695 w 1584000"/>
                  <a:gd name="connsiteY6" fmla="*/ 696188 h 830546"/>
                  <a:gd name="connsiteX7" fmla="*/ 787544 w 1584000"/>
                  <a:gd name="connsiteY7" fmla="*/ 829398 h 830546"/>
                  <a:gd name="connsiteX8" fmla="*/ 437588 w 1584000"/>
                  <a:gd name="connsiteY8" fmla="*/ 678126 h 830546"/>
                  <a:gd name="connsiteX9" fmla="*/ 0 w 1584000"/>
                  <a:gd name="connsiteY9" fmla="*/ 646473 h 830546"/>
                  <a:gd name="connsiteX10" fmla="*/ 0 w 1584000"/>
                  <a:gd name="connsiteY10" fmla="*/ 11639 h 830546"/>
                  <a:gd name="connsiteX0" fmla="*/ 0 w 1584000"/>
                  <a:gd name="connsiteY0" fmla="*/ 11639 h 996968"/>
                  <a:gd name="connsiteX1" fmla="*/ 717552 w 1584000"/>
                  <a:gd name="connsiteY1" fmla="*/ 68526 h 996968"/>
                  <a:gd name="connsiteX2" fmla="*/ 798833 w 1584000"/>
                  <a:gd name="connsiteY2" fmla="*/ 531371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37588 w 1584000"/>
                  <a:gd name="connsiteY8" fmla="*/ 678126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531371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6575 w 1584000"/>
                  <a:gd name="connsiteY2" fmla="*/ 698447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689416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487259 w 1584000"/>
                  <a:gd name="connsiteY8" fmla="*/ 693930 h 996968"/>
                  <a:gd name="connsiteX9" fmla="*/ 0 w 1584000"/>
                  <a:gd name="connsiteY9" fmla="*/ 646473 h 996968"/>
                  <a:gd name="connsiteX10" fmla="*/ 0 w 1584000"/>
                  <a:gd name="connsiteY10" fmla="*/ 11639 h 996968"/>
                  <a:gd name="connsiteX0" fmla="*/ 0 w 1584000"/>
                  <a:gd name="connsiteY0" fmla="*/ 11639 h 996968"/>
                  <a:gd name="connsiteX1" fmla="*/ 717552 w 1584000"/>
                  <a:gd name="connsiteY1" fmla="*/ 68526 h 996968"/>
                  <a:gd name="connsiteX2" fmla="*/ 798833 w 1584000"/>
                  <a:gd name="connsiteY2" fmla="*/ 689416 h 996968"/>
                  <a:gd name="connsiteX3" fmla="*/ 898175 w 1584000"/>
                  <a:gd name="connsiteY3" fmla="*/ 64011 h 996968"/>
                  <a:gd name="connsiteX4" fmla="*/ 1584000 w 1584000"/>
                  <a:gd name="connsiteY4" fmla="*/ 11639 h 996968"/>
                  <a:gd name="connsiteX5" fmla="*/ 1584000 w 1584000"/>
                  <a:gd name="connsiteY5" fmla="*/ 646473 h 996968"/>
                  <a:gd name="connsiteX6" fmla="*/ 1121695 w 1584000"/>
                  <a:gd name="connsiteY6" fmla="*/ 696188 h 996968"/>
                  <a:gd name="connsiteX7" fmla="*/ 796575 w 1584000"/>
                  <a:gd name="connsiteY7" fmla="*/ 996473 h 996968"/>
                  <a:gd name="connsiteX8" fmla="*/ 320111 w 1584000"/>
                  <a:gd name="connsiteY8" fmla="*/ 664434 h 996968"/>
                  <a:gd name="connsiteX9" fmla="*/ 0 w 1584000"/>
                  <a:gd name="connsiteY9" fmla="*/ 646473 h 996968"/>
                  <a:gd name="connsiteX10" fmla="*/ 0 w 1584000"/>
                  <a:gd name="connsiteY10" fmla="*/ 11639 h 996968"/>
                  <a:gd name="connsiteX0" fmla="*/ 0 w 1584000"/>
                  <a:gd name="connsiteY0" fmla="*/ 11639 h 999131"/>
                  <a:gd name="connsiteX1" fmla="*/ 717552 w 1584000"/>
                  <a:gd name="connsiteY1" fmla="*/ 68526 h 999131"/>
                  <a:gd name="connsiteX2" fmla="*/ 798833 w 1584000"/>
                  <a:gd name="connsiteY2" fmla="*/ 689416 h 999131"/>
                  <a:gd name="connsiteX3" fmla="*/ 898175 w 1584000"/>
                  <a:gd name="connsiteY3" fmla="*/ 64011 h 999131"/>
                  <a:gd name="connsiteX4" fmla="*/ 1584000 w 1584000"/>
                  <a:gd name="connsiteY4" fmla="*/ 11639 h 999131"/>
                  <a:gd name="connsiteX5" fmla="*/ 1584000 w 1584000"/>
                  <a:gd name="connsiteY5" fmla="*/ 646473 h 999131"/>
                  <a:gd name="connsiteX6" fmla="*/ 1121695 w 1584000"/>
                  <a:gd name="connsiteY6" fmla="*/ 696188 h 999131"/>
                  <a:gd name="connsiteX7" fmla="*/ 796575 w 1584000"/>
                  <a:gd name="connsiteY7" fmla="*/ 996473 h 999131"/>
                  <a:gd name="connsiteX8" fmla="*/ 575167 w 1584000"/>
                  <a:gd name="connsiteY8" fmla="*/ 823680 h 999131"/>
                  <a:gd name="connsiteX9" fmla="*/ 320111 w 1584000"/>
                  <a:gd name="connsiteY9" fmla="*/ 664434 h 999131"/>
                  <a:gd name="connsiteX10" fmla="*/ 0 w 1584000"/>
                  <a:gd name="connsiteY10" fmla="*/ 646473 h 999131"/>
                  <a:gd name="connsiteX11" fmla="*/ 0 w 1584000"/>
                  <a:gd name="connsiteY11" fmla="*/ 11639 h 999131"/>
                  <a:gd name="connsiteX0" fmla="*/ 0 w 1584000"/>
                  <a:gd name="connsiteY0" fmla="*/ 11639 h 999131"/>
                  <a:gd name="connsiteX1" fmla="*/ 717552 w 1584000"/>
                  <a:gd name="connsiteY1" fmla="*/ 68526 h 999131"/>
                  <a:gd name="connsiteX2" fmla="*/ 789001 w 1584000"/>
                  <a:gd name="connsiteY2" fmla="*/ 625506 h 999131"/>
                  <a:gd name="connsiteX3" fmla="*/ 898175 w 1584000"/>
                  <a:gd name="connsiteY3" fmla="*/ 64011 h 999131"/>
                  <a:gd name="connsiteX4" fmla="*/ 1584000 w 1584000"/>
                  <a:gd name="connsiteY4" fmla="*/ 11639 h 999131"/>
                  <a:gd name="connsiteX5" fmla="*/ 1584000 w 1584000"/>
                  <a:gd name="connsiteY5" fmla="*/ 646473 h 999131"/>
                  <a:gd name="connsiteX6" fmla="*/ 1121695 w 1584000"/>
                  <a:gd name="connsiteY6" fmla="*/ 696188 h 999131"/>
                  <a:gd name="connsiteX7" fmla="*/ 796575 w 1584000"/>
                  <a:gd name="connsiteY7" fmla="*/ 996473 h 999131"/>
                  <a:gd name="connsiteX8" fmla="*/ 575167 w 1584000"/>
                  <a:gd name="connsiteY8" fmla="*/ 823680 h 999131"/>
                  <a:gd name="connsiteX9" fmla="*/ 320111 w 1584000"/>
                  <a:gd name="connsiteY9" fmla="*/ 664434 h 999131"/>
                  <a:gd name="connsiteX10" fmla="*/ 0 w 1584000"/>
                  <a:gd name="connsiteY10" fmla="*/ 646473 h 999131"/>
                  <a:gd name="connsiteX11" fmla="*/ 0 w 1584000"/>
                  <a:gd name="connsiteY11" fmla="*/ 11639 h 999131"/>
                  <a:gd name="connsiteX0" fmla="*/ 0 w 1584000"/>
                  <a:gd name="connsiteY0" fmla="*/ 11639 h 1120877"/>
                  <a:gd name="connsiteX1" fmla="*/ 717552 w 1584000"/>
                  <a:gd name="connsiteY1" fmla="*/ 68526 h 1120877"/>
                  <a:gd name="connsiteX2" fmla="*/ 789001 w 1584000"/>
                  <a:gd name="connsiteY2" fmla="*/ 625506 h 1120877"/>
                  <a:gd name="connsiteX3" fmla="*/ 898175 w 1584000"/>
                  <a:gd name="connsiteY3" fmla="*/ 64011 h 1120877"/>
                  <a:gd name="connsiteX4" fmla="*/ 1584000 w 1584000"/>
                  <a:gd name="connsiteY4" fmla="*/ 11639 h 1120877"/>
                  <a:gd name="connsiteX5" fmla="*/ 1584000 w 1584000"/>
                  <a:gd name="connsiteY5" fmla="*/ 646473 h 1120877"/>
                  <a:gd name="connsiteX6" fmla="*/ 1121695 w 1584000"/>
                  <a:gd name="connsiteY6" fmla="*/ 696188 h 1120877"/>
                  <a:gd name="connsiteX7" fmla="*/ 811323 w 1584000"/>
                  <a:gd name="connsiteY7" fmla="*/ 1119376 h 1120877"/>
                  <a:gd name="connsiteX8" fmla="*/ 575167 w 1584000"/>
                  <a:gd name="connsiteY8" fmla="*/ 823680 h 1120877"/>
                  <a:gd name="connsiteX9" fmla="*/ 320111 w 1584000"/>
                  <a:gd name="connsiteY9" fmla="*/ 664434 h 1120877"/>
                  <a:gd name="connsiteX10" fmla="*/ 0 w 1584000"/>
                  <a:gd name="connsiteY10" fmla="*/ 646473 h 1120877"/>
                  <a:gd name="connsiteX11" fmla="*/ 0 w 1584000"/>
                  <a:gd name="connsiteY11" fmla="*/ 11639 h 1120877"/>
                  <a:gd name="connsiteX0" fmla="*/ 0 w 1584000"/>
                  <a:gd name="connsiteY0" fmla="*/ 11639 h 1119922"/>
                  <a:gd name="connsiteX1" fmla="*/ 717552 w 1584000"/>
                  <a:gd name="connsiteY1" fmla="*/ 68526 h 1119922"/>
                  <a:gd name="connsiteX2" fmla="*/ 789001 w 1584000"/>
                  <a:gd name="connsiteY2" fmla="*/ 625506 h 1119922"/>
                  <a:gd name="connsiteX3" fmla="*/ 898175 w 1584000"/>
                  <a:gd name="connsiteY3" fmla="*/ 64011 h 1119922"/>
                  <a:gd name="connsiteX4" fmla="*/ 1584000 w 1584000"/>
                  <a:gd name="connsiteY4" fmla="*/ 11639 h 1119922"/>
                  <a:gd name="connsiteX5" fmla="*/ 1584000 w 1584000"/>
                  <a:gd name="connsiteY5" fmla="*/ 646473 h 1119922"/>
                  <a:gd name="connsiteX6" fmla="*/ 1121695 w 1584000"/>
                  <a:gd name="connsiteY6" fmla="*/ 696188 h 1119922"/>
                  <a:gd name="connsiteX7" fmla="*/ 811323 w 1584000"/>
                  <a:gd name="connsiteY7" fmla="*/ 1119376 h 1119922"/>
                  <a:gd name="connsiteX8" fmla="*/ 575167 w 1584000"/>
                  <a:gd name="connsiteY8" fmla="*/ 823680 h 1119922"/>
                  <a:gd name="connsiteX9" fmla="*/ 320111 w 1584000"/>
                  <a:gd name="connsiteY9" fmla="*/ 664434 h 1119922"/>
                  <a:gd name="connsiteX10" fmla="*/ 0 w 1584000"/>
                  <a:gd name="connsiteY10" fmla="*/ 646473 h 1119922"/>
                  <a:gd name="connsiteX11" fmla="*/ 0 w 1584000"/>
                  <a:gd name="connsiteY11" fmla="*/ 11639 h 1119922"/>
                  <a:gd name="connsiteX0" fmla="*/ 0 w 1584000"/>
                  <a:gd name="connsiteY0" fmla="*/ 11639 h 1119922"/>
                  <a:gd name="connsiteX1" fmla="*/ 717552 w 1584000"/>
                  <a:gd name="connsiteY1" fmla="*/ 68526 h 1119922"/>
                  <a:gd name="connsiteX2" fmla="*/ 789001 w 1584000"/>
                  <a:gd name="connsiteY2" fmla="*/ 625506 h 1119922"/>
                  <a:gd name="connsiteX3" fmla="*/ 898175 w 1584000"/>
                  <a:gd name="connsiteY3" fmla="*/ 64011 h 1119922"/>
                  <a:gd name="connsiteX4" fmla="*/ 1584000 w 1584000"/>
                  <a:gd name="connsiteY4" fmla="*/ 11639 h 1119922"/>
                  <a:gd name="connsiteX5" fmla="*/ 1584000 w 1584000"/>
                  <a:gd name="connsiteY5" fmla="*/ 646473 h 1119922"/>
                  <a:gd name="connsiteX6" fmla="*/ 1121695 w 1584000"/>
                  <a:gd name="connsiteY6" fmla="*/ 696188 h 1119922"/>
                  <a:gd name="connsiteX7" fmla="*/ 811323 w 1584000"/>
                  <a:gd name="connsiteY7" fmla="*/ 1119376 h 1119922"/>
                  <a:gd name="connsiteX8" fmla="*/ 575167 w 1584000"/>
                  <a:gd name="connsiteY8" fmla="*/ 823680 h 1119922"/>
                  <a:gd name="connsiteX9" fmla="*/ 320111 w 1584000"/>
                  <a:gd name="connsiteY9" fmla="*/ 664434 h 1119922"/>
                  <a:gd name="connsiteX10" fmla="*/ 0 w 1584000"/>
                  <a:gd name="connsiteY10" fmla="*/ 646473 h 1119922"/>
                  <a:gd name="connsiteX11" fmla="*/ 0 w 1584000"/>
                  <a:gd name="connsiteY11" fmla="*/ 11639 h 1119922"/>
                  <a:gd name="connsiteX0" fmla="*/ 0 w 1584000"/>
                  <a:gd name="connsiteY0" fmla="*/ 11639 h 1119876"/>
                  <a:gd name="connsiteX1" fmla="*/ 717552 w 1584000"/>
                  <a:gd name="connsiteY1" fmla="*/ 68526 h 1119876"/>
                  <a:gd name="connsiteX2" fmla="*/ 789001 w 1584000"/>
                  <a:gd name="connsiteY2" fmla="*/ 625506 h 1119876"/>
                  <a:gd name="connsiteX3" fmla="*/ 898175 w 1584000"/>
                  <a:gd name="connsiteY3" fmla="*/ 64011 h 1119876"/>
                  <a:gd name="connsiteX4" fmla="*/ 1584000 w 1584000"/>
                  <a:gd name="connsiteY4" fmla="*/ 11639 h 1119876"/>
                  <a:gd name="connsiteX5" fmla="*/ 1584000 w 1584000"/>
                  <a:gd name="connsiteY5" fmla="*/ 646473 h 1119876"/>
                  <a:gd name="connsiteX6" fmla="*/ 1121695 w 1584000"/>
                  <a:gd name="connsiteY6" fmla="*/ 696188 h 1119876"/>
                  <a:gd name="connsiteX7" fmla="*/ 811323 w 1584000"/>
                  <a:gd name="connsiteY7" fmla="*/ 1119376 h 1119876"/>
                  <a:gd name="connsiteX8" fmla="*/ 575167 w 1584000"/>
                  <a:gd name="connsiteY8" fmla="*/ 823680 h 1119876"/>
                  <a:gd name="connsiteX9" fmla="*/ 320111 w 1584000"/>
                  <a:gd name="connsiteY9" fmla="*/ 664434 h 1119876"/>
                  <a:gd name="connsiteX10" fmla="*/ 0 w 1584000"/>
                  <a:gd name="connsiteY10" fmla="*/ 646473 h 1119876"/>
                  <a:gd name="connsiteX11" fmla="*/ 0 w 1584000"/>
                  <a:gd name="connsiteY11" fmla="*/ 11639 h 11198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121695 w 1584000"/>
                  <a:gd name="connsiteY6" fmla="*/ 696188 h 1119376"/>
                  <a:gd name="connsiteX7" fmla="*/ 811323 w 1584000"/>
                  <a:gd name="connsiteY7" fmla="*/ 1119376 h 1119376"/>
                  <a:gd name="connsiteX8" fmla="*/ 575167 w 1584000"/>
                  <a:gd name="connsiteY8" fmla="*/ 823680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121695 w 1584000"/>
                  <a:gd name="connsiteY6" fmla="*/ 696188 h 1119376"/>
                  <a:gd name="connsiteX7" fmla="*/ 811323 w 1584000"/>
                  <a:gd name="connsiteY7" fmla="*/ 1119376 h 1119376"/>
                  <a:gd name="connsiteX8" fmla="*/ 511257 w 1584000"/>
                  <a:gd name="connsiteY8" fmla="*/ 828596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511257 w 1584000"/>
                  <a:gd name="connsiteY8" fmla="*/ 828596 h 1119376"/>
                  <a:gd name="connsiteX9" fmla="*/ 320111 w 1584000"/>
                  <a:gd name="connsiteY9" fmla="*/ 664434 h 1119376"/>
                  <a:gd name="connsiteX10" fmla="*/ 0 w 1584000"/>
                  <a:gd name="connsiteY10" fmla="*/ 646473 h 1119376"/>
                  <a:gd name="connsiteX11" fmla="*/ 0 w 1584000"/>
                  <a:gd name="connsiteY11"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20111 w 1584000"/>
                  <a:gd name="connsiteY8" fmla="*/ 664434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285698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98175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74347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1639 h 1119376"/>
                  <a:gd name="connsiteX1" fmla="*/ 717552 w 1584000"/>
                  <a:gd name="connsiteY1" fmla="*/ 68526 h 1119376"/>
                  <a:gd name="connsiteX2" fmla="*/ 789001 w 1584000"/>
                  <a:gd name="connsiteY2" fmla="*/ 625506 h 1119376"/>
                  <a:gd name="connsiteX3" fmla="*/ 874347 w 1584000"/>
                  <a:gd name="connsiteY3" fmla="*/ 64011 h 1119376"/>
                  <a:gd name="connsiteX4" fmla="*/ 1584000 w 1584000"/>
                  <a:gd name="connsiteY4" fmla="*/ 11639 h 1119376"/>
                  <a:gd name="connsiteX5" fmla="*/ 1584000 w 1584000"/>
                  <a:gd name="connsiteY5" fmla="*/ 646473 h 1119376"/>
                  <a:gd name="connsiteX6" fmla="*/ 1249514 w 1584000"/>
                  <a:gd name="connsiteY6" fmla="*/ 706021 h 1119376"/>
                  <a:gd name="connsiteX7" fmla="*/ 811323 w 1584000"/>
                  <a:gd name="connsiteY7" fmla="*/ 1119376 h 1119376"/>
                  <a:gd name="connsiteX8" fmla="*/ 339775 w 1584000"/>
                  <a:gd name="connsiteY8" fmla="*/ 659518 h 1119376"/>
                  <a:gd name="connsiteX9" fmla="*/ 0 w 1584000"/>
                  <a:gd name="connsiteY9" fmla="*/ 646473 h 1119376"/>
                  <a:gd name="connsiteX10" fmla="*/ 0 w 1584000"/>
                  <a:gd name="connsiteY10" fmla="*/ 11639 h 1119376"/>
                  <a:gd name="connsiteX0" fmla="*/ 0 w 1584000"/>
                  <a:gd name="connsiteY0" fmla="*/ 13755 h 1121492"/>
                  <a:gd name="connsiteX1" fmla="*/ 717552 w 1584000"/>
                  <a:gd name="connsiteY1" fmla="*/ 70642 h 1121492"/>
                  <a:gd name="connsiteX2" fmla="*/ 789001 w 1584000"/>
                  <a:gd name="connsiteY2" fmla="*/ 627622 h 1121492"/>
                  <a:gd name="connsiteX3" fmla="*/ 874347 w 1584000"/>
                  <a:gd name="connsiteY3" fmla="*/ 66127 h 1121492"/>
                  <a:gd name="connsiteX4" fmla="*/ 1584000 w 1584000"/>
                  <a:gd name="connsiteY4" fmla="*/ 13755 h 1121492"/>
                  <a:gd name="connsiteX5" fmla="*/ 1584000 w 1584000"/>
                  <a:gd name="connsiteY5" fmla="*/ 648589 h 1121492"/>
                  <a:gd name="connsiteX6" fmla="*/ 1249514 w 1584000"/>
                  <a:gd name="connsiteY6" fmla="*/ 708137 h 1121492"/>
                  <a:gd name="connsiteX7" fmla="*/ 811323 w 1584000"/>
                  <a:gd name="connsiteY7" fmla="*/ 1121492 h 1121492"/>
                  <a:gd name="connsiteX8" fmla="*/ 339775 w 1584000"/>
                  <a:gd name="connsiteY8" fmla="*/ 661634 h 1121492"/>
                  <a:gd name="connsiteX9" fmla="*/ 0 w 1584000"/>
                  <a:gd name="connsiteY9" fmla="*/ 648589 h 1121492"/>
                  <a:gd name="connsiteX10" fmla="*/ 0 w 1584000"/>
                  <a:gd name="connsiteY10" fmla="*/ 13755 h 1121492"/>
                  <a:gd name="connsiteX0" fmla="*/ 0 w 1584000"/>
                  <a:gd name="connsiteY0" fmla="*/ 13755 h 1121492"/>
                  <a:gd name="connsiteX1" fmla="*/ 717552 w 1584000"/>
                  <a:gd name="connsiteY1" fmla="*/ 70642 h 1121492"/>
                  <a:gd name="connsiteX2" fmla="*/ 789001 w 1584000"/>
                  <a:gd name="connsiteY2" fmla="*/ 627622 h 1121492"/>
                  <a:gd name="connsiteX3" fmla="*/ 874347 w 1584000"/>
                  <a:gd name="connsiteY3" fmla="*/ 66127 h 1121492"/>
                  <a:gd name="connsiteX4" fmla="*/ 1584000 w 1584000"/>
                  <a:gd name="connsiteY4" fmla="*/ 13755 h 1121492"/>
                  <a:gd name="connsiteX5" fmla="*/ 1584000 w 1584000"/>
                  <a:gd name="connsiteY5" fmla="*/ 648589 h 1121492"/>
                  <a:gd name="connsiteX6" fmla="*/ 1249514 w 1584000"/>
                  <a:gd name="connsiteY6" fmla="*/ 708137 h 1121492"/>
                  <a:gd name="connsiteX7" fmla="*/ 811323 w 1584000"/>
                  <a:gd name="connsiteY7" fmla="*/ 1121492 h 1121492"/>
                  <a:gd name="connsiteX8" fmla="*/ 339775 w 1584000"/>
                  <a:gd name="connsiteY8" fmla="*/ 661634 h 1121492"/>
                  <a:gd name="connsiteX9" fmla="*/ 0 w 1584000"/>
                  <a:gd name="connsiteY9" fmla="*/ 648589 h 1121492"/>
                  <a:gd name="connsiteX10" fmla="*/ 0 w 1584000"/>
                  <a:gd name="connsiteY10" fmla="*/ 13755 h 1121492"/>
                  <a:gd name="connsiteX0" fmla="*/ 0 w 1584000"/>
                  <a:gd name="connsiteY0" fmla="*/ 15883 h 1123620"/>
                  <a:gd name="connsiteX1" fmla="*/ 717552 w 1584000"/>
                  <a:gd name="connsiteY1" fmla="*/ 72770 h 1123620"/>
                  <a:gd name="connsiteX2" fmla="*/ 789001 w 1584000"/>
                  <a:gd name="connsiteY2" fmla="*/ 629750 h 1123620"/>
                  <a:gd name="connsiteX3" fmla="*/ 895196 w 1584000"/>
                  <a:gd name="connsiteY3" fmla="*/ 62298 h 1123620"/>
                  <a:gd name="connsiteX4" fmla="*/ 1584000 w 1584000"/>
                  <a:gd name="connsiteY4" fmla="*/ 15883 h 1123620"/>
                  <a:gd name="connsiteX5" fmla="*/ 1584000 w 1584000"/>
                  <a:gd name="connsiteY5" fmla="*/ 650717 h 1123620"/>
                  <a:gd name="connsiteX6" fmla="*/ 1249514 w 1584000"/>
                  <a:gd name="connsiteY6" fmla="*/ 710265 h 1123620"/>
                  <a:gd name="connsiteX7" fmla="*/ 811323 w 1584000"/>
                  <a:gd name="connsiteY7" fmla="*/ 1123620 h 1123620"/>
                  <a:gd name="connsiteX8" fmla="*/ 339775 w 1584000"/>
                  <a:gd name="connsiteY8" fmla="*/ 663762 h 1123620"/>
                  <a:gd name="connsiteX9" fmla="*/ 0 w 1584000"/>
                  <a:gd name="connsiteY9" fmla="*/ 650717 h 1123620"/>
                  <a:gd name="connsiteX10" fmla="*/ 0 w 1584000"/>
                  <a:gd name="connsiteY10" fmla="*/ 15883 h 11236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84000" h="1123620">
                    <a:moveTo>
                      <a:pt x="0" y="15883"/>
                    </a:moveTo>
                    <a:cubicBezTo>
                      <a:pt x="10466" y="3097"/>
                      <a:pt x="547914" y="-17990"/>
                      <a:pt x="717552" y="72770"/>
                    </a:cubicBezTo>
                    <a:cubicBezTo>
                      <a:pt x="790108" y="168046"/>
                      <a:pt x="699156" y="645252"/>
                      <a:pt x="789001" y="629750"/>
                    </a:cubicBezTo>
                    <a:cubicBezTo>
                      <a:pt x="855982" y="665874"/>
                      <a:pt x="774367" y="135718"/>
                      <a:pt x="895196" y="62298"/>
                    </a:cubicBezTo>
                    <a:cubicBezTo>
                      <a:pt x="1078574" y="-20057"/>
                      <a:pt x="1555491" y="-3677"/>
                      <a:pt x="1584000" y="15883"/>
                    </a:cubicBezTo>
                    <a:lnTo>
                      <a:pt x="1584000" y="650717"/>
                    </a:lnTo>
                    <a:cubicBezTo>
                      <a:pt x="1555359" y="726560"/>
                      <a:pt x="1382257" y="679778"/>
                      <a:pt x="1249514" y="710265"/>
                    </a:cubicBezTo>
                    <a:cubicBezTo>
                      <a:pt x="1116771" y="740753"/>
                      <a:pt x="1180173" y="1104829"/>
                      <a:pt x="811323" y="1123620"/>
                    </a:cubicBezTo>
                    <a:cubicBezTo>
                      <a:pt x="371288" y="1116689"/>
                      <a:pt x="489745" y="713083"/>
                      <a:pt x="339775" y="663762"/>
                    </a:cubicBezTo>
                    <a:lnTo>
                      <a:pt x="0" y="650717"/>
                    </a:lnTo>
                    <a:lnTo>
                      <a:pt x="0" y="15883"/>
                    </a:lnTo>
                    <a:close/>
                  </a:path>
                </a:pathLst>
              </a:custGeom>
              <a:solidFill>
                <a:srgbClr val="FFE2A7"/>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83" name="Pia mater">
                <a:extLst>
                  <a:ext uri="{FF2B5EF4-FFF2-40B4-BE49-F238E27FC236}">
                    <a16:creationId xmlns:a16="http://schemas.microsoft.com/office/drawing/2014/main" id="{F668517A-FB57-48EF-8E20-5C15B511C31D}"/>
                  </a:ext>
                </a:extLst>
              </p:cNvPr>
              <p:cNvSpPr/>
              <p:nvPr/>
            </p:nvSpPr>
            <p:spPr>
              <a:xfrm>
                <a:off x="1528097" y="2949647"/>
                <a:ext cx="1580242" cy="630946"/>
              </a:xfrm>
              <a:custGeom>
                <a:avLst/>
                <a:gdLst>
                  <a:gd name="connsiteX0" fmla="*/ 0 w 1584562"/>
                  <a:gd name="connsiteY0" fmla="*/ 5957 h 5957"/>
                  <a:gd name="connsiteX1" fmla="*/ 1581584 w 1584562"/>
                  <a:gd name="connsiteY1" fmla="*/ 0 h 5957"/>
                  <a:gd name="connsiteX2" fmla="*/ 1584562 w 1584562"/>
                  <a:gd name="connsiteY2" fmla="*/ 0 h 5957"/>
                  <a:gd name="connsiteX3" fmla="*/ 1584562 w 1584562"/>
                  <a:gd name="connsiteY3" fmla="*/ 0 h 5957"/>
                  <a:gd name="connsiteX0" fmla="*/ 0 w 10000"/>
                  <a:gd name="connsiteY0" fmla="*/ 10000 h 1050002"/>
                  <a:gd name="connsiteX1" fmla="*/ 5056 w 10000"/>
                  <a:gd name="connsiteY1" fmla="*/ 1050002 h 1050002"/>
                  <a:gd name="connsiteX2" fmla="*/ 9981 w 10000"/>
                  <a:gd name="connsiteY2" fmla="*/ 0 h 1050002"/>
                  <a:gd name="connsiteX3" fmla="*/ 10000 w 10000"/>
                  <a:gd name="connsiteY3" fmla="*/ 0 h 1050002"/>
                  <a:gd name="connsiteX4" fmla="*/ 10000 w 10000"/>
                  <a:gd name="connsiteY4" fmla="*/ 0 h 1050002"/>
                  <a:gd name="connsiteX0" fmla="*/ 0 w 10000"/>
                  <a:gd name="connsiteY0" fmla="*/ 10000 h 1058338"/>
                  <a:gd name="connsiteX1" fmla="*/ 4530 w 10000"/>
                  <a:gd name="connsiteY1" fmla="*/ 119998 h 1058338"/>
                  <a:gd name="connsiteX2" fmla="*/ 5056 w 10000"/>
                  <a:gd name="connsiteY2" fmla="*/ 1050002 h 1058338"/>
                  <a:gd name="connsiteX3" fmla="*/ 9981 w 10000"/>
                  <a:gd name="connsiteY3" fmla="*/ 0 h 1058338"/>
                  <a:gd name="connsiteX4" fmla="*/ 10000 w 10000"/>
                  <a:gd name="connsiteY4" fmla="*/ 0 h 1058338"/>
                  <a:gd name="connsiteX5" fmla="*/ 10000 w 10000"/>
                  <a:gd name="connsiteY5" fmla="*/ 0 h 1058338"/>
                  <a:gd name="connsiteX0" fmla="*/ 0 w 10000"/>
                  <a:gd name="connsiteY0" fmla="*/ 10000 h 1056434"/>
                  <a:gd name="connsiteX1" fmla="*/ 4530 w 10000"/>
                  <a:gd name="connsiteY1" fmla="*/ 119998 h 1056434"/>
                  <a:gd name="connsiteX2" fmla="*/ 5056 w 10000"/>
                  <a:gd name="connsiteY2" fmla="*/ 1050002 h 1056434"/>
                  <a:gd name="connsiteX3" fmla="*/ 5658 w 10000"/>
                  <a:gd name="connsiteY3" fmla="*/ 99998 h 1056434"/>
                  <a:gd name="connsiteX4" fmla="*/ 9981 w 10000"/>
                  <a:gd name="connsiteY4" fmla="*/ 0 h 1056434"/>
                  <a:gd name="connsiteX5" fmla="*/ 10000 w 10000"/>
                  <a:gd name="connsiteY5" fmla="*/ 0 h 1056434"/>
                  <a:gd name="connsiteX6" fmla="*/ 10000 w 10000"/>
                  <a:gd name="connsiteY6" fmla="*/ 0 h 1056434"/>
                  <a:gd name="connsiteX0" fmla="*/ 0 w 10000"/>
                  <a:gd name="connsiteY0" fmla="*/ 10000 h 1056436"/>
                  <a:gd name="connsiteX1" fmla="*/ 4530 w 10000"/>
                  <a:gd name="connsiteY1" fmla="*/ 119998 h 1056436"/>
                  <a:gd name="connsiteX2" fmla="*/ 5056 w 10000"/>
                  <a:gd name="connsiteY2" fmla="*/ 1050002 h 1056436"/>
                  <a:gd name="connsiteX3" fmla="*/ 5658 w 10000"/>
                  <a:gd name="connsiteY3" fmla="*/ 99998 h 1056436"/>
                  <a:gd name="connsiteX4" fmla="*/ 9981 w 10000"/>
                  <a:gd name="connsiteY4" fmla="*/ 0 h 1056436"/>
                  <a:gd name="connsiteX5" fmla="*/ 10000 w 10000"/>
                  <a:gd name="connsiteY5" fmla="*/ 0 h 1056436"/>
                  <a:gd name="connsiteX6" fmla="*/ 10000 w 10000"/>
                  <a:gd name="connsiteY6" fmla="*/ 0 h 1056436"/>
                  <a:gd name="connsiteX0" fmla="*/ 0 w 10000"/>
                  <a:gd name="connsiteY0" fmla="*/ 10000 h 1056434"/>
                  <a:gd name="connsiteX1" fmla="*/ 4530 w 10000"/>
                  <a:gd name="connsiteY1" fmla="*/ 119998 h 1056434"/>
                  <a:gd name="connsiteX2" fmla="*/ 5056 w 10000"/>
                  <a:gd name="connsiteY2" fmla="*/ 1050002 h 1056434"/>
                  <a:gd name="connsiteX3" fmla="*/ 5658 w 10000"/>
                  <a:gd name="connsiteY3" fmla="*/ 99998 h 1056434"/>
                  <a:gd name="connsiteX4" fmla="*/ 9981 w 10000"/>
                  <a:gd name="connsiteY4" fmla="*/ 0 h 1056434"/>
                  <a:gd name="connsiteX5" fmla="*/ 10000 w 10000"/>
                  <a:gd name="connsiteY5" fmla="*/ 0 h 1056434"/>
                  <a:gd name="connsiteX6" fmla="*/ 10000 w 10000"/>
                  <a:gd name="connsiteY6" fmla="*/ 0 h 1056434"/>
                  <a:gd name="connsiteX0" fmla="*/ 0 w 10000"/>
                  <a:gd name="connsiteY0" fmla="*/ 10000 h 1056436"/>
                  <a:gd name="connsiteX1" fmla="*/ 4530 w 10000"/>
                  <a:gd name="connsiteY1" fmla="*/ 119998 h 1056436"/>
                  <a:gd name="connsiteX2" fmla="*/ 5056 w 10000"/>
                  <a:gd name="connsiteY2" fmla="*/ 1050002 h 1056436"/>
                  <a:gd name="connsiteX3" fmla="*/ 5658 w 10000"/>
                  <a:gd name="connsiteY3" fmla="*/ 99998 h 1056436"/>
                  <a:gd name="connsiteX4" fmla="*/ 9981 w 10000"/>
                  <a:gd name="connsiteY4" fmla="*/ 0 h 1056436"/>
                  <a:gd name="connsiteX5" fmla="*/ 10000 w 10000"/>
                  <a:gd name="connsiteY5" fmla="*/ 0 h 1056436"/>
                  <a:gd name="connsiteX6" fmla="*/ 10000 w 10000"/>
                  <a:gd name="connsiteY6" fmla="*/ 0 h 1056436"/>
                  <a:gd name="connsiteX0" fmla="*/ 0 w 10000"/>
                  <a:gd name="connsiteY0" fmla="*/ 10000 h 1050002"/>
                  <a:gd name="connsiteX1" fmla="*/ 4530 w 10000"/>
                  <a:gd name="connsiteY1" fmla="*/ 119998 h 1050002"/>
                  <a:gd name="connsiteX2" fmla="*/ 5056 w 10000"/>
                  <a:gd name="connsiteY2" fmla="*/ 1050002 h 1050002"/>
                  <a:gd name="connsiteX3" fmla="*/ 5658 w 10000"/>
                  <a:gd name="connsiteY3" fmla="*/ 99998 h 1050002"/>
                  <a:gd name="connsiteX4" fmla="*/ 9981 w 10000"/>
                  <a:gd name="connsiteY4" fmla="*/ 0 h 1050002"/>
                  <a:gd name="connsiteX5" fmla="*/ 10000 w 10000"/>
                  <a:gd name="connsiteY5" fmla="*/ 0 h 1050002"/>
                  <a:gd name="connsiteX6" fmla="*/ 10000 w 10000"/>
                  <a:gd name="connsiteY6" fmla="*/ 0 h 1050002"/>
                  <a:gd name="connsiteX0" fmla="*/ 0 w 10115"/>
                  <a:gd name="connsiteY0" fmla="*/ 17317 h 1057319"/>
                  <a:gd name="connsiteX1" fmla="*/ 4530 w 10115"/>
                  <a:gd name="connsiteY1" fmla="*/ 127315 h 1057319"/>
                  <a:gd name="connsiteX2" fmla="*/ 5056 w 10115"/>
                  <a:gd name="connsiteY2" fmla="*/ 1057319 h 1057319"/>
                  <a:gd name="connsiteX3" fmla="*/ 5658 w 10115"/>
                  <a:gd name="connsiteY3" fmla="*/ 107315 h 1057319"/>
                  <a:gd name="connsiteX4" fmla="*/ 9737 w 10115"/>
                  <a:gd name="connsiteY4" fmla="*/ 7315 h 1057319"/>
                  <a:gd name="connsiteX5" fmla="*/ 9981 w 10115"/>
                  <a:gd name="connsiteY5" fmla="*/ 7317 h 1057319"/>
                  <a:gd name="connsiteX6" fmla="*/ 10000 w 10115"/>
                  <a:gd name="connsiteY6" fmla="*/ 7317 h 1057319"/>
                  <a:gd name="connsiteX7" fmla="*/ 10000 w 10115"/>
                  <a:gd name="connsiteY7" fmla="*/ 7317 h 1057319"/>
                  <a:gd name="connsiteX0" fmla="*/ 0 w 10115"/>
                  <a:gd name="connsiteY0" fmla="*/ 17319 h 1057321"/>
                  <a:gd name="connsiteX1" fmla="*/ 4609 w 10115"/>
                  <a:gd name="connsiteY1" fmla="*/ 131478 h 1057321"/>
                  <a:gd name="connsiteX2" fmla="*/ 5056 w 10115"/>
                  <a:gd name="connsiteY2" fmla="*/ 1057321 h 1057321"/>
                  <a:gd name="connsiteX3" fmla="*/ 5658 w 10115"/>
                  <a:gd name="connsiteY3" fmla="*/ 107317 h 1057321"/>
                  <a:gd name="connsiteX4" fmla="*/ 9737 w 10115"/>
                  <a:gd name="connsiteY4" fmla="*/ 7317 h 1057321"/>
                  <a:gd name="connsiteX5" fmla="*/ 9981 w 10115"/>
                  <a:gd name="connsiteY5" fmla="*/ 7319 h 1057321"/>
                  <a:gd name="connsiteX6" fmla="*/ 10000 w 10115"/>
                  <a:gd name="connsiteY6" fmla="*/ 7319 h 1057321"/>
                  <a:gd name="connsiteX7" fmla="*/ 10000 w 10115"/>
                  <a:gd name="connsiteY7" fmla="*/ 7319 h 1057321"/>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6" fmla="*/ 10000 w 10115"/>
                  <a:gd name="connsiteY6" fmla="*/ 6271 h 1056273"/>
                  <a:gd name="connsiteX7" fmla="*/ 10000 w 10115"/>
                  <a:gd name="connsiteY7" fmla="*/ 6271 h 1056273"/>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6" fmla="*/ 10000 w 10115"/>
                  <a:gd name="connsiteY6" fmla="*/ 6271 h 1056273"/>
                  <a:gd name="connsiteX0" fmla="*/ 0 w 10115"/>
                  <a:gd name="connsiteY0" fmla="*/ 16271 h 1056273"/>
                  <a:gd name="connsiteX1" fmla="*/ 4609 w 10115"/>
                  <a:gd name="connsiteY1" fmla="*/ 130430 h 1056273"/>
                  <a:gd name="connsiteX2" fmla="*/ 5056 w 10115"/>
                  <a:gd name="connsiteY2" fmla="*/ 1056273 h 1056273"/>
                  <a:gd name="connsiteX3" fmla="*/ 5658 w 10115"/>
                  <a:gd name="connsiteY3" fmla="*/ 106269 h 1056273"/>
                  <a:gd name="connsiteX4" fmla="*/ 9737 w 10115"/>
                  <a:gd name="connsiteY4" fmla="*/ 6269 h 1056273"/>
                  <a:gd name="connsiteX5" fmla="*/ 9981 w 10115"/>
                  <a:gd name="connsiteY5" fmla="*/ 6271 h 1056273"/>
                  <a:gd name="connsiteX0" fmla="*/ 0 w 10077"/>
                  <a:gd name="connsiteY0" fmla="*/ 115514 h 1155516"/>
                  <a:gd name="connsiteX1" fmla="*/ 4609 w 10077"/>
                  <a:gd name="connsiteY1" fmla="*/ 229673 h 1155516"/>
                  <a:gd name="connsiteX2" fmla="*/ 5056 w 10077"/>
                  <a:gd name="connsiteY2" fmla="*/ 1155516 h 1155516"/>
                  <a:gd name="connsiteX3" fmla="*/ 5658 w 10077"/>
                  <a:gd name="connsiteY3" fmla="*/ 205512 h 1155516"/>
                  <a:gd name="connsiteX4" fmla="*/ 9674 w 10077"/>
                  <a:gd name="connsiteY4" fmla="*/ 1514 h 1155516"/>
                  <a:gd name="connsiteX5" fmla="*/ 9981 w 10077"/>
                  <a:gd name="connsiteY5" fmla="*/ 105514 h 1155516"/>
                  <a:gd name="connsiteX0" fmla="*/ 0 w 10113"/>
                  <a:gd name="connsiteY0" fmla="*/ 115514 h 1155516"/>
                  <a:gd name="connsiteX1" fmla="*/ 4609 w 10113"/>
                  <a:gd name="connsiteY1" fmla="*/ 229673 h 1155516"/>
                  <a:gd name="connsiteX2" fmla="*/ 5056 w 10113"/>
                  <a:gd name="connsiteY2" fmla="*/ 1155516 h 1155516"/>
                  <a:gd name="connsiteX3" fmla="*/ 5658 w 10113"/>
                  <a:gd name="connsiteY3" fmla="*/ 205512 h 1155516"/>
                  <a:gd name="connsiteX4" fmla="*/ 9674 w 10113"/>
                  <a:gd name="connsiteY4" fmla="*/ 1514 h 1155516"/>
                  <a:gd name="connsiteX5" fmla="*/ 10060 w 10113"/>
                  <a:gd name="connsiteY5" fmla="*/ 105515 h 1155516"/>
                  <a:gd name="connsiteX0" fmla="*/ 0 w 10060"/>
                  <a:gd name="connsiteY0" fmla="*/ 19726 h 1059728"/>
                  <a:gd name="connsiteX1" fmla="*/ 4609 w 10060"/>
                  <a:gd name="connsiteY1" fmla="*/ 133885 h 1059728"/>
                  <a:gd name="connsiteX2" fmla="*/ 5056 w 10060"/>
                  <a:gd name="connsiteY2" fmla="*/ 1059728 h 1059728"/>
                  <a:gd name="connsiteX3" fmla="*/ 5658 w 10060"/>
                  <a:gd name="connsiteY3" fmla="*/ 109724 h 1059728"/>
                  <a:gd name="connsiteX4" fmla="*/ 9310 w 10060"/>
                  <a:gd name="connsiteY4" fmla="*/ 5563 h 1059728"/>
                  <a:gd name="connsiteX5" fmla="*/ 10060 w 10060"/>
                  <a:gd name="connsiteY5" fmla="*/ 9727 h 1059728"/>
                  <a:gd name="connsiteX0" fmla="*/ 0 w 10028"/>
                  <a:gd name="connsiteY0" fmla="*/ 17285 h 1057287"/>
                  <a:gd name="connsiteX1" fmla="*/ 4609 w 10028"/>
                  <a:gd name="connsiteY1" fmla="*/ 131444 h 1057287"/>
                  <a:gd name="connsiteX2" fmla="*/ 5056 w 10028"/>
                  <a:gd name="connsiteY2" fmla="*/ 1057287 h 1057287"/>
                  <a:gd name="connsiteX3" fmla="*/ 5658 w 10028"/>
                  <a:gd name="connsiteY3" fmla="*/ 107283 h 1057287"/>
                  <a:gd name="connsiteX4" fmla="*/ 9310 w 10028"/>
                  <a:gd name="connsiteY4" fmla="*/ 3122 h 1057287"/>
                  <a:gd name="connsiteX5" fmla="*/ 10028 w 10028"/>
                  <a:gd name="connsiteY5" fmla="*/ 36404 h 1057287"/>
                  <a:gd name="connsiteX0" fmla="*/ 0 w 10091"/>
                  <a:gd name="connsiteY0" fmla="*/ 19163 h 1059165"/>
                  <a:gd name="connsiteX1" fmla="*/ 4609 w 10091"/>
                  <a:gd name="connsiteY1" fmla="*/ 133322 h 1059165"/>
                  <a:gd name="connsiteX2" fmla="*/ 5056 w 10091"/>
                  <a:gd name="connsiteY2" fmla="*/ 1059165 h 1059165"/>
                  <a:gd name="connsiteX3" fmla="*/ 5658 w 10091"/>
                  <a:gd name="connsiteY3" fmla="*/ 109161 h 1059165"/>
                  <a:gd name="connsiteX4" fmla="*/ 9310 w 10091"/>
                  <a:gd name="connsiteY4" fmla="*/ 5000 h 1059165"/>
                  <a:gd name="connsiteX5" fmla="*/ 10091 w 10091"/>
                  <a:gd name="connsiteY5" fmla="*/ 13322 h 1059165"/>
                  <a:gd name="connsiteX0" fmla="*/ 0 w 10091"/>
                  <a:gd name="connsiteY0" fmla="*/ 19165 h 1059167"/>
                  <a:gd name="connsiteX1" fmla="*/ 4609 w 10091"/>
                  <a:gd name="connsiteY1" fmla="*/ 133324 h 1059167"/>
                  <a:gd name="connsiteX2" fmla="*/ 5056 w 10091"/>
                  <a:gd name="connsiteY2" fmla="*/ 1059167 h 1059167"/>
                  <a:gd name="connsiteX3" fmla="*/ 5658 w 10091"/>
                  <a:gd name="connsiteY3" fmla="*/ 109163 h 1059167"/>
                  <a:gd name="connsiteX4" fmla="*/ 9310 w 10091"/>
                  <a:gd name="connsiteY4" fmla="*/ 5002 h 1059167"/>
                  <a:gd name="connsiteX5" fmla="*/ 10091 w 10091"/>
                  <a:gd name="connsiteY5" fmla="*/ 13324 h 1059167"/>
                  <a:gd name="connsiteX0" fmla="*/ 0 w 10091"/>
                  <a:gd name="connsiteY0" fmla="*/ 19165 h 1059167"/>
                  <a:gd name="connsiteX1" fmla="*/ 4609 w 10091"/>
                  <a:gd name="connsiteY1" fmla="*/ 133324 h 1059167"/>
                  <a:gd name="connsiteX2" fmla="*/ 5056 w 10091"/>
                  <a:gd name="connsiteY2" fmla="*/ 1059167 h 1059167"/>
                  <a:gd name="connsiteX3" fmla="*/ 5658 w 10091"/>
                  <a:gd name="connsiteY3" fmla="*/ 109163 h 1059167"/>
                  <a:gd name="connsiteX4" fmla="*/ 9310 w 10091"/>
                  <a:gd name="connsiteY4" fmla="*/ 5002 h 1059167"/>
                  <a:gd name="connsiteX5" fmla="*/ 10091 w 10091"/>
                  <a:gd name="connsiteY5" fmla="*/ 13324 h 10591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91" h="1059167">
                    <a:moveTo>
                      <a:pt x="0" y="19165"/>
                    </a:moveTo>
                    <a:cubicBezTo>
                      <a:pt x="805" y="24164"/>
                      <a:pt x="3766" y="-40010"/>
                      <a:pt x="4609" y="133324"/>
                    </a:cubicBezTo>
                    <a:cubicBezTo>
                      <a:pt x="5070" y="261021"/>
                      <a:pt x="4336" y="1035000"/>
                      <a:pt x="5056" y="1059167"/>
                    </a:cubicBezTo>
                    <a:cubicBezTo>
                      <a:pt x="5532" y="1023335"/>
                      <a:pt x="4837" y="284163"/>
                      <a:pt x="5658" y="109163"/>
                    </a:cubicBezTo>
                    <a:cubicBezTo>
                      <a:pt x="6530" y="-22566"/>
                      <a:pt x="8590" y="21668"/>
                      <a:pt x="9310" y="5002"/>
                    </a:cubicBezTo>
                    <a:cubicBezTo>
                      <a:pt x="10030" y="-11664"/>
                      <a:pt x="10028" y="19157"/>
                      <a:pt x="10091" y="13324"/>
                    </a:cubicBezTo>
                  </a:path>
                </a:pathLst>
              </a:custGeom>
              <a:noFill/>
              <a:ln w="38100">
                <a:solidFill>
                  <a:srgbClr val="FF98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4" name="Kar">
                <a:extLst>
                  <a:ext uri="{FF2B5EF4-FFF2-40B4-BE49-F238E27FC236}">
                    <a16:creationId xmlns:a16="http://schemas.microsoft.com/office/drawing/2014/main" id="{82DF1841-0BC8-4E1B-92C7-8BF74BBDE982}"/>
                  </a:ext>
                </a:extLst>
              </p:cNvPr>
              <p:cNvSpPr/>
              <p:nvPr/>
            </p:nvSpPr>
            <p:spPr>
              <a:xfrm>
                <a:off x="2301627" y="2976238"/>
                <a:ext cx="31515" cy="735375"/>
              </a:xfrm>
              <a:custGeom>
                <a:avLst/>
                <a:gdLst>
                  <a:gd name="connsiteX0" fmla="*/ 15514 w 15514"/>
                  <a:gd name="connsiteY0" fmla="*/ 0 h 443252"/>
                  <a:gd name="connsiteX1" fmla="*/ 15 w 15514"/>
                  <a:gd name="connsiteY1" fmla="*/ 210777 h 443252"/>
                  <a:gd name="connsiteX2" fmla="*/ 12414 w 15514"/>
                  <a:gd name="connsiteY2" fmla="*/ 443252 h 443252"/>
                  <a:gd name="connsiteX3" fmla="*/ 12414 w 15514"/>
                  <a:gd name="connsiteY3" fmla="*/ 443252 h 443252"/>
                  <a:gd name="connsiteX0" fmla="*/ 5897 w 5897"/>
                  <a:gd name="connsiteY0" fmla="*/ 0 h 443252"/>
                  <a:gd name="connsiteX1" fmla="*/ 56 w 5897"/>
                  <a:gd name="connsiteY1" fmla="*/ 212922 h 443252"/>
                  <a:gd name="connsiteX2" fmla="*/ 2797 w 5897"/>
                  <a:gd name="connsiteY2" fmla="*/ 443252 h 443252"/>
                  <a:gd name="connsiteX3" fmla="*/ 2797 w 5897"/>
                  <a:gd name="connsiteY3" fmla="*/ 443252 h 443252"/>
                  <a:gd name="connsiteX0" fmla="*/ 18135 w 18135"/>
                  <a:gd name="connsiteY0" fmla="*/ 0 h 10000"/>
                  <a:gd name="connsiteX1" fmla="*/ 40 w 18135"/>
                  <a:gd name="connsiteY1" fmla="*/ 4852 h 10000"/>
                  <a:gd name="connsiteX2" fmla="*/ 12878 w 18135"/>
                  <a:gd name="connsiteY2" fmla="*/ 10000 h 10000"/>
                  <a:gd name="connsiteX3" fmla="*/ 12878 w 18135"/>
                  <a:gd name="connsiteY3" fmla="*/ 10000 h 10000"/>
                </a:gdLst>
                <a:ahLst/>
                <a:cxnLst>
                  <a:cxn ang="0">
                    <a:pos x="connsiteX0" y="connsiteY0"/>
                  </a:cxn>
                  <a:cxn ang="0">
                    <a:pos x="connsiteX1" y="connsiteY1"/>
                  </a:cxn>
                  <a:cxn ang="0">
                    <a:pos x="connsiteX2" y="connsiteY2"/>
                  </a:cxn>
                  <a:cxn ang="0">
                    <a:pos x="connsiteX3" y="connsiteY3"/>
                  </a:cxn>
                </a:cxnLst>
                <a:rect l="l" t="t" r="r" b="b"/>
                <a:pathLst>
                  <a:path w="18135" h="10000">
                    <a:moveTo>
                      <a:pt x="18135" y="0"/>
                    </a:moveTo>
                    <a:cubicBezTo>
                      <a:pt x="5432" y="1544"/>
                      <a:pt x="917" y="3185"/>
                      <a:pt x="40" y="4852"/>
                    </a:cubicBezTo>
                    <a:cubicBezTo>
                      <a:pt x="-837" y="6518"/>
                      <a:pt x="12878" y="10000"/>
                      <a:pt x="12878" y="10000"/>
                    </a:cubicBezTo>
                    <a:lnTo>
                      <a:pt x="12878" y="10000"/>
                    </a:lnTo>
                  </a:path>
                </a:pathLst>
              </a:cu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5" name="Kar">
                <a:extLst>
                  <a:ext uri="{FF2B5EF4-FFF2-40B4-BE49-F238E27FC236}">
                    <a16:creationId xmlns:a16="http://schemas.microsoft.com/office/drawing/2014/main" id="{D83F4C24-CC7C-475B-B15C-0F91A5217E9C}"/>
                  </a:ext>
                </a:extLst>
              </p:cNvPr>
              <p:cNvSpPr/>
              <p:nvPr/>
            </p:nvSpPr>
            <p:spPr>
              <a:xfrm>
                <a:off x="1688986" y="3666709"/>
                <a:ext cx="635952" cy="1123618"/>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6" name="Kar">
                <a:extLst>
                  <a:ext uri="{FF2B5EF4-FFF2-40B4-BE49-F238E27FC236}">
                    <a16:creationId xmlns:a16="http://schemas.microsoft.com/office/drawing/2014/main" id="{1AC78DDC-C436-42E3-A4AB-95FCE0ACFA48}"/>
                  </a:ext>
                </a:extLst>
              </p:cNvPr>
              <p:cNvSpPr/>
              <p:nvPr/>
            </p:nvSpPr>
            <p:spPr>
              <a:xfrm rot="1121162">
                <a:off x="1954633" y="3930077"/>
                <a:ext cx="290498" cy="354315"/>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7" name="Kar">
                <a:extLst>
                  <a:ext uri="{FF2B5EF4-FFF2-40B4-BE49-F238E27FC236}">
                    <a16:creationId xmlns:a16="http://schemas.microsoft.com/office/drawing/2014/main" id="{6847D277-F832-43FB-A322-CADC4B7F351A}"/>
                  </a:ext>
                </a:extLst>
              </p:cNvPr>
              <p:cNvSpPr/>
              <p:nvPr/>
            </p:nvSpPr>
            <p:spPr>
              <a:xfrm rot="19594358" flipH="1">
                <a:off x="2456784" y="3951344"/>
                <a:ext cx="260459" cy="405263"/>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8" name="Kar">
                <a:extLst>
                  <a:ext uri="{FF2B5EF4-FFF2-40B4-BE49-F238E27FC236}">
                    <a16:creationId xmlns:a16="http://schemas.microsoft.com/office/drawing/2014/main" id="{528ADF3D-092F-4B97-83BB-42D75BCB7E5C}"/>
                  </a:ext>
                </a:extLst>
              </p:cNvPr>
              <p:cNvSpPr/>
              <p:nvPr/>
            </p:nvSpPr>
            <p:spPr>
              <a:xfrm rot="1228588" flipH="1">
                <a:off x="2039358" y="4335728"/>
                <a:ext cx="177833" cy="283612"/>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9" name="Kar">
                <a:extLst>
                  <a:ext uri="{FF2B5EF4-FFF2-40B4-BE49-F238E27FC236}">
                    <a16:creationId xmlns:a16="http://schemas.microsoft.com/office/drawing/2014/main" id="{C62B385F-F4C4-40A7-BDCF-D128829FA47A}"/>
                  </a:ext>
                </a:extLst>
              </p:cNvPr>
              <p:cNvSpPr/>
              <p:nvPr/>
            </p:nvSpPr>
            <p:spPr>
              <a:xfrm flipH="1">
                <a:off x="2333013" y="3708890"/>
                <a:ext cx="479926" cy="1123619"/>
              </a:xfrm>
              <a:custGeom>
                <a:avLst/>
                <a:gdLst>
                  <a:gd name="connsiteX0" fmla="*/ 349134 w 351280"/>
                  <a:gd name="connsiteY0" fmla="*/ 0 h 931025"/>
                  <a:gd name="connsiteX1" fmla="*/ 299258 w 351280"/>
                  <a:gd name="connsiteY1" fmla="*/ 374073 h 931025"/>
                  <a:gd name="connsiteX2" fmla="*/ 0 w 351280"/>
                  <a:gd name="connsiteY2" fmla="*/ 931025 h 931025"/>
                  <a:gd name="connsiteX3" fmla="*/ 0 w 351280"/>
                  <a:gd name="connsiteY3" fmla="*/ 931025 h 931025"/>
                </a:gdLst>
                <a:ahLst/>
                <a:cxnLst>
                  <a:cxn ang="0">
                    <a:pos x="connsiteX0" y="connsiteY0"/>
                  </a:cxn>
                  <a:cxn ang="0">
                    <a:pos x="connsiteX1" y="connsiteY1"/>
                  </a:cxn>
                  <a:cxn ang="0">
                    <a:pos x="connsiteX2" y="connsiteY2"/>
                  </a:cxn>
                  <a:cxn ang="0">
                    <a:pos x="connsiteX3" y="connsiteY3"/>
                  </a:cxn>
                </a:cxnLst>
                <a:rect l="l" t="t" r="r" b="b"/>
                <a:pathLst>
                  <a:path w="351280" h="931025">
                    <a:moveTo>
                      <a:pt x="349134" y="0"/>
                    </a:moveTo>
                    <a:cubicBezTo>
                      <a:pt x="353290" y="109451"/>
                      <a:pt x="357447" y="218902"/>
                      <a:pt x="299258" y="374073"/>
                    </a:cubicBezTo>
                    <a:cubicBezTo>
                      <a:pt x="241069" y="529244"/>
                      <a:pt x="0" y="931025"/>
                      <a:pt x="0" y="931025"/>
                    </a:cubicBezTo>
                    <a:lnTo>
                      <a:pt x="0" y="931025"/>
                    </a:lnTo>
                  </a:path>
                </a:pathLst>
              </a:cu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0" name="Arterie">
                <a:extLst>
                  <a:ext uri="{FF2B5EF4-FFF2-40B4-BE49-F238E27FC236}">
                    <a16:creationId xmlns:a16="http://schemas.microsoft.com/office/drawing/2014/main" id="{6D0E2EC1-0998-4724-B854-A74F8A8DC36A}"/>
                  </a:ext>
                </a:extLst>
              </p:cNvPr>
              <p:cNvSpPr/>
              <p:nvPr/>
            </p:nvSpPr>
            <p:spPr>
              <a:xfrm>
                <a:off x="2245620" y="2892474"/>
                <a:ext cx="144016" cy="171274"/>
              </a:xfrm>
              <a:prstGeom prst="donut">
                <a:avLst>
                  <a:gd name="adj" fmla="val 46876"/>
                </a:avLst>
              </a:prstGeom>
              <a:solidFill>
                <a:srgbClr val="FF0000"/>
              </a:solid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
            <p:nvSpPr>
              <p:cNvPr id="91" name="Dura mater">
                <a:extLst>
                  <a:ext uri="{FF2B5EF4-FFF2-40B4-BE49-F238E27FC236}">
                    <a16:creationId xmlns:a16="http://schemas.microsoft.com/office/drawing/2014/main" id="{CECFA83E-53B6-41FA-A94D-3F731813883F}"/>
                  </a:ext>
                </a:extLst>
              </p:cNvPr>
              <p:cNvSpPr/>
              <p:nvPr/>
            </p:nvSpPr>
            <p:spPr>
              <a:xfrm>
                <a:off x="1545785" y="2329082"/>
                <a:ext cx="1584000" cy="144000"/>
              </a:xfrm>
              <a:prstGeom prst="rect">
                <a:avLst/>
              </a:prstGeom>
              <a:solidFill>
                <a:schemeClr val="bg1">
                  <a:lumMod val="7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2" name="Arachnoidea mater">
                <a:extLst>
                  <a:ext uri="{FF2B5EF4-FFF2-40B4-BE49-F238E27FC236}">
                    <a16:creationId xmlns:a16="http://schemas.microsoft.com/office/drawing/2014/main" id="{6CF25443-C3B8-405D-A812-D4F5E4713489}"/>
                  </a:ext>
                </a:extLst>
              </p:cNvPr>
              <p:cNvSpPr/>
              <p:nvPr/>
            </p:nvSpPr>
            <p:spPr>
              <a:xfrm>
                <a:off x="1545785" y="2482765"/>
                <a:ext cx="1584000" cy="116657"/>
              </a:xfrm>
              <a:prstGeom prst="rect">
                <a:avLst/>
              </a:prstGeom>
              <a:solidFill>
                <a:srgbClr val="FF6699"/>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cxnSp>
            <p:nvCxnSpPr>
              <p:cNvPr id="93" name="Lige forbindelse 92">
                <a:extLst>
                  <a:ext uri="{FF2B5EF4-FFF2-40B4-BE49-F238E27FC236}">
                    <a16:creationId xmlns:a16="http://schemas.microsoft.com/office/drawing/2014/main" id="{0DE844FE-7F50-4AB7-9410-A8488C8FD9CE}"/>
                  </a:ext>
                </a:extLst>
              </p:cNvPr>
              <p:cNvCxnSpPr>
                <a:cxnSpLocks/>
              </p:cNvCxnSpPr>
              <p:nvPr/>
            </p:nvCxnSpPr>
            <p:spPr>
              <a:xfrm>
                <a:off x="1547664" y="1728025"/>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94" name="Lige forbindelse 93">
                <a:extLst>
                  <a:ext uri="{FF2B5EF4-FFF2-40B4-BE49-F238E27FC236}">
                    <a16:creationId xmlns:a16="http://schemas.microsoft.com/office/drawing/2014/main" id="{BE16ABE3-0E4B-4896-B237-E9F1BFF11465}"/>
                  </a:ext>
                </a:extLst>
              </p:cNvPr>
              <p:cNvCxnSpPr>
                <a:cxnSpLocks/>
              </p:cNvCxnSpPr>
              <p:nvPr/>
            </p:nvCxnSpPr>
            <p:spPr>
              <a:xfrm>
                <a:off x="1541013" y="2336346"/>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95" name="Lige forbindelse 94">
                <a:extLst>
                  <a:ext uri="{FF2B5EF4-FFF2-40B4-BE49-F238E27FC236}">
                    <a16:creationId xmlns:a16="http://schemas.microsoft.com/office/drawing/2014/main" id="{EC370963-642D-4510-ADDE-DAC2693278EC}"/>
                  </a:ext>
                </a:extLst>
              </p:cNvPr>
              <p:cNvCxnSpPr>
                <a:cxnSpLocks/>
              </p:cNvCxnSpPr>
              <p:nvPr/>
            </p:nvCxnSpPr>
            <p:spPr>
              <a:xfrm>
                <a:off x="1545785" y="2477923"/>
                <a:ext cx="1584000"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grpSp>
        <p:grpSp>
          <p:nvGrpSpPr>
            <p:cNvPr id="69" name="Gruppe 68">
              <a:extLst>
                <a:ext uri="{FF2B5EF4-FFF2-40B4-BE49-F238E27FC236}">
                  <a16:creationId xmlns:a16="http://schemas.microsoft.com/office/drawing/2014/main" id="{E473B017-4402-46F7-8308-1F2422780254}"/>
                </a:ext>
              </a:extLst>
            </p:cNvPr>
            <p:cNvGrpSpPr/>
            <p:nvPr/>
          </p:nvGrpSpPr>
          <p:grpSpPr>
            <a:xfrm>
              <a:off x="3522615" y="3290507"/>
              <a:ext cx="1390192" cy="1757926"/>
              <a:chOff x="6070671" y="3886260"/>
              <a:chExt cx="1390192" cy="1757926"/>
            </a:xfrm>
          </p:grpSpPr>
          <p:sp>
            <p:nvSpPr>
              <p:cNvPr id="74" name="Pil: højre 73">
                <a:extLst>
                  <a:ext uri="{FF2B5EF4-FFF2-40B4-BE49-F238E27FC236}">
                    <a16:creationId xmlns:a16="http://schemas.microsoft.com/office/drawing/2014/main" id="{F6A4E2A1-85C3-4761-B3B1-0C2AEFC7B95B}"/>
                  </a:ext>
                </a:extLst>
              </p:cNvPr>
              <p:cNvSpPr/>
              <p:nvPr/>
            </p:nvSpPr>
            <p:spPr>
              <a:xfrm rot="14224133">
                <a:off x="6097470" y="3938549"/>
                <a:ext cx="362242" cy="295670"/>
              </a:xfrm>
              <a:prstGeom prst="rightArrow">
                <a:avLst>
                  <a:gd name="adj1" fmla="val 50000"/>
                  <a:gd name="adj2" fmla="val 58384"/>
                </a:avLst>
              </a:prstGeom>
              <a:noFill/>
              <a:ln w="28575">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5" name="Pil: højre 74">
                <a:extLst>
                  <a:ext uri="{FF2B5EF4-FFF2-40B4-BE49-F238E27FC236}">
                    <a16:creationId xmlns:a16="http://schemas.microsoft.com/office/drawing/2014/main" id="{E5CE9302-0D88-4F7F-B7B6-1D504F08E242}"/>
                  </a:ext>
                </a:extLst>
              </p:cNvPr>
              <p:cNvSpPr/>
              <p:nvPr/>
            </p:nvSpPr>
            <p:spPr>
              <a:xfrm rot="18274924">
                <a:off x="7051222" y="3919546"/>
                <a:ext cx="362242" cy="295670"/>
              </a:xfrm>
              <a:prstGeom prst="rightArrow">
                <a:avLst>
                  <a:gd name="adj1" fmla="val 50000"/>
                  <a:gd name="adj2" fmla="val 58384"/>
                </a:avLst>
              </a:prstGeom>
              <a:noFill/>
              <a:ln w="28575">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6" name="Pil: højre 75">
                <a:extLst>
                  <a:ext uri="{FF2B5EF4-FFF2-40B4-BE49-F238E27FC236}">
                    <a16:creationId xmlns:a16="http://schemas.microsoft.com/office/drawing/2014/main" id="{5C80639B-BDE2-4399-B8FB-6A84DF276033}"/>
                  </a:ext>
                </a:extLst>
              </p:cNvPr>
              <p:cNvSpPr/>
              <p:nvPr/>
            </p:nvSpPr>
            <p:spPr>
              <a:xfrm rot="7663690">
                <a:off x="6037385" y="5315230"/>
                <a:ext cx="362242" cy="295670"/>
              </a:xfrm>
              <a:prstGeom prst="rightArrow">
                <a:avLst>
                  <a:gd name="adj1" fmla="val 50000"/>
                  <a:gd name="adj2" fmla="val 58384"/>
                </a:avLst>
              </a:prstGeom>
              <a:noFill/>
              <a:ln w="28575">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7" name="Pil: højre 76">
                <a:extLst>
                  <a:ext uri="{FF2B5EF4-FFF2-40B4-BE49-F238E27FC236}">
                    <a16:creationId xmlns:a16="http://schemas.microsoft.com/office/drawing/2014/main" id="{56A8F626-85CE-4925-8A0F-D4A8B89517B7}"/>
                  </a:ext>
                </a:extLst>
              </p:cNvPr>
              <p:cNvSpPr/>
              <p:nvPr/>
            </p:nvSpPr>
            <p:spPr>
              <a:xfrm rot="3116053">
                <a:off x="7131907" y="5271772"/>
                <a:ext cx="362242" cy="295670"/>
              </a:xfrm>
              <a:prstGeom prst="rightArrow">
                <a:avLst>
                  <a:gd name="adj1" fmla="val 50000"/>
                  <a:gd name="adj2" fmla="val 58384"/>
                </a:avLst>
              </a:prstGeom>
              <a:noFill/>
              <a:ln w="28575">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grpSp>
          <p:nvGrpSpPr>
            <p:cNvPr id="70" name="Gruppe 69">
              <a:extLst>
                <a:ext uri="{FF2B5EF4-FFF2-40B4-BE49-F238E27FC236}">
                  <a16:creationId xmlns:a16="http://schemas.microsoft.com/office/drawing/2014/main" id="{3F783A87-9083-47B4-945C-B6114AFBFF7F}"/>
                </a:ext>
              </a:extLst>
            </p:cNvPr>
            <p:cNvGrpSpPr/>
            <p:nvPr/>
          </p:nvGrpSpPr>
          <p:grpSpPr>
            <a:xfrm>
              <a:off x="3385939" y="3393460"/>
              <a:ext cx="1638137" cy="1683592"/>
              <a:chOff x="5935413" y="3968560"/>
              <a:chExt cx="1638137" cy="1683592"/>
            </a:xfrm>
          </p:grpSpPr>
          <p:sp>
            <p:nvSpPr>
              <p:cNvPr id="71" name="Sky 70">
                <a:extLst>
                  <a:ext uri="{FF2B5EF4-FFF2-40B4-BE49-F238E27FC236}">
                    <a16:creationId xmlns:a16="http://schemas.microsoft.com/office/drawing/2014/main" id="{CAA574FA-1ECD-487B-AD83-A51D1ADC395C}"/>
                  </a:ext>
                </a:extLst>
              </p:cNvPr>
              <p:cNvSpPr/>
              <p:nvPr/>
            </p:nvSpPr>
            <p:spPr>
              <a:xfrm rot="635158">
                <a:off x="6126313" y="4194583"/>
                <a:ext cx="1259219" cy="1208755"/>
              </a:xfrm>
              <a:prstGeom prst="cloud">
                <a:avLst/>
              </a:prstGeom>
              <a:gradFill flip="none" rotWithShape="1">
                <a:gsLst>
                  <a:gs pos="0">
                    <a:srgbClr val="FF0000"/>
                  </a:gs>
                  <a:gs pos="74000">
                    <a:srgbClr val="C00000"/>
                  </a:gs>
                  <a:gs pos="83000">
                    <a:srgbClr val="C00000"/>
                  </a:gs>
                  <a:gs pos="100000">
                    <a:srgbClr val="C00000"/>
                  </a:gs>
                </a:gsLst>
                <a:path path="circle">
                  <a:fillToRect l="50000" t="50000" r="50000" b="50000"/>
                </a:path>
                <a:tileRect/>
              </a:gra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2" name="Eksplosion: 8 pkt 71">
                <a:extLst>
                  <a:ext uri="{FF2B5EF4-FFF2-40B4-BE49-F238E27FC236}">
                    <a16:creationId xmlns:a16="http://schemas.microsoft.com/office/drawing/2014/main" id="{E2A3ADA2-8B55-4C8D-9E84-C00EC169AD74}"/>
                  </a:ext>
                </a:extLst>
              </p:cNvPr>
              <p:cNvSpPr/>
              <p:nvPr/>
            </p:nvSpPr>
            <p:spPr>
              <a:xfrm>
                <a:off x="6446263" y="4475993"/>
                <a:ext cx="628248" cy="602796"/>
              </a:xfrm>
              <a:prstGeom prst="irregularSeal1">
                <a:avLst/>
              </a:prstGeom>
              <a:solidFill>
                <a:srgbClr val="FF000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3" name="Inflammation">
                <a:extLst>
                  <a:ext uri="{FF2B5EF4-FFF2-40B4-BE49-F238E27FC236}">
                    <a16:creationId xmlns:a16="http://schemas.microsoft.com/office/drawing/2014/main" id="{2B5A5E67-FB03-446D-BA9F-3658BD9A9188}"/>
                  </a:ext>
                </a:extLst>
              </p:cNvPr>
              <p:cNvSpPr/>
              <p:nvPr/>
            </p:nvSpPr>
            <p:spPr>
              <a:xfrm>
                <a:off x="5935413" y="3968560"/>
                <a:ext cx="1638137" cy="1683592"/>
              </a:xfrm>
              <a:prstGeom prst="ellipse">
                <a:avLst/>
              </a:prstGeom>
              <a:gradFill>
                <a:gsLst>
                  <a:gs pos="55000">
                    <a:srgbClr val="FF0000">
                      <a:alpha val="26000"/>
                    </a:srgbClr>
                  </a:gs>
                  <a:gs pos="62000">
                    <a:srgbClr val="FF8989">
                      <a:alpha val="32000"/>
                    </a:srgbClr>
                  </a:gs>
                  <a:gs pos="74000">
                    <a:srgbClr val="FDB5A9">
                      <a:alpha val="0"/>
                    </a:srgbClr>
                  </a:gs>
                </a:gsLst>
                <a:path path="circle">
                  <a:fillToRect l="50000" t="50000" r="50000" b="50000"/>
                </a:path>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grpSp>
      <p:graphicFrame>
        <p:nvGraphicFramePr>
          <p:cNvPr id="96" name="Tabel 25">
            <a:extLst>
              <a:ext uri="{FF2B5EF4-FFF2-40B4-BE49-F238E27FC236}">
                <a16:creationId xmlns:a16="http://schemas.microsoft.com/office/drawing/2014/main" id="{D28D3906-5160-4D55-9061-3F4EDB083BD3}"/>
              </a:ext>
            </a:extLst>
          </p:cNvPr>
          <p:cNvGraphicFramePr>
            <a:graphicFrameLocks noGrp="1"/>
          </p:cNvGraphicFramePr>
          <p:nvPr>
            <p:extLst>
              <p:ext uri="{D42A27DB-BD31-4B8C-83A1-F6EECF244321}">
                <p14:modId xmlns:p14="http://schemas.microsoft.com/office/powerpoint/2010/main" val="3361368510"/>
              </p:ext>
            </p:extLst>
          </p:nvPr>
        </p:nvGraphicFramePr>
        <p:xfrm>
          <a:off x="900488" y="1411726"/>
          <a:ext cx="7831476" cy="975360"/>
        </p:xfrm>
        <a:graphic>
          <a:graphicData uri="http://schemas.openxmlformats.org/drawingml/2006/table">
            <a:tbl>
              <a:tblPr firstRow="1" bandRow="1">
                <a:tableStyleId>{5C22544A-7EE6-4342-B048-85BDC9FD1C3A}</a:tableStyleId>
              </a:tblPr>
              <a:tblGrid>
                <a:gridCol w="3915738">
                  <a:extLst>
                    <a:ext uri="{9D8B030D-6E8A-4147-A177-3AD203B41FA5}">
                      <a16:colId xmlns:a16="http://schemas.microsoft.com/office/drawing/2014/main" val="3259358047"/>
                    </a:ext>
                  </a:extLst>
                </a:gridCol>
                <a:gridCol w="3915738">
                  <a:extLst>
                    <a:ext uri="{9D8B030D-6E8A-4147-A177-3AD203B41FA5}">
                      <a16:colId xmlns:a16="http://schemas.microsoft.com/office/drawing/2014/main" val="3153580672"/>
                    </a:ext>
                  </a:extLst>
                </a:gridCol>
              </a:tblGrid>
              <a:tr h="876035">
                <a:tc>
                  <a:txBody>
                    <a:bodyPr/>
                    <a:lstStyle/>
                    <a:p>
                      <a:pPr algn="ctr"/>
                      <a:r>
                        <a:rPr lang="da-DK" sz="2000" dirty="0">
                          <a:solidFill>
                            <a:schemeClr val="tx1"/>
                          </a:solidFill>
                        </a:rPr>
                        <a:t>Infarkt / iskæmisk apopleksi</a:t>
                      </a:r>
                    </a:p>
                    <a:p>
                      <a:pPr algn="ctr"/>
                      <a:r>
                        <a:rPr lang="da-DK" sz="2000" b="0" dirty="0">
                          <a:solidFill>
                            <a:schemeClr val="tx1"/>
                          </a:solidFill>
                        </a:rPr>
                        <a:t>Skyldes blodprop</a:t>
                      </a:r>
                    </a:p>
                    <a:p>
                      <a:pPr algn="ctr"/>
                      <a:r>
                        <a:rPr lang="da-DK" b="0" dirty="0">
                          <a:solidFill>
                            <a:schemeClr val="tx1"/>
                          </a:solidFill>
                        </a:rPr>
                        <a:t>Ca. 90% </a:t>
                      </a:r>
                      <a:r>
                        <a:rPr lang="da-DK" b="0" i="1" dirty="0">
                          <a:solidFill>
                            <a:schemeClr val="tx1"/>
                          </a:solidFill>
                        </a:rPr>
                        <a:t>(9-10.000/år)</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pPr algn="ctr"/>
                      <a:r>
                        <a:rPr lang="da-DK" sz="2000" dirty="0" err="1">
                          <a:solidFill>
                            <a:schemeClr val="tx1"/>
                          </a:solidFill>
                        </a:rPr>
                        <a:t>Hæmorrhagi</a:t>
                      </a:r>
                      <a:endParaRPr lang="da-DK" sz="2000" dirty="0">
                        <a:solidFill>
                          <a:schemeClr val="tx1"/>
                        </a:solidFill>
                      </a:endParaRPr>
                    </a:p>
                    <a:p>
                      <a:pPr algn="ctr"/>
                      <a:r>
                        <a:rPr lang="da-DK" b="0" dirty="0">
                          <a:solidFill>
                            <a:schemeClr val="tx1"/>
                          </a:solidFill>
                        </a:rPr>
                        <a:t>Skyldes blødning</a:t>
                      </a:r>
                    </a:p>
                    <a:p>
                      <a:pPr algn="ctr"/>
                      <a:r>
                        <a:rPr lang="da-DK" b="0" dirty="0">
                          <a:solidFill>
                            <a:schemeClr val="tx1"/>
                          </a:solidFill>
                        </a:rPr>
                        <a:t>Ca. 10% </a:t>
                      </a:r>
                      <a:r>
                        <a:rPr lang="da-DK" b="0" i="1" dirty="0">
                          <a:solidFill>
                            <a:schemeClr val="tx1"/>
                          </a:solidFill>
                        </a:rPr>
                        <a:t>(1000-1500/år)</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80899879"/>
                  </a:ext>
                </a:extLst>
              </a:tr>
            </a:tbl>
          </a:graphicData>
        </a:graphic>
      </p:graphicFrame>
      <p:sp>
        <p:nvSpPr>
          <p:cNvPr id="97" name="Eksplosion: 8 pkt 96">
            <a:extLst>
              <a:ext uri="{FF2B5EF4-FFF2-40B4-BE49-F238E27FC236}">
                <a16:creationId xmlns:a16="http://schemas.microsoft.com/office/drawing/2014/main" id="{BEE94EA2-9867-4973-940F-E956DA511B1F}"/>
              </a:ext>
            </a:extLst>
          </p:cNvPr>
          <p:cNvSpPr/>
          <p:nvPr/>
        </p:nvSpPr>
        <p:spPr>
          <a:xfrm>
            <a:off x="4948739" y="5282404"/>
            <a:ext cx="377882" cy="435345"/>
          </a:xfrm>
          <a:prstGeom prst="irregularSeal1">
            <a:avLst/>
          </a:prstGeom>
          <a:solidFill>
            <a:srgbClr val="FF000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cxnSp>
        <p:nvCxnSpPr>
          <p:cNvPr id="98" name="Lige pilforbindelse 97">
            <a:extLst>
              <a:ext uri="{FF2B5EF4-FFF2-40B4-BE49-F238E27FC236}">
                <a16:creationId xmlns:a16="http://schemas.microsoft.com/office/drawing/2014/main" id="{A67E398E-D3E7-404C-9F10-C2E87E637B75}"/>
              </a:ext>
            </a:extLst>
          </p:cNvPr>
          <p:cNvCxnSpPr>
            <a:cxnSpLocks/>
            <a:stCxn id="44" idx="5"/>
          </p:cNvCxnSpPr>
          <p:nvPr/>
        </p:nvCxnSpPr>
        <p:spPr>
          <a:xfrm>
            <a:off x="3557057" y="5316899"/>
            <a:ext cx="1273766" cy="129077"/>
          </a:xfrm>
          <a:prstGeom prst="straightConnector1">
            <a:avLst/>
          </a:prstGeom>
          <a:ln w="19050">
            <a:solidFill>
              <a:srgbClr val="1F2936"/>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01" name="Tekstfelt 100">
            <a:extLst>
              <a:ext uri="{FF2B5EF4-FFF2-40B4-BE49-F238E27FC236}">
                <a16:creationId xmlns:a16="http://schemas.microsoft.com/office/drawing/2014/main" id="{43C8B979-37AF-49C4-BED3-2EB7440AAD95}"/>
              </a:ext>
            </a:extLst>
          </p:cNvPr>
          <p:cNvSpPr txBox="1"/>
          <p:nvPr/>
        </p:nvSpPr>
        <p:spPr>
          <a:xfrm>
            <a:off x="7020272" y="5967232"/>
            <a:ext cx="2025632" cy="144000"/>
          </a:xfrm>
          <a:prstGeom prst="rect">
            <a:avLst/>
          </a:prstGeom>
          <a:noFill/>
        </p:spPr>
        <p:txBody>
          <a:bodyPr wrap="square" lIns="0" tIns="0" rIns="0" bIns="0" rtlCol="0">
            <a:noAutofit/>
          </a:bodyPr>
          <a:lstStyle/>
          <a:p>
            <a:r>
              <a:rPr lang="da-DK" sz="1100" dirty="0"/>
              <a:t>Illustration: Jacob Liljehult 2021</a:t>
            </a:r>
          </a:p>
        </p:txBody>
      </p:sp>
      <p:sp>
        <p:nvSpPr>
          <p:cNvPr id="99" name="Titel 1">
            <a:extLst>
              <a:ext uri="{FF2B5EF4-FFF2-40B4-BE49-F238E27FC236}">
                <a16:creationId xmlns:a16="http://schemas.microsoft.com/office/drawing/2014/main" id="{2E7C136C-F2D8-4E2D-A0A4-484C8BE775EE}"/>
              </a:ext>
            </a:extLst>
          </p:cNvPr>
          <p:cNvSpPr txBox="1">
            <a:spLocks/>
          </p:cNvSpPr>
          <p:nvPr/>
        </p:nvSpPr>
        <p:spPr>
          <a:xfrm>
            <a:off x="-157163" y="872078"/>
            <a:ext cx="10137776" cy="612706"/>
          </a:xfrm>
          <a:prstGeom prst="rect">
            <a:avLst/>
          </a:prstGeom>
        </p:spPr>
        <p:txBody>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Vaskulær basis</a:t>
            </a:r>
          </a:p>
        </p:txBody>
      </p:sp>
    </p:spTree>
    <p:extLst>
      <p:ext uri="{BB962C8B-B14F-4D97-AF65-F5344CB8AC3E}">
        <p14:creationId xmlns:p14="http://schemas.microsoft.com/office/powerpoint/2010/main" val="226611947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E01476B4-3757-42DC-BFA4-32B5C20BA037}"/>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72BB7FA7-37BC-4EFD-931F-32C47EB99E5C}"/>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41F499D1-C266-4E18-A35E-8720365234C3}"/>
              </a:ext>
            </a:extLst>
          </p:cNvPr>
          <p:cNvSpPr>
            <a:spLocks noGrp="1"/>
          </p:cNvSpPr>
          <p:nvPr>
            <p:ph type="sldNum" sz="quarter" idx="12"/>
          </p:nvPr>
        </p:nvSpPr>
        <p:spPr/>
        <p:txBody>
          <a:bodyPr/>
          <a:lstStyle/>
          <a:p>
            <a:fld id="{0DAB5548-7253-48D6-B95B-F3D312A72220}" type="slidenum">
              <a:rPr lang="da-DK" smtClean="0"/>
              <a:pPr/>
              <a:t>7</a:t>
            </a:fld>
            <a:endParaRPr lang="da-DK" dirty="0"/>
          </a:p>
        </p:txBody>
      </p:sp>
      <p:sp>
        <p:nvSpPr>
          <p:cNvPr id="5" name="Titel 1">
            <a:extLst>
              <a:ext uri="{FF2B5EF4-FFF2-40B4-BE49-F238E27FC236}">
                <a16:creationId xmlns:a16="http://schemas.microsoft.com/office/drawing/2014/main" id="{C22C589C-7C81-4F40-A12E-0C57A5CF328B}"/>
              </a:ext>
            </a:extLst>
          </p:cNvPr>
          <p:cNvSpPr txBox="1">
            <a:spLocks/>
          </p:cNvSpPr>
          <p:nvPr/>
        </p:nvSpPr>
        <p:spPr>
          <a:xfrm>
            <a:off x="-157163" y="872078"/>
            <a:ext cx="10137776" cy="612706"/>
          </a:xfrm>
          <a:prstGeom prst="rect">
            <a:avLst/>
          </a:prstGeom>
        </p:spPr>
        <p:txBody>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a:t>Iskæmisk apopleksi</a:t>
            </a:r>
            <a:endParaRPr lang="da-DK" dirty="0"/>
          </a:p>
        </p:txBody>
      </p:sp>
      <p:sp>
        <p:nvSpPr>
          <p:cNvPr id="6" name="Pladsholder til indhold 2">
            <a:extLst>
              <a:ext uri="{FF2B5EF4-FFF2-40B4-BE49-F238E27FC236}">
                <a16:creationId xmlns:a16="http://schemas.microsoft.com/office/drawing/2014/main" id="{9771189F-D49A-45D1-8DE2-2499C04DE488}"/>
              </a:ext>
            </a:extLst>
          </p:cNvPr>
          <p:cNvSpPr txBox="1">
            <a:spLocks/>
          </p:cNvSpPr>
          <p:nvPr/>
        </p:nvSpPr>
        <p:spPr>
          <a:xfrm>
            <a:off x="827559" y="1425203"/>
            <a:ext cx="4900702" cy="4680520"/>
          </a:xfrm>
          <a:prstGeom prst="rect">
            <a:avLst/>
          </a:prstGeom>
        </p:spPr>
        <p:txBody>
          <a:bodyPr/>
          <a:lst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pPr marL="0" indent="0">
              <a:buFont typeface="Arial" charset="0"/>
              <a:buNone/>
            </a:pPr>
            <a:r>
              <a:rPr lang="da-DK" dirty="0"/>
              <a:t>Skyldes nedsat arteriel blodforsyning til et område af hjernen</a:t>
            </a:r>
            <a:endParaRPr lang="da-DK" sz="1000" dirty="0"/>
          </a:p>
          <a:p>
            <a:pPr marL="0" indent="0">
              <a:spcAft>
                <a:spcPts val="600"/>
              </a:spcAft>
              <a:buFont typeface="Arial" panose="020B0604020202020204" pitchFamily="34" charset="0"/>
              <a:buNone/>
            </a:pPr>
            <a:r>
              <a:rPr lang="da-DK" b="1" dirty="0" err="1"/>
              <a:t>Trombe</a:t>
            </a:r>
            <a:endParaRPr lang="da-DK" b="1" dirty="0"/>
          </a:p>
          <a:p>
            <a:pPr lvl="1">
              <a:spcAft>
                <a:spcPts val="600"/>
              </a:spcAft>
            </a:pPr>
            <a:r>
              <a:rPr lang="da-DK" dirty="0"/>
              <a:t>Opstår lokalt i et kar i hjernen</a:t>
            </a:r>
          </a:p>
          <a:p>
            <a:pPr lvl="1">
              <a:spcAft>
                <a:spcPts val="600"/>
              </a:spcAft>
            </a:pPr>
            <a:r>
              <a:rPr lang="da-DK" dirty="0"/>
              <a:t>Hyppig årsag: Aterosklerose</a:t>
            </a:r>
            <a:endParaRPr lang="da-DK" sz="2200" dirty="0"/>
          </a:p>
          <a:p>
            <a:pPr lvl="1">
              <a:spcAft>
                <a:spcPts val="0"/>
              </a:spcAft>
            </a:pPr>
            <a:endParaRPr lang="da-DK" sz="1000" dirty="0"/>
          </a:p>
          <a:p>
            <a:pPr>
              <a:spcAft>
                <a:spcPts val="600"/>
              </a:spcAft>
              <a:buFont typeface="Arial" panose="020B0604020202020204" pitchFamily="34" charset="0"/>
              <a:buNone/>
            </a:pPr>
            <a:r>
              <a:rPr lang="da-DK" b="1" dirty="0" err="1"/>
              <a:t>Emboli</a:t>
            </a:r>
            <a:endParaRPr lang="da-DK" b="1" dirty="0"/>
          </a:p>
          <a:p>
            <a:pPr lvl="1">
              <a:spcAft>
                <a:spcPts val="600"/>
              </a:spcAft>
            </a:pPr>
            <a:r>
              <a:rPr lang="da-DK" dirty="0"/>
              <a:t>Enten fra hjertet eller en af de arterier, som forsyner hjernen</a:t>
            </a:r>
          </a:p>
          <a:p>
            <a:pPr lvl="1">
              <a:spcAft>
                <a:spcPts val="600"/>
              </a:spcAft>
            </a:pPr>
            <a:r>
              <a:rPr lang="da-DK" dirty="0"/>
              <a:t>Hyppige årsager: </a:t>
            </a:r>
          </a:p>
          <a:p>
            <a:pPr lvl="2">
              <a:spcAft>
                <a:spcPts val="600"/>
              </a:spcAft>
            </a:pPr>
            <a:r>
              <a:rPr lang="da-DK" dirty="0"/>
              <a:t>Atrieflimmer, </a:t>
            </a:r>
          </a:p>
          <a:p>
            <a:pPr lvl="2">
              <a:spcAft>
                <a:spcPts val="600"/>
              </a:spcAft>
            </a:pPr>
            <a:r>
              <a:rPr lang="da-DK" dirty="0"/>
              <a:t>Arteriosklerose, </a:t>
            </a:r>
          </a:p>
          <a:p>
            <a:pPr lvl="2">
              <a:spcAft>
                <a:spcPts val="600"/>
              </a:spcAft>
            </a:pPr>
            <a:r>
              <a:rPr lang="da-DK" dirty="0"/>
              <a:t>Kardissektion</a:t>
            </a:r>
          </a:p>
        </p:txBody>
      </p:sp>
      <p:grpSp>
        <p:nvGrpSpPr>
          <p:cNvPr id="7" name="Gruppe 6">
            <a:extLst>
              <a:ext uri="{FF2B5EF4-FFF2-40B4-BE49-F238E27FC236}">
                <a16:creationId xmlns:a16="http://schemas.microsoft.com/office/drawing/2014/main" id="{9048DF06-367A-49FC-A34C-8EF015B1CD4F}"/>
              </a:ext>
            </a:extLst>
          </p:cNvPr>
          <p:cNvGrpSpPr/>
          <p:nvPr/>
        </p:nvGrpSpPr>
        <p:grpSpPr>
          <a:xfrm>
            <a:off x="5796136" y="1505730"/>
            <a:ext cx="3050286" cy="2199517"/>
            <a:chOff x="1100142" y="1007515"/>
            <a:chExt cx="3090666" cy="2137124"/>
          </a:xfrm>
        </p:grpSpPr>
        <p:sp>
          <p:nvSpPr>
            <p:cNvPr id="8" name="Rektangel 7">
              <a:extLst>
                <a:ext uri="{FF2B5EF4-FFF2-40B4-BE49-F238E27FC236}">
                  <a16:creationId xmlns:a16="http://schemas.microsoft.com/office/drawing/2014/main" id="{04875BD3-AD12-486B-8EB8-C91264E3D486}"/>
                </a:ext>
              </a:extLst>
            </p:cNvPr>
            <p:cNvSpPr/>
            <p:nvPr/>
          </p:nvSpPr>
          <p:spPr>
            <a:xfrm>
              <a:off x="1138600" y="1028077"/>
              <a:ext cx="3052208" cy="2116562"/>
            </a:xfrm>
            <a:prstGeom prst="rect">
              <a:avLst/>
            </a:prstGeom>
            <a:solidFill>
              <a:srgbClr val="FFEECD"/>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 name="Ligebenet trekant 31">
              <a:extLst>
                <a:ext uri="{FF2B5EF4-FFF2-40B4-BE49-F238E27FC236}">
                  <a16:creationId xmlns:a16="http://schemas.microsoft.com/office/drawing/2014/main" id="{8BCFF7A5-C443-4AAF-ABDC-9343AB9AEE1C}"/>
                </a:ext>
              </a:extLst>
            </p:cNvPr>
            <p:cNvSpPr/>
            <p:nvPr/>
          </p:nvSpPr>
          <p:spPr>
            <a:xfrm rot="16200000">
              <a:off x="2599755" y="1562421"/>
              <a:ext cx="1727268" cy="1426014"/>
            </a:xfrm>
            <a:custGeom>
              <a:avLst/>
              <a:gdLst>
                <a:gd name="connsiteX0" fmla="*/ 0 w 2088232"/>
                <a:gd name="connsiteY0" fmla="*/ 1426014 h 1426014"/>
                <a:gd name="connsiteX1" fmla="*/ 1028329 w 2088232"/>
                <a:gd name="connsiteY1" fmla="*/ 0 h 1426014"/>
                <a:gd name="connsiteX2" fmla="*/ 2088232 w 2088232"/>
                <a:gd name="connsiteY2" fmla="*/ 1426014 h 1426014"/>
                <a:gd name="connsiteX3" fmla="*/ 0 w 2088232"/>
                <a:gd name="connsiteY3" fmla="*/ 1426014 h 1426014"/>
                <a:gd name="connsiteX0" fmla="*/ 0 w 2088232"/>
                <a:gd name="connsiteY0" fmla="*/ 1426014 h 1426014"/>
                <a:gd name="connsiteX1" fmla="*/ 365189 w 2088232"/>
                <a:gd name="connsiteY1" fmla="*/ 764987 h 1426014"/>
                <a:gd name="connsiteX2" fmla="*/ 1028329 w 2088232"/>
                <a:gd name="connsiteY2" fmla="*/ 0 h 1426014"/>
                <a:gd name="connsiteX3" fmla="*/ 2088232 w 2088232"/>
                <a:gd name="connsiteY3" fmla="*/ 1426014 h 1426014"/>
                <a:gd name="connsiteX4" fmla="*/ 0 w 2088232"/>
                <a:gd name="connsiteY4" fmla="*/ 1426014 h 1426014"/>
                <a:gd name="connsiteX0" fmla="*/ 37913 w 1757119"/>
                <a:gd name="connsiteY0" fmla="*/ 1426014 h 1426014"/>
                <a:gd name="connsiteX1" fmla="*/ 34076 w 1757119"/>
                <a:gd name="connsiteY1" fmla="*/ 764987 h 1426014"/>
                <a:gd name="connsiteX2" fmla="*/ 697216 w 1757119"/>
                <a:gd name="connsiteY2" fmla="*/ 0 h 1426014"/>
                <a:gd name="connsiteX3" fmla="*/ 1757119 w 1757119"/>
                <a:gd name="connsiteY3" fmla="*/ 1426014 h 1426014"/>
                <a:gd name="connsiteX4" fmla="*/ 37913 w 1757119"/>
                <a:gd name="connsiteY4" fmla="*/ 1426014 h 1426014"/>
                <a:gd name="connsiteX0" fmla="*/ 58462 w 1777668"/>
                <a:gd name="connsiteY0" fmla="*/ 1426014 h 1426014"/>
                <a:gd name="connsiteX1" fmla="*/ 54625 w 1777668"/>
                <a:gd name="connsiteY1" fmla="*/ 764987 h 1426014"/>
                <a:gd name="connsiteX2" fmla="*/ 717765 w 1777668"/>
                <a:gd name="connsiteY2" fmla="*/ 0 h 1426014"/>
                <a:gd name="connsiteX3" fmla="*/ 1777668 w 1777668"/>
                <a:gd name="connsiteY3" fmla="*/ 1426014 h 1426014"/>
                <a:gd name="connsiteX4" fmla="*/ 58462 w 17776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27268" h="1426014">
                  <a:moveTo>
                    <a:pt x="8062" y="1426014"/>
                  </a:moveTo>
                  <a:cubicBezTo>
                    <a:pt x="-3014" y="1202409"/>
                    <a:pt x="-1027" y="1008189"/>
                    <a:pt x="4225" y="764987"/>
                  </a:cubicBezTo>
                  <a:cubicBezTo>
                    <a:pt x="120769" y="412019"/>
                    <a:pt x="446318" y="254996"/>
                    <a:pt x="667365" y="0"/>
                  </a:cubicBezTo>
                  <a:cubicBezTo>
                    <a:pt x="1347237" y="423087"/>
                    <a:pt x="1560113" y="728607"/>
                    <a:pt x="1727268" y="1426014"/>
                  </a:cubicBezTo>
                  <a:lnTo>
                    <a:pt x="8062" y="1426014"/>
                  </a:lnTo>
                  <a:close/>
                </a:path>
              </a:pathLst>
            </a:custGeom>
            <a:solidFill>
              <a:srgbClr val="868686">
                <a:alpha val="35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Rektangel 24">
              <a:extLst>
                <a:ext uri="{FF2B5EF4-FFF2-40B4-BE49-F238E27FC236}">
                  <a16:creationId xmlns:a16="http://schemas.microsoft.com/office/drawing/2014/main" id="{675B7ACE-DE6B-499C-A596-132C632A5C4B}"/>
                </a:ext>
              </a:extLst>
            </p:cNvPr>
            <p:cNvSpPr/>
            <p:nvPr/>
          </p:nvSpPr>
          <p:spPr>
            <a:xfrm>
              <a:off x="1122434" y="1028077"/>
              <a:ext cx="3051206" cy="1779986"/>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5817 w 3012142"/>
                <a:gd name="connsiteY5" fmla="*/ 1658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5817 w 3012142"/>
                <a:gd name="connsiteY5" fmla="*/ 1658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59669 w 3012142"/>
                <a:gd name="connsiteY6" fmla="*/ 6914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45381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910526 w 3012142"/>
                <a:gd name="connsiteY7" fmla="*/ 515735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2 w 3012142"/>
                <a:gd name="connsiteY3" fmla="*/ 831903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2047 w 3012142"/>
                <a:gd name="connsiteY3" fmla="*/ 829045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66334 w 3012142"/>
                <a:gd name="connsiteY3" fmla="*/ 829045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56975 w 3012142"/>
                <a:gd name="connsiteY2" fmla="*/ 1349478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72720 h 1756469"/>
                <a:gd name="connsiteX2" fmla="*/ 1156975 w 3012142"/>
                <a:gd name="connsiteY2" fmla="*/ 1349478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09284"/>
                <a:gd name="connsiteY0" fmla="*/ 1538840 h 1756469"/>
                <a:gd name="connsiteX1" fmla="*/ 568883 w 3009284"/>
                <a:gd name="connsiteY1" fmla="*/ 1472720 h 1756469"/>
                <a:gd name="connsiteX2" fmla="*/ 1154117 w 3009284"/>
                <a:gd name="connsiteY2" fmla="*/ 1349478 h 1756469"/>
                <a:gd name="connsiteX3" fmla="*/ 1554903 w 3009284"/>
                <a:gd name="connsiteY3" fmla="*/ 831902 h 1756469"/>
                <a:gd name="connsiteX4" fmla="*/ 1731424 w 3009284"/>
                <a:gd name="connsiteY4" fmla="*/ 428904 h 1756469"/>
                <a:gd name="connsiteX5" fmla="*/ 1865819 w 3009284"/>
                <a:gd name="connsiteY5" fmla="*/ 0 h 1756469"/>
                <a:gd name="connsiteX6" fmla="*/ 2042523 w 3009284"/>
                <a:gd name="connsiteY6" fmla="*/ 4056 h 1756469"/>
                <a:gd name="connsiteX7" fmla="*/ 1893381 w 3009284"/>
                <a:gd name="connsiteY7" fmla="*/ 512878 h 1756469"/>
                <a:gd name="connsiteX8" fmla="*/ 1704509 w 3009284"/>
                <a:gd name="connsiteY8" fmla="*/ 934865 h 1756469"/>
                <a:gd name="connsiteX9" fmla="*/ 1453786 w 3009284"/>
                <a:gd name="connsiteY9" fmla="*/ 1384690 h 1756469"/>
                <a:gd name="connsiteX10" fmla="*/ 2051096 w 3009284"/>
                <a:gd name="connsiteY10" fmla="*/ 1259331 h 1756469"/>
                <a:gd name="connsiteX11" fmla="*/ 2633657 w 3009284"/>
                <a:gd name="connsiteY11" fmla="*/ 1288827 h 1756469"/>
                <a:gd name="connsiteX12" fmla="*/ 3009284 w 3009284"/>
                <a:gd name="connsiteY12" fmla="*/ 1373012 h 1756469"/>
                <a:gd name="connsiteX13" fmla="*/ 2994535 w 3009284"/>
                <a:gd name="connsiteY13" fmla="*/ 1535243 h 1756469"/>
                <a:gd name="connsiteX14" fmla="*/ 2515670 w 3009284"/>
                <a:gd name="connsiteY14" fmla="*/ 1473182 h 1756469"/>
                <a:gd name="connsiteX15" fmla="*/ 2014225 w 3009284"/>
                <a:gd name="connsiteY15" fmla="*/ 1465808 h 1756469"/>
                <a:gd name="connsiteX16" fmla="*/ 1520154 w 3009284"/>
                <a:gd name="connsiteY16" fmla="*/ 1576421 h 1756469"/>
                <a:gd name="connsiteX17" fmla="*/ 1195689 w 3009284"/>
                <a:gd name="connsiteY17" fmla="*/ 1569045 h 1756469"/>
                <a:gd name="connsiteX18" fmla="*/ 583631 w 3009284"/>
                <a:gd name="connsiteY18" fmla="*/ 1687032 h 1756469"/>
                <a:gd name="connsiteX19" fmla="*/ 4517 w 3009284"/>
                <a:gd name="connsiteY19" fmla="*/ 1756469 h 1756469"/>
                <a:gd name="connsiteX20" fmla="*/ 0 w 3009284"/>
                <a:gd name="connsiteY20" fmla="*/ 1538840 h 1756469"/>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95689 w 3009284"/>
                <a:gd name="connsiteY17" fmla="*/ 1569045 h 1727894"/>
                <a:gd name="connsiteX18" fmla="*/ 583631 w 3009284"/>
                <a:gd name="connsiteY18" fmla="*/ 168703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95689 w 3009284"/>
                <a:gd name="connsiteY17" fmla="*/ 1569045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5211 w 3009284"/>
                <a:gd name="connsiteY9" fmla="*/ 1404693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81649 w 3009284"/>
                <a:gd name="connsiteY8" fmla="*/ 949152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90221 w 3009284"/>
                <a:gd name="connsiteY8" fmla="*/ 949152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78791 w 3009284"/>
                <a:gd name="connsiteY8" fmla="*/ 952010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53953 w 3009284"/>
                <a:gd name="connsiteY10" fmla="*/ 128219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22227 w 3009284"/>
                <a:gd name="connsiteY11" fmla="*/ 1314545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22227 w 3009284"/>
                <a:gd name="connsiteY11" fmla="*/ 131168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2014225 w 3003569"/>
                <a:gd name="connsiteY15" fmla="*/ 1465808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74801 w 3003569"/>
                <a:gd name="connsiteY1" fmla="*/ 1466801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27003 h 1727894"/>
                <a:gd name="connsiteX1" fmla="*/ 574801 w 3003569"/>
                <a:gd name="connsiteY1" fmla="*/ 1466801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35881 h 1736772"/>
                <a:gd name="connsiteX1" fmla="*/ 574801 w 3003569"/>
                <a:gd name="connsiteY1" fmla="*/ 1475679 h 1736772"/>
                <a:gd name="connsiteX2" fmla="*/ 1145239 w 3003569"/>
                <a:gd name="connsiteY2" fmla="*/ 1358356 h 1736772"/>
                <a:gd name="connsiteX3" fmla="*/ 1551944 w 3003569"/>
                <a:gd name="connsiteY3" fmla="*/ 828944 h 1736772"/>
                <a:gd name="connsiteX4" fmla="*/ 1725505 w 3003569"/>
                <a:gd name="connsiteY4" fmla="*/ 437782 h 1736772"/>
                <a:gd name="connsiteX5" fmla="*/ 1851023 w 3003569"/>
                <a:gd name="connsiteY5" fmla="*/ 0 h 1736772"/>
                <a:gd name="connsiteX6" fmla="*/ 2042523 w 3003569"/>
                <a:gd name="connsiteY6" fmla="*/ 12934 h 1736772"/>
                <a:gd name="connsiteX7" fmla="*/ 1887666 w 3003569"/>
                <a:gd name="connsiteY7" fmla="*/ 521756 h 1736772"/>
                <a:gd name="connsiteX8" fmla="*/ 1678791 w 3003569"/>
                <a:gd name="connsiteY8" fmla="*/ 960888 h 1736772"/>
                <a:gd name="connsiteX9" fmla="*/ 1422354 w 3003569"/>
                <a:gd name="connsiteY9" fmla="*/ 1407856 h 1736772"/>
                <a:gd name="connsiteX10" fmla="*/ 2062526 w 3003569"/>
                <a:gd name="connsiteY10" fmla="*/ 1285354 h 1736772"/>
                <a:gd name="connsiteX11" fmla="*/ 2622227 w 3003569"/>
                <a:gd name="connsiteY11" fmla="*/ 1320565 h 1736772"/>
                <a:gd name="connsiteX12" fmla="*/ 3003569 w 3003569"/>
                <a:gd name="connsiteY12" fmla="*/ 1399035 h 1736772"/>
                <a:gd name="connsiteX13" fmla="*/ 3003107 w 3003569"/>
                <a:gd name="connsiteY13" fmla="*/ 1538406 h 1736772"/>
                <a:gd name="connsiteX14" fmla="*/ 2521385 w 3003569"/>
                <a:gd name="connsiteY14" fmla="*/ 1462057 h 1736772"/>
                <a:gd name="connsiteX15" fmla="*/ 1988507 w 3003569"/>
                <a:gd name="connsiteY15" fmla="*/ 1457541 h 1736772"/>
                <a:gd name="connsiteX16" fmla="*/ 1525869 w 3003569"/>
                <a:gd name="connsiteY16" fmla="*/ 1565296 h 1736772"/>
                <a:gd name="connsiteX17" fmla="*/ 1161399 w 3003569"/>
                <a:gd name="connsiteY17" fmla="*/ 1560777 h 1736772"/>
                <a:gd name="connsiteX18" fmla="*/ 592203 w 3003569"/>
                <a:gd name="connsiteY18" fmla="*/ 1673050 h 1736772"/>
                <a:gd name="connsiteX19" fmla="*/ 4517 w 3003569"/>
                <a:gd name="connsiteY19" fmla="*/ 1736772 h 1736772"/>
                <a:gd name="connsiteX20" fmla="*/ 0 w 3003569"/>
                <a:gd name="connsiteY20" fmla="*/ 1535881 h 1736772"/>
                <a:gd name="connsiteX0" fmla="*/ 0 w 3003569"/>
                <a:gd name="connsiteY0" fmla="*/ 1522947 h 1723838"/>
                <a:gd name="connsiteX1" fmla="*/ 574801 w 3003569"/>
                <a:gd name="connsiteY1" fmla="*/ 1462745 h 1723838"/>
                <a:gd name="connsiteX2" fmla="*/ 1145239 w 3003569"/>
                <a:gd name="connsiteY2" fmla="*/ 1345422 h 1723838"/>
                <a:gd name="connsiteX3" fmla="*/ 1551944 w 3003569"/>
                <a:gd name="connsiteY3" fmla="*/ 816010 h 1723838"/>
                <a:gd name="connsiteX4" fmla="*/ 1725505 w 3003569"/>
                <a:gd name="connsiteY4" fmla="*/ 424848 h 1723838"/>
                <a:gd name="connsiteX5" fmla="*/ 1856941 w 3003569"/>
                <a:gd name="connsiteY5" fmla="*/ 1862 h 1723838"/>
                <a:gd name="connsiteX6" fmla="*/ 2042523 w 3003569"/>
                <a:gd name="connsiteY6" fmla="*/ 0 h 1723838"/>
                <a:gd name="connsiteX7" fmla="*/ 1887666 w 3003569"/>
                <a:gd name="connsiteY7" fmla="*/ 508822 h 1723838"/>
                <a:gd name="connsiteX8" fmla="*/ 1678791 w 3003569"/>
                <a:gd name="connsiteY8" fmla="*/ 947954 h 1723838"/>
                <a:gd name="connsiteX9" fmla="*/ 1422354 w 3003569"/>
                <a:gd name="connsiteY9" fmla="*/ 1394922 h 1723838"/>
                <a:gd name="connsiteX10" fmla="*/ 2062526 w 3003569"/>
                <a:gd name="connsiteY10" fmla="*/ 1272420 h 1723838"/>
                <a:gd name="connsiteX11" fmla="*/ 2622227 w 3003569"/>
                <a:gd name="connsiteY11" fmla="*/ 1307631 h 1723838"/>
                <a:gd name="connsiteX12" fmla="*/ 3003569 w 3003569"/>
                <a:gd name="connsiteY12" fmla="*/ 1386101 h 1723838"/>
                <a:gd name="connsiteX13" fmla="*/ 3003107 w 3003569"/>
                <a:gd name="connsiteY13" fmla="*/ 1525472 h 1723838"/>
                <a:gd name="connsiteX14" fmla="*/ 2521385 w 3003569"/>
                <a:gd name="connsiteY14" fmla="*/ 1449123 h 1723838"/>
                <a:gd name="connsiteX15" fmla="*/ 1988507 w 3003569"/>
                <a:gd name="connsiteY15" fmla="*/ 1444607 h 1723838"/>
                <a:gd name="connsiteX16" fmla="*/ 1525869 w 3003569"/>
                <a:gd name="connsiteY16" fmla="*/ 1552362 h 1723838"/>
                <a:gd name="connsiteX17" fmla="*/ 1161399 w 3003569"/>
                <a:gd name="connsiteY17" fmla="*/ 1547843 h 1723838"/>
                <a:gd name="connsiteX18" fmla="*/ 592203 w 3003569"/>
                <a:gd name="connsiteY18" fmla="*/ 1660116 h 1723838"/>
                <a:gd name="connsiteX19" fmla="*/ 4517 w 3003569"/>
                <a:gd name="connsiteY19" fmla="*/ 1723838 h 1723838"/>
                <a:gd name="connsiteX20" fmla="*/ 0 w 3003569"/>
                <a:gd name="connsiteY20" fmla="*/ 1522947 h 1723838"/>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63237 w 3003569"/>
                <a:gd name="connsiteY6" fmla="*/ 1097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905421 w 3003569"/>
                <a:gd name="connsiteY7" fmla="*/ 509919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3584 w 3003569"/>
                <a:gd name="connsiteY7" fmla="*/ 506959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43069 w 3003569"/>
                <a:gd name="connsiteY9" fmla="*/ 1390101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34191 w 3003569"/>
                <a:gd name="connsiteY9" fmla="*/ 1396020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46028 w 3003569"/>
                <a:gd name="connsiteY9" fmla="*/ 1393061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46028 w 3003569"/>
                <a:gd name="connsiteY9" fmla="*/ 1393061 h 1727894"/>
                <a:gd name="connsiteX10" fmla="*/ 2056608 w 3003569"/>
                <a:gd name="connsiteY10" fmla="*/ 1267598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3569"/>
                <a:gd name="connsiteY0" fmla="*/ 1527003 h 1727894"/>
                <a:gd name="connsiteX1" fmla="*/ 574801 w 3003569"/>
                <a:gd name="connsiteY1" fmla="*/ 1466801 h 1727894"/>
                <a:gd name="connsiteX2" fmla="*/ 1145239 w 3003569"/>
                <a:gd name="connsiteY2" fmla="*/ 1349478 h 1727894"/>
                <a:gd name="connsiteX3" fmla="*/ 1551944 w 3003569"/>
                <a:gd name="connsiteY3" fmla="*/ 820066 h 1727894"/>
                <a:gd name="connsiteX4" fmla="*/ 1725505 w 3003569"/>
                <a:gd name="connsiteY4" fmla="*/ 428904 h 1727894"/>
                <a:gd name="connsiteX5" fmla="*/ 1856941 w 3003569"/>
                <a:gd name="connsiteY5" fmla="*/ 0 h 1727894"/>
                <a:gd name="connsiteX6" fmla="*/ 2054360 w 3003569"/>
                <a:gd name="connsiteY6" fmla="*/ 1097 h 1727894"/>
                <a:gd name="connsiteX7" fmla="*/ 1899503 w 3003569"/>
                <a:gd name="connsiteY7" fmla="*/ 506959 h 1727894"/>
                <a:gd name="connsiteX8" fmla="*/ 1684710 w 3003569"/>
                <a:gd name="connsiteY8" fmla="*/ 952010 h 1727894"/>
                <a:gd name="connsiteX9" fmla="*/ 1446028 w 3003569"/>
                <a:gd name="connsiteY9" fmla="*/ 1393061 h 1727894"/>
                <a:gd name="connsiteX10" fmla="*/ 2056608 w 3003569"/>
                <a:gd name="connsiteY10" fmla="*/ 1267598 h 1727894"/>
                <a:gd name="connsiteX11" fmla="*/ 2628145 w 3003569"/>
                <a:gd name="connsiteY11" fmla="*/ 1302810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27003 h 1727894"/>
                <a:gd name="connsiteX0" fmla="*/ 0 w 3006528"/>
                <a:gd name="connsiteY0" fmla="*/ 1527003 h 1727894"/>
                <a:gd name="connsiteX1" fmla="*/ 574801 w 3006528"/>
                <a:gd name="connsiteY1" fmla="*/ 1466801 h 1727894"/>
                <a:gd name="connsiteX2" fmla="*/ 1145239 w 3006528"/>
                <a:gd name="connsiteY2" fmla="*/ 1349478 h 1727894"/>
                <a:gd name="connsiteX3" fmla="*/ 1551944 w 3006528"/>
                <a:gd name="connsiteY3" fmla="*/ 820066 h 1727894"/>
                <a:gd name="connsiteX4" fmla="*/ 1725505 w 3006528"/>
                <a:gd name="connsiteY4" fmla="*/ 428904 h 1727894"/>
                <a:gd name="connsiteX5" fmla="*/ 1856941 w 3006528"/>
                <a:gd name="connsiteY5" fmla="*/ 0 h 1727894"/>
                <a:gd name="connsiteX6" fmla="*/ 2054360 w 3006528"/>
                <a:gd name="connsiteY6" fmla="*/ 1097 h 1727894"/>
                <a:gd name="connsiteX7" fmla="*/ 1899503 w 3006528"/>
                <a:gd name="connsiteY7" fmla="*/ 506959 h 1727894"/>
                <a:gd name="connsiteX8" fmla="*/ 1684710 w 3006528"/>
                <a:gd name="connsiteY8" fmla="*/ 952010 h 1727894"/>
                <a:gd name="connsiteX9" fmla="*/ 1446028 w 3006528"/>
                <a:gd name="connsiteY9" fmla="*/ 1393061 h 1727894"/>
                <a:gd name="connsiteX10" fmla="*/ 2056608 w 3006528"/>
                <a:gd name="connsiteY10" fmla="*/ 1267598 h 1727894"/>
                <a:gd name="connsiteX11" fmla="*/ 2628145 w 3006528"/>
                <a:gd name="connsiteY11" fmla="*/ 1302810 h 1727894"/>
                <a:gd name="connsiteX12" fmla="*/ 3006528 w 3006528"/>
                <a:gd name="connsiteY12" fmla="*/ 1381280 h 1727894"/>
                <a:gd name="connsiteX13" fmla="*/ 3003107 w 3006528"/>
                <a:gd name="connsiteY13" fmla="*/ 1529528 h 1727894"/>
                <a:gd name="connsiteX14" fmla="*/ 2521385 w 3006528"/>
                <a:gd name="connsiteY14" fmla="*/ 1453179 h 1727894"/>
                <a:gd name="connsiteX15" fmla="*/ 1988507 w 3006528"/>
                <a:gd name="connsiteY15" fmla="*/ 1448663 h 1727894"/>
                <a:gd name="connsiteX16" fmla="*/ 1525869 w 3006528"/>
                <a:gd name="connsiteY16" fmla="*/ 1556418 h 1727894"/>
                <a:gd name="connsiteX17" fmla="*/ 1161399 w 3006528"/>
                <a:gd name="connsiteY17" fmla="*/ 1551899 h 1727894"/>
                <a:gd name="connsiteX18" fmla="*/ 592203 w 3006528"/>
                <a:gd name="connsiteY18" fmla="*/ 1664172 h 1727894"/>
                <a:gd name="connsiteX19" fmla="*/ 4517 w 3006528"/>
                <a:gd name="connsiteY19" fmla="*/ 1727894 h 1727894"/>
                <a:gd name="connsiteX20" fmla="*/ 0 w 3006528"/>
                <a:gd name="connsiteY20" fmla="*/ 1527003 h 1727894"/>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21385 w 3006528"/>
                <a:gd name="connsiteY14" fmla="*/ 1453179 h 1739731"/>
                <a:gd name="connsiteX15" fmla="*/ 1988507 w 3006528"/>
                <a:gd name="connsiteY15" fmla="*/ 1448663 h 1739731"/>
                <a:gd name="connsiteX16" fmla="*/ 1525869 w 3006528"/>
                <a:gd name="connsiteY16" fmla="*/ 1556418 h 1739731"/>
                <a:gd name="connsiteX17" fmla="*/ 1161399 w 3006528"/>
                <a:gd name="connsiteY17" fmla="*/ 1551899 h 1739731"/>
                <a:gd name="connsiteX18" fmla="*/ 592203 w 3006528"/>
                <a:gd name="connsiteY18" fmla="*/ 1664172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21385 w 3006528"/>
                <a:gd name="connsiteY14" fmla="*/ 1453179 h 1739731"/>
                <a:gd name="connsiteX15" fmla="*/ 1988507 w 3006528"/>
                <a:gd name="connsiteY15" fmla="*/ 1448663 h 1739731"/>
                <a:gd name="connsiteX16" fmla="*/ 1525869 w 3006528"/>
                <a:gd name="connsiteY16" fmla="*/ 1556418 h 1739731"/>
                <a:gd name="connsiteX17" fmla="*/ 1161399 w 3006528"/>
                <a:gd name="connsiteY17" fmla="*/ 1551899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21385 w 3006528"/>
                <a:gd name="connsiteY14" fmla="*/ 1453179 h 1739731"/>
                <a:gd name="connsiteX15" fmla="*/ 1988507 w 3006528"/>
                <a:gd name="connsiteY15" fmla="*/ 1448663 h 1739731"/>
                <a:gd name="connsiteX16" fmla="*/ 1525869 w 3006528"/>
                <a:gd name="connsiteY16" fmla="*/ 1556418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21385 w 3006528"/>
                <a:gd name="connsiteY14" fmla="*/ 1453179 h 1739731"/>
                <a:gd name="connsiteX15" fmla="*/ 1988507 w 3006528"/>
                <a:gd name="connsiteY15" fmla="*/ 1448663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21385 w 3006528"/>
                <a:gd name="connsiteY14" fmla="*/ 145317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506589 w 3006528"/>
                <a:gd name="connsiteY14" fmla="*/ 1470935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29528 h 1739731"/>
                <a:gd name="connsiteX14" fmla="*/ 2491793 w 3006528"/>
                <a:gd name="connsiteY14" fmla="*/ 145613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2997189 w 3006528"/>
                <a:gd name="connsiteY13" fmla="*/ 1535447 h 1739731"/>
                <a:gd name="connsiteX14" fmla="*/ 2491793 w 3006528"/>
                <a:gd name="connsiteY14" fmla="*/ 145613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6066 w 3006528"/>
                <a:gd name="connsiteY13" fmla="*/ 1529529 h 1739731"/>
                <a:gd name="connsiteX14" fmla="*/ 2491793 w 3006528"/>
                <a:gd name="connsiteY14" fmla="*/ 145613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9202"/>
                <a:gd name="connsiteY0" fmla="*/ 1527003 h 1739731"/>
                <a:gd name="connsiteX1" fmla="*/ 574801 w 3009202"/>
                <a:gd name="connsiteY1" fmla="*/ 1466801 h 1739731"/>
                <a:gd name="connsiteX2" fmla="*/ 1145239 w 3009202"/>
                <a:gd name="connsiteY2" fmla="*/ 1349478 h 1739731"/>
                <a:gd name="connsiteX3" fmla="*/ 1551944 w 3009202"/>
                <a:gd name="connsiteY3" fmla="*/ 820066 h 1739731"/>
                <a:gd name="connsiteX4" fmla="*/ 1725505 w 3009202"/>
                <a:gd name="connsiteY4" fmla="*/ 428904 h 1739731"/>
                <a:gd name="connsiteX5" fmla="*/ 1856941 w 3009202"/>
                <a:gd name="connsiteY5" fmla="*/ 0 h 1739731"/>
                <a:gd name="connsiteX6" fmla="*/ 2054360 w 3009202"/>
                <a:gd name="connsiteY6" fmla="*/ 1097 h 1739731"/>
                <a:gd name="connsiteX7" fmla="*/ 1899503 w 3009202"/>
                <a:gd name="connsiteY7" fmla="*/ 506959 h 1739731"/>
                <a:gd name="connsiteX8" fmla="*/ 1684710 w 3009202"/>
                <a:gd name="connsiteY8" fmla="*/ 952010 h 1739731"/>
                <a:gd name="connsiteX9" fmla="*/ 1446028 w 3009202"/>
                <a:gd name="connsiteY9" fmla="*/ 1393061 h 1739731"/>
                <a:gd name="connsiteX10" fmla="*/ 2056608 w 3009202"/>
                <a:gd name="connsiteY10" fmla="*/ 1267598 h 1739731"/>
                <a:gd name="connsiteX11" fmla="*/ 2628145 w 3009202"/>
                <a:gd name="connsiteY11" fmla="*/ 1302810 h 1739731"/>
                <a:gd name="connsiteX12" fmla="*/ 3006528 w 3009202"/>
                <a:gd name="connsiteY12" fmla="*/ 1381280 h 1739731"/>
                <a:gd name="connsiteX13" fmla="*/ 3009025 w 3009202"/>
                <a:gd name="connsiteY13" fmla="*/ 1538407 h 1739731"/>
                <a:gd name="connsiteX14" fmla="*/ 2491793 w 3009202"/>
                <a:gd name="connsiteY14" fmla="*/ 1456139 h 1739731"/>
                <a:gd name="connsiteX15" fmla="*/ 1997384 w 3009202"/>
                <a:gd name="connsiteY15" fmla="*/ 1460500 h 1739731"/>
                <a:gd name="connsiteX16" fmla="*/ 1528828 w 3009202"/>
                <a:gd name="connsiteY16" fmla="*/ 1562337 h 1739731"/>
                <a:gd name="connsiteX17" fmla="*/ 1164358 w 3009202"/>
                <a:gd name="connsiteY17" fmla="*/ 1563736 h 1739731"/>
                <a:gd name="connsiteX18" fmla="*/ 592203 w 3009202"/>
                <a:gd name="connsiteY18" fmla="*/ 1673049 h 1739731"/>
                <a:gd name="connsiteX19" fmla="*/ 7476 w 3009202"/>
                <a:gd name="connsiteY19" fmla="*/ 1739731 h 1739731"/>
                <a:gd name="connsiteX20" fmla="*/ 0 w 3009202"/>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38407 h 1739731"/>
                <a:gd name="connsiteX14" fmla="*/ 2491793 w 3006528"/>
                <a:gd name="connsiteY14" fmla="*/ 145613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3049 h 1739731"/>
                <a:gd name="connsiteX19" fmla="*/ 7476 w 3006528"/>
                <a:gd name="connsiteY19" fmla="*/ 1739731 h 1739731"/>
                <a:gd name="connsiteX20" fmla="*/ 0 w 3006528"/>
                <a:gd name="connsiteY20" fmla="*/ 1527003 h 1739731"/>
                <a:gd name="connsiteX0" fmla="*/ 0 w 3006528"/>
                <a:gd name="connsiteY0" fmla="*/ 1527003 h 1739731"/>
                <a:gd name="connsiteX1" fmla="*/ 574801 w 3006528"/>
                <a:gd name="connsiteY1" fmla="*/ 1466801 h 1739731"/>
                <a:gd name="connsiteX2" fmla="*/ 1145239 w 3006528"/>
                <a:gd name="connsiteY2" fmla="*/ 1349478 h 1739731"/>
                <a:gd name="connsiteX3" fmla="*/ 1551944 w 3006528"/>
                <a:gd name="connsiteY3" fmla="*/ 820066 h 1739731"/>
                <a:gd name="connsiteX4" fmla="*/ 1725505 w 3006528"/>
                <a:gd name="connsiteY4" fmla="*/ 428904 h 1739731"/>
                <a:gd name="connsiteX5" fmla="*/ 1856941 w 3006528"/>
                <a:gd name="connsiteY5" fmla="*/ 0 h 1739731"/>
                <a:gd name="connsiteX6" fmla="*/ 2054360 w 3006528"/>
                <a:gd name="connsiteY6" fmla="*/ 1097 h 1739731"/>
                <a:gd name="connsiteX7" fmla="*/ 1899503 w 3006528"/>
                <a:gd name="connsiteY7" fmla="*/ 506959 h 1739731"/>
                <a:gd name="connsiteX8" fmla="*/ 1684710 w 3006528"/>
                <a:gd name="connsiteY8" fmla="*/ 952010 h 1739731"/>
                <a:gd name="connsiteX9" fmla="*/ 1446028 w 3006528"/>
                <a:gd name="connsiteY9" fmla="*/ 1393061 h 1739731"/>
                <a:gd name="connsiteX10" fmla="*/ 2056608 w 3006528"/>
                <a:gd name="connsiteY10" fmla="*/ 1267598 h 1739731"/>
                <a:gd name="connsiteX11" fmla="*/ 2628145 w 3006528"/>
                <a:gd name="connsiteY11" fmla="*/ 1302810 h 1739731"/>
                <a:gd name="connsiteX12" fmla="*/ 3006528 w 3006528"/>
                <a:gd name="connsiteY12" fmla="*/ 1381280 h 1739731"/>
                <a:gd name="connsiteX13" fmla="*/ 3003107 w 3006528"/>
                <a:gd name="connsiteY13" fmla="*/ 1538407 h 1739731"/>
                <a:gd name="connsiteX14" fmla="*/ 2491793 w 3006528"/>
                <a:gd name="connsiteY14" fmla="*/ 1456139 h 1739731"/>
                <a:gd name="connsiteX15" fmla="*/ 1997384 w 3006528"/>
                <a:gd name="connsiteY15" fmla="*/ 1460500 h 1739731"/>
                <a:gd name="connsiteX16" fmla="*/ 1528828 w 3006528"/>
                <a:gd name="connsiteY16" fmla="*/ 1562337 h 1739731"/>
                <a:gd name="connsiteX17" fmla="*/ 1164358 w 3006528"/>
                <a:gd name="connsiteY17" fmla="*/ 1563736 h 1739731"/>
                <a:gd name="connsiteX18" fmla="*/ 592203 w 3006528"/>
                <a:gd name="connsiteY18" fmla="*/ 1678659 h 1739731"/>
                <a:gd name="connsiteX19" fmla="*/ 7476 w 3006528"/>
                <a:gd name="connsiteY19" fmla="*/ 1739731 h 1739731"/>
                <a:gd name="connsiteX20" fmla="*/ 0 w 3006528"/>
                <a:gd name="connsiteY20" fmla="*/ 1527003 h 1739731"/>
                <a:gd name="connsiteX0" fmla="*/ 0 w 3006528"/>
                <a:gd name="connsiteY0" fmla="*/ 1527003 h 1745341"/>
                <a:gd name="connsiteX1" fmla="*/ 574801 w 3006528"/>
                <a:gd name="connsiteY1" fmla="*/ 1466801 h 1745341"/>
                <a:gd name="connsiteX2" fmla="*/ 1145239 w 3006528"/>
                <a:gd name="connsiteY2" fmla="*/ 1349478 h 1745341"/>
                <a:gd name="connsiteX3" fmla="*/ 1551944 w 3006528"/>
                <a:gd name="connsiteY3" fmla="*/ 820066 h 1745341"/>
                <a:gd name="connsiteX4" fmla="*/ 1725505 w 3006528"/>
                <a:gd name="connsiteY4" fmla="*/ 428904 h 1745341"/>
                <a:gd name="connsiteX5" fmla="*/ 1856941 w 3006528"/>
                <a:gd name="connsiteY5" fmla="*/ 0 h 1745341"/>
                <a:gd name="connsiteX6" fmla="*/ 2054360 w 3006528"/>
                <a:gd name="connsiteY6" fmla="*/ 1097 h 1745341"/>
                <a:gd name="connsiteX7" fmla="*/ 1899503 w 3006528"/>
                <a:gd name="connsiteY7" fmla="*/ 506959 h 1745341"/>
                <a:gd name="connsiteX8" fmla="*/ 1684710 w 3006528"/>
                <a:gd name="connsiteY8" fmla="*/ 952010 h 1745341"/>
                <a:gd name="connsiteX9" fmla="*/ 1446028 w 3006528"/>
                <a:gd name="connsiteY9" fmla="*/ 1393061 h 1745341"/>
                <a:gd name="connsiteX10" fmla="*/ 2056608 w 3006528"/>
                <a:gd name="connsiteY10" fmla="*/ 1267598 h 1745341"/>
                <a:gd name="connsiteX11" fmla="*/ 2628145 w 3006528"/>
                <a:gd name="connsiteY11" fmla="*/ 1302810 h 1745341"/>
                <a:gd name="connsiteX12" fmla="*/ 3006528 w 3006528"/>
                <a:gd name="connsiteY12" fmla="*/ 1381280 h 1745341"/>
                <a:gd name="connsiteX13" fmla="*/ 3003107 w 3006528"/>
                <a:gd name="connsiteY13" fmla="*/ 1538407 h 1745341"/>
                <a:gd name="connsiteX14" fmla="*/ 2491793 w 3006528"/>
                <a:gd name="connsiteY14" fmla="*/ 1456139 h 1745341"/>
                <a:gd name="connsiteX15" fmla="*/ 1997384 w 3006528"/>
                <a:gd name="connsiteY15" fmla="*/ 1460500 h 1745341"/>
                <a:gd name="connsiteX16" fmla="*/ 1528828 w 3006528"/>
                <a:gd name="connsiteY16" fmla="*/ 1562337 h 1745341"/>
                <a:gd name="connsiteX17" fmla="*/ 1164358 w 3006528"/>
                <a:gd name="connsiteY17" fmla="*/ 1563736 h 1745341"/>
                <a:gd name="connsiteX18" fmla="*/ 592203 w 3006528"/>
                <a:gd name="connsiteY18" fmla="*/ 1678659 h 1745341"/>
                <a:gd name="connsiteX19" fmla="*/ 4671 w 3006528"/>
                <a:gd name="connsiteY19" fmla="*/ 1745341 h 1745341"/>
                <a:gd name="connsiteX20" fmla="*/ 0 w 3006528"/>
                <a:gd name="connsiteY20" fmla="*/ 1527003 h 1745341"/>
                <a:gd name="connsiteX0" fmla="*/ 0 w 3006528"/>
                <a:gd name="connsiteY0" fmla="*/ 1527003 h 1745341"/>
                <a:gd name="connsiteX1" fmla="*/ 574801 w 3006528"/>
                <a:gd name="connsiteY1" fmla="*/ 1466801 h 1745341"/>
                <a:gd name="connsiteX2" fmla="*/ 1145239 w 3006528"/>
                <a:gd name="connsiteY2" fmla="*/ 1349478 h 1745341"/>
                <a:gd name="connsiteX3" fmla="*/ 1551944 w 3006528"/>
                <a:gd name="connsiteY3" fmla="*/ 820066 h 1745341"/>
                <a:gd name="connsiteX4" fmla="*/ 1725505 w 3006528"/>
                <a:gd name="connsiteY4" fmla="*/ 428904 h 1745341"/>
                <a:gd name="connsiteX5" fmla="*/ 1856941 w 3006528"/>
                <a:gd name="connsiteY5" fmla="*/ 0 h 1745341"/>
                <a:gd name="connsiteX6" fmla="*/ 2054360 w 3006528"/>
                <a:gd name="connsiteY6" fmla="*/ 1097 h 1745341"/>
                <a:gd name="connsiteX7" fmla="*/ 1899503 w 3006528"/>
                <a:gd name="connsiteY7" fmla="*/ 506959 h 1745341"/>
                <a:gd name="connsiteX8" fmla="*/ 1684710 w 3006528"/>
                <a:gd name="connsiteY8" fmla="*/ 952010 h 1745341"/>
                <a:gd name="connsiteX9" fmla="*/ 1446028 w 3006528"/>
                <a:gd name="connsiteY9" fmla="*/ 1393061 h 1745341"/>
                <a:gd name="connsiteX10" fmla="*/ 2056608 w 3006528"/>
                <a:gd name="connsiteY10" fmla="*/ 1267598 h 1745341"/>
                <a:gd name="connsiteX11" fmla="*/ 2628145 w 3006528"/>
                <a:gd name="connsiteY11" fmla="*/ 1302810 h 1745341"/>
                <a:gd name="connsiteX12" fmla="*/ 3006528 w 3006528"/>
                <a:gd name="connsiteY12" fmla="*/ 1381280 h 1745341"/>
                <a:gd name="connsiteX13" fmla="*/ 3003107 w 3006528"/>
                <a:gd name="connsiteY13" fmla="*/ 1538407 h 1745341"/>
                <a:gd name="connsiteX14" fmla="*/ 2491793 w 3006528"/>
                <a:gd name="connsiteY14" fmla="*/ 1456139 h 1745341"/>
                <a:gd name="connsiteX15" fmla="*/ 1997384 w 3006528"/>
                <a:gd name="connsiteY15" fmla="*/ 1460500 h 1745341"/>
                <a:gd name="connsiteX16" fmla="*/ 1528828 w 3006528"/>
                <a:gd name="connsiteY16" fmla="*/ 1562337 h 1745341"/>
                <a:gd name="connsiteX17" fmla="*/ 1167163 w 3006528"/>
                <a:gd name="connsiteY17" fmla="*/ 1572151 h 1745341"/>
                <a:gd name="connsiteX18" fmla="*/ 592203 w 3006528"/>
                <a:gd name="connsiteY18" fmla="*/ 1678659 h 1745341"/>
                <a:gd name="connsiteX19" fmla="*/ 4671 w 3006528"/>
                <a:gd name="connsiteY19" fmla="*/ 1745341 h 1745341"/>
                <a:gd name="connsiteX20" fmla="*/ 0 w 3006528"/>
                <a:gd name="connsiteY20" fmla="*/ 1527003 h 1745341"/>
                <a:gd name="connsiteX0" fmla="*/ 0 w 3006528"/>
                <a:gd name="connsiteY0" fmla="*/ 1527003 h 1745341"/>
                <a:gd name="connsiteX1" fmla="*/ 574801 w 3006528"/>
                <a:gd name="connsiteY1" fmla="*/ 1466801 h 1745341"/>
                <a:gd name="connsiteX2" fmla="*/ 1145239 w 3006528"/>
                <a:gd name="connsiteY2" fmla="*/ 1349478 h 1745341"/>
                <a:gd name="connsiteX3" fmla="*/ 1551944 w 3006528"/>
                <a:gd name="connsiteY3" fmla="*/ 820066 h 1745341"/>
                <a:gd name="connsiteX4" fmla="*/ 1725505 w 3006528"/>
                <a:gd name="connsiteY4" fmla="*/ 428904 h 1745341"/>
                <a:gd name="connsiteX5" fmla="*/ 1856941 w 3006528"/>
                <a:gd name="connsiteY5" fmla="*/ 0 h 1745341"/>
                <a:gd name="connsiteX6" fmla="*/ 2054360 w 3006528"/>
                <a:gd name="connsiteY6" fmla="*/ 1097 h 1745341"/>
                <a:gd name="connsiteX7" fmla="*/ 1899503 w 3006528"/>
                <a:gd name="connsiteY7" fmla="*/ 506959 h 1745341"/>
                <a:gd name="connsiteX8" fmla="*/ 1684710 w 3006528"/>
                <a:gd name="connsiteY8" fmla="*/ 952010 h 1745341"/>
                <a:gd name="connsiteX9" fmla="*/ 1446028 w 3006528"/>
                <a:gd name="connsiteY9" fmla="*/ 1393061 h 1745341"/>
                <a:gd name="connsiteX10" fmla="*/ 2056608 w 3006528"/>
                <a:gd name="connsiteY10" fmla="*/ 1267598 h 1745341"/>
                <a:gd name="connsiteX11" fmla="*/ 2628145 w 3006528"/>
                <a:gd name="connsiteY11" fmla="*/ 1302810 h 1745341"/>
                <a:gd name="connsiteX12" fmla="*/ 3006528 w 3006528"/>
                <a:gd name="connsiteY12" fmla="*/ 1381280 h 1745341"/>
                <a:gd name="connsiteX13" fmla="*/ 3003107 w 3006528"/>
                <a:gd name="connsiteY13" fmla="*/ 1538407 h 1745341"/>
                <a:gd name="connsiteX14" fmla="*/ 2491793 w 3006528"/>
                <a:gd name="connsiteY14" fmla="*/ 1456139 h 1745341"/>
                <a:gd name="connsiteX15" fmla="*/ 1997384 w 3006528"/>
                <a:gd name="connsiteY15" fmla="*/ 1460500 h 1745341"/>
                <a:gd name="connsiteX16" fmla="*/ 1528828 w 3006528"/>
                <a:gd name="connsiteY16" fmla="*/ 1562337 h 1745341"/>
                <a:gd name="connsiteX17" fmla="*/ 1167163 w 3006528"/>
                <a:gd name="connsiteY17" fmla="*/ 1566541 h 1745341"/>
                <a:gd name="connsiteX18" fmla="*/ 592203 w 3006528"/>
                <a:gd name="connsiteY18" fmla="*/ 1678659 h 1745341"/>
                <a:gd name="connsiteX19" fmla="*/ 4671 w 3006528"/>
                <a:gd name="connsiteY19" fmla="*/ 1745341 h 1745341"/>
                <a:gd name="connsiteX20" fmla="*/ 0 w 3006528"/>
                <a:gd name="connsiteY20" fmla="*/ 1527003 h 1745341"/>
                <a:gd name="connsiteX0" fmla="*/ 0 w 3006528"/>
                <a:gd name="connsiteY0" fmla="*/ 1555691 h 1774029"/>
                <a:gd name="connsiteX1" fmla="*/ 574801 w 3006528"/>
                <a:gd name="connsiteY1" fmla="*/ 1495489 h 1774029"/>
                <a:gd name="connsiteX2" fmla="*/ 1145239 w 3006528"/>
                <a:gd name="connsiteY2" fmla="*/ 1378166 h 1774029"/>
                <a:gd name="connsiteX3" fmla="*/ 1551944 w 3006528"/>
                <a:gd name="connsiteY3" fmla="*/ 848754 h 1774029"/>
                <a:gd name="connsiteX4" fmla="*/ 1725505 w 3006528"/>
                <a:gd name="connsiteY4" fmla="*/ 457592 h 1774029"/>
                <a:gd name="connsiteX5" fmla="*/ 1856941 w 3006528"/>
                <a:gd name="connsiteY5" fmla="*/ 28688 h 1774029"/>
                <a:gd name="connsiteX6" fmla="*/ 2054360 w 3006528"/>
                <a:gd name="connsiteY6" fmla="*/ 0 h 1774029"/>
                <a:gd name="connsiteX7" fmla="*/ 1899503 w 3006528"/>
                <a:gd name="connsiteY7" fmla="*/ 535647 h 1774029"/>
                <a:gd name="connsiteX8" fmla="*/ 1684710 w 3006528"/>
                <a:gd name="connsiteY8" fmla="*/ 980698 h 1774029"/>
                <a:gd name="connsiteX9" fmla="*/ 1446028 w 3006528"/>
                <a:gd name="connsiteY9" fmla="*/ 1421749 h 1774029"/>
                <a:gd name="connsiteX10" fmla="*/ 2056608 w 3006528"/>
                <a:gd name="connsiteY10" fmla="*/ 1296286 h 1774029"/>
                <a:gd name="connsiteX11" fmla="*/ 2628145 w 3006528"/>
                <a:gd name="connsiteY11" fmla="*/ 1331498 h 1774029"/>
                <a:gd name="connsiteX12" fmla="*/ 3006528 w 3006528"/>
                <a:gd name="connsiteY12" fmla="*/ 1409968 h 1774029"/>
                <a:gd name="connsiteX13" fmla="*/ 3003107 w 3006528"/>
                <a:gd name="connsiteY13" fmla="*/ 1567095 h 1774029"/>
                <a:gd name="connsiteX14" fmla="*/ 2491793 w 3006528"/>
                <a:gd name="connsiteY14" fmla="*/ 1484827 h 1774029"/>
                <a:gd name="connsiteX15" fmla="*/ 1997384 w 3006528"/>
                <a:gd name="connsiteY15" fmla="*/ 1489188 h 1774029"/>
                <a:gd name="connsiteX16" fmla="*/ 1528828 w 3006528"/>
                <a:gd name="connsiteY16" fmla="*/ 1591025 h 1774029"/>
                <a:gd name="connsiteX17" fmla="*/ 1167163 w 3006528"/>
                <a:gd name="connsiteY17" fmla="*/ 1595229 h 1774029"/>
                <a:gd name="connsiteX18" fmla="*/ 592203 w 3006528"/>
                <a:gd name="connsiteY18" fmla="*/ 1707347 h 1774029"/>
                <a:gd name="connsiteX19" fmla="*/ 4671 w 3006528"/>
                <a:gd name="connsiteY19" fmla="*/ 1774029 h 1774029"/>
                <a:gd name="connsiteX20" fmla="*/ 0 w 3006528"/>
                <a:gd name="connsiteY20" fmla="*/ 1555691 h 1774029"/>
                <a:gd name="connsiteX0" fmla="*/ 0 w 3006528"/>
                <a:gd name="connsiteY0" fmla="*/ 1555691 h 1774029"/>
                <a:gd name="connsiteX1" fmla="*/ 574801 w 3006528"/>
                <a:gd name="connsiteY1" fmla="*/ 1495489 h 1774029"/>
                <a:gd name="connsiteX2" fmla="*/ 1145239 w 3006528"/>
                <a:gd name="connsiteY2" fmla="*/ 1378166 h 1774029"/>
                <a:gd name="connsiteX3" fmla="*/ 1551944 w 3006528"/>
                <a:gd name="connsiteY3" fmla="*/ 848754 h 1774029"/>
                <a:gd name="connsiteX4" fmla="*/ 1725505 w 3006528"/>
                <a:gd name="connsiteY4" fmla="*/ 457592 h 1774029"/>
                <a:gd name="connsiteX5" fmla="*/ 1862898 w 3006528"/>
                <a:gd name="connsiteY5" fmla="*/ 4860 h 1774029"/>
                <a:gd name="connsiteX6" fmla="*/ 2054360 w 3006528"/>
                <a:gd name="connsiteY6" fmla="*/ 0 h 1774029"/>
                <a:gd name="connsiteX7" fmla="*/ 1899503 w 3006528"/>
                <a:gd name="connsiteY7" fmla="*/ 535647 h 1774029"/>
                <a:gd name="connsiteX8" fmla="*/ 1684710 w 3006528"/>
                <a:gd name="connsiteY8" fmla="*/ 980698 h 1774029"/>
                <a:gd name="connsiteX9" fmla="*/ 1446028 w 3006528"/>
                <a:gd name="connsiteY9" fmla="*/ 1421749 h 1774029"/>
                <a:gd name="connsiteX10" fmla="*/ 2056608 w 3006528"/>
                <a:gd name="connsiteY10" fmla="*/ 1296286 h 1774029"/>
                <a:gd name="connsiteX11" fmla="*/ 2628145 w 3006528"/>
                <a:gd name="connsiteY11" fmla="*/ 1331498 h 1774029"/>
                <a:gd name="connsiteX12" fmla="*/ 3006528 w 3006528"/>
                <a:gd name="connsiteY12" fmla="*/ 1409968 h 1774029"/>
                <a:gd name="connsiteX13" fmla="*/ 3003107 w 3006528"/>
                <a:gd name="connsiteY13" fmla="*/ 1567095 h 1774029"/>
                <a:gd name="connsiteX14" fmla="*/ 2491793 w 3006528"/>
                <a:gd name="connsiteY14" fmla="*/ 1484827 h 1774029"/>
                <a:gd name="connsiteX15" fmla="*/ 1997384 w 3006528"/>
                <a:gd name="connsiteY15" fmla="*/ 1489188 h 1774029"/>
                <a:gd name="connsiteX16" fmla="*/ 1528828 w 3006528"/>
                <a:gd name="connsiteY16" fmla="*/ 1591025 h 1774029"/>
                <a:gd name="connsiteX17" fmla="*/ 1167163 w 3006528"/>
                <a:gd name="connsiteY17" fmla="*/ 1595229 h 1774029"/>
                <a:gd name="connsiteX18" fmla="*/ 592203 w 3006528"/>
                <a:gd name="connsiteY18" fmla="*/ 1707347 h 1774029"/>
                <a:gd name="connsiteX19" fmla="*/ 4671 w 3006528"/>
                <a:gd name="connsiteY19" fmla="*/ 1774029 h 1774029"/>
                <a:gd name="connsiteX20" fmla="*/ 0 w 3006528"/>
                <a:gd name="connsiteY20" fmla="*/ 1555691 h 1774029"/>
                <a:gd name="connsiteX0" fmla="*/ 0 w 3051206"/>
                <a:gd name="connsiteY0" fmla="*/ 1561648 h 1774029"/>
                <a:gd name="connsiteX1" fmla="*/ 619479 w 3051206"/>
                <a:gd name="connsiteY1" fmla="*/ 1495489 h 1774029"/>
                <a:gd name="connsiteX2" fmla="*/ 1189917 w 3051206"/>
                <a:gd name="connsiteY2" fmla="*/ 1378166 h 1774029"/>
                <a:gd name="connsiteX3" fmla="*/ 1596622 w 3051206"/>
                <a:gd name="connsiteY3" fmla="*/ 848754 h 1774029"/>
                <a:gd name="connsiteX4" fmla="*/ 1770183 w 3051206"/>
                <a:gd name="connsiteY4" fmla="*/ 457592 h 1774029"/>
                <a:gd name="connsiteX5" fmla="*/ 1907576 w 3051206"/>
                <a:gd name="connsiteY5" fmla="*/ 4860 h 1774029"/>
                <a:gd name="connsiteX6" fmla="*/ 2099038 w 3051206"/>
                <a:gd name="connsiteY6" fmla="*/ 0 h 1774029"/>
                <a:gd name="connsiteX7" fmla="*/ 1944181 w 3051206"/>
                <a:gd name="connsiteY7" fmla="*/ 535647 h 1774029"/>
                <a:gd name="connsiteX8" fmla="*/ 1729388 w 3051206"/>
                <a:gd name="connsiteY8" fmla="*/ 980698 h 1774029"/>
                <a:gd name="connsiteX9" fmla="*/ 1490706 w 3051206"/>
                <a:gd name="connsiteY9" fmla="*/ 1421749 h 1774029"/>
                <a:gd name="connsiteX10" fmla="*/ 2101286 w 3051206"/>
                <a:gd name="connsiteY10" fmla="*/ 1296286 h 1774029"/>
                <a:gd name="connsiteX11" fmla="*/ 2672823 w 3051206"/>
                <a:gd name="connsiteY11" fmla="*/ 1331498 h 1774029"/>
                <a:gd name="connsiteX12" fmla="*/ 3051206 w 3051206"/>
                <a:gd name="connsiteY12" fmla="*/ 1409968 h 1774029"/>
                <a:gd name="connsiteX13" fmla="*/ 3047785 w 3051206"/>
                <a:gd name="connsiteY13" fmla="*/ 1567095 h 1774029"/>
                <a:gd name="connsiteX14" fmla="*/ 2536471 w 3051206"/>
                <a:gd name="connsiteY14" fmla="*/ 1484827 h 1774029"/>
                <a:gd name="connsiteX15" fmla="*/ 2042062 w 3051206"/>
                <a:gd name="connsiteY15" fmla="*/ 1489188 h 1774029"/>
                <a:gd name="connsiteX16" fmla="*/ 1573506 w 3051206"/>
                <a:gd name="connsiteY16" fmla="*/ 1591025 h 1774029"/>
                <a:gd name="connsiteX17" fmla="*/ 1211841 w 3051206"/>
                <a:gd name="connsiteY17" fmla="*/ 1595229 h 1774029"/>
                <a:gd name="connsiteX18" fmla="*/ 636881 w 3051206"/>
                <a:gd name="connsiteY18" fmla="*/ 1707347 h 1774029"/>
                <a:gd name="connsiteX19" fmla="*/ 49349 w 3051206"/>
                <a:gd name="connsiteY19" fmla="*/ 1774029 h 1774029"/>
                <a:gd name="connsiteX20" fmla="*/ 0 w 3051206"/>
                <a:gd name="connsiteY20" fmla="*/ 1561648 h 1774029"/>
                <a:gd name="connsiteX0" fmla="*/ 0 w 3051206"/>
                <a:gd name="connsiteY0" fmla="*/ 1561648 h 1779986"/>
                <a:gd name="connsiteX1" fmla="*/ 619479 w 3051206"/>
                <a:gd name="connsiteY1" fmla="*/ 1495489 h 1779986"/>
                <a:gd name="connsiteX2" fmla="*/ 1189917 w 3051206"/>
                <a:gd name="connsiteY2" fmla="*/ 1378166 h 1779986"/>
                <a:gd name="connsiteX3" fmla="*/ 1596622 w 3051206"/>
                <a:gd name="connsiteY3" fmla="*/ 848754 h 1779986"/>
                <a:gd name="connsiteX4" fmla="*/ 1770183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61648 h 1779986"/>
                <a:gd name="connsiteX0" fmla="*/ 0 w 3051206"/>
                <a:gd name="connsiteY0" fmla="*/ 1561648 h 1779986"/>
                <a:gd name="connsiteX1" fmla="*/ 622458 w 3051206"/>
                <a:gd name="connsiteY1" fmla="*/ 1489532 h 1779986"/>
                <a:gd name="connsiteX2" fmla="*/ 1189917 w 3051206"/>
                <a:gd name="connsiteY2" fmla="*/ 1378166 h 1779986"/>
                <a:gd name="connsiteX3" fmla="*/ 1596622 w 3051206"/>
                <a:gd name="connsiteY3" fmla="*/ 848754 h 1779986"/>
                <a:gd name="connsiteX4" fmla="*/ 1770183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61648 h 1779986"/>
                <a:gd name="connsiteX0" fmla="*/ 0 w 3051206"/>
                <a:gd name="connsiteY0" fmla="*/ 1549734 h 1779986"/>
                <a:gd name="connsiteX1" fmla="*/ 622458 w 3051206"/>
                <a:gd name="connsiteY1" fmla="*/ 1489532 h 1779986"/>
                <a:gd name="connsiteX2" fmla="*/ 1189917 w 3051206"/>
                <a:gd name="connsiteY2" fmla="*/ 1378166 h 1779986"/>
                <a:gd name="connsiteX3" fmla="*/ 1596622 w 3051206"/>
                <a:gd name="connsiteY3" fmla="*/ 848754 h 1779986"/>
                <a:gd name="connsiteX4" fmla="*/ 1770183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49734 h 1779986"/>
                <a:gd name="connsiteX0" fmla="*/ 0 w 3051206"/>
                <a:gd name="connsiteY0" fmla="*/ 1558670 h 1779986"/>
                <a:gd name="connsiteX1" fmla="*/ 622458 w 3051206"/>
                <a:gd name="connsiteY1" fmla="*/ 1489532 h 1779986"/>
                <a:gd name="connsiteX2" fmla="*/ 1189917 w 3051206"/>
                <a:gd name="connsiteY2" fmla="*/ 1378166 h 1779986"/>
                <a:gd name="connsiteX3" fmla="*/ 1596622 w 3051206"/>
                <a:gd name="connsiteY3" fmla="*/ 848754 h 1779986"/>
                <a:gd name="connsiteX4" fmla="*/ 1770183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6622 w 3051206"/>
                <a:gd name="connsiteY3" fmla="*/ 848754 h 1779986"/>
                <a:gd name="connsiteX4" fmla="*/ 1770183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6622 w 3051206"/>
                <a:gd name="connsiteY3" fmla="*/ 848754 h 1779986"/>
                <a:gd name="connsiteX4" fmla="*/ 1761247 w 3051206"/>
                <a:gd name="connsiteY4" fmla="*/ 457592 h 1779986"/>
                <a:gd name="connsiteX5" fmla="*/ 1907576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6622 w 3051206"/>
                <a:gd name="connsiteY3" fmla="*/ 848754 h 1779986"/>
                <a:gd name="connsiteX4" fmla="*/ 1761247 w 3051206"/>
                <a:gd name="connsiteY4" fmla="*/ 457592 h 1779986"/>
                <a:gd name="connsiteX5" fmla="*/ 1898640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0665 w 3051206"/>
                <a:gd name="connsiteY3" fmla="*/ 848754 h 1779986"/>
                <a:gd name="connsiteX4" fmla="*/ 1761247 w 3051206"/>
                <a:gd name="connsiteY4" fmla="*/ 457592 h 1779986"/>
                <a:gd name="connsiteX5" fmla="*/ 1898640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6622 w 3051206"/>
                <a:gd name="connsiteY3" fmla="*/ 851732 h 1779986"/>
                <a:gd name="connsiteX4" fmla="*/ 1761247 w 3051206"/>
                <a:gd name="connsiteY4" fmla="*/ 457592 h 1779986"/>
                <a:gd name="connsiteX5" fmla="*/ 1898640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 name="connsiteX0" fmla="*/ 0 w 3051206"/>
                <a:gd name="connsiteY0" fmla="*/ 1558670 h 1779986"/>
                <a:gd name="connsiteX1" fmla="*/ 622458 w 3051206"/>
                <a:gd name="connsiteY1" fmla="*/ 1489532 h 1779986"/>
                <a:gd name="connsiteX2" fmla="*/ 1186938 w 3051206"/>
                <a:gd name="connsiteY2" fmla="*/ 1372209 h 1779986"/>
                <a:gd name="connsiteX3" fmla="*/ 1596622 w 3051206"/>
                <a:gd name="connsiteY3" fmla="*/ 851732 h 1779986"/>
                <a:gd name="connsiteX4" fmla="*/ 1761247 w 3051206"/>
                <a:gd name="connsiteY4" fmla="*/ 457592 h 1779986"/>
                <a:gd name="connsiteX5" fmla="*/ 1898640 w 3051206"/>
                <a:gd name="connsiteY5" fmla="*/ 4860 h 1779986"/>
                <a:gd name="connsiteX6" fmla="*/ 2099038 w 3051206"/>
                <a:gd name="connsiteY6" fmla="*/ 0 h 1779986"/>
                <a:gd name="connsiteX7" fmla="*/ 1944181 w 3051206"/>
                <a:gd name="connsiteY7" fmla="*/ 535647 h 1779986"/>
                <a:gd name="connsiteX8" fmla="*/ 1729388 w 3051206"/>
                <a:gd name="connsiteY8" fmla="*/ 980698 h 1779986"/>
                <a:gd name="connsiteX9" fmla="*/ 1490706 w 3051206"/>
                <a:gd name="connsiteY9" fmla="*/ 1421749 h 1779986"/>
                <a:gd name="connsiteX10" fmla="*/ 2101286 w 3051206"/>
                <a:gd name="connsiteY10" fmla="*/ 1296286 h 1779986"/>
                <a:gd name="connsiteX11" fmla="*/ 2672823 w 3051206"/>
                <a:gd name="connsiteY11" fmla="*/ 1331498 h 1779986"/>
                <a:gd name="connsiteX12" fmla="*/ 3051206 w 3051206"/>
                <a:gd name="connsiteY12" fmla="*/ 1409968 h 1779986"/>
                <a:gd name="connsiteX13" fmla="*/ 3047785 w 3051206"/>
                <a:gd name="connsiteY13" fmla="*/ 1567095 h 1779986"/>
                <a:gd name="connsiteX14" fmla="*/ 2536471 w 3051206"/>
                <a:gd name="connsiteY14" fmla="*/ 1484827 h 1779986"/>
                <a:gd name="connsiteX15" fmla="*/ 2042062 w 3051206"/>
                <a:gd name="connsiteY15" fmla="*/ 1489188 h 1779986"/>
                <a:gd name="connsiteX16" fmla="*/ 1573506 w 3051206"/>
                <a:gd name="connsiteY16" fmla="*/ 1591025 h 1779986"/>
                <a:gd name="connsiteX17" fmla="*/ 1211841 w 3051206"/>
                <a:gd name="connsiteY17" fmla="*/ 1595229 h 1779986"/>
                <a:gd name="connsiteX18" fmla="*/ 636881 w 3051206"/>
                <a:gd name="connsiteY18" fmla="*/ 1707347 h 1779986"/>
                <a:gd name="connsiteX19" fmla="*/ 1693 w 3051206"/>
                <a:gd name="connsiteY19" fmla="*/ 1779986 h 1779986"/>
                <a:gd name="connsiteX20" fmla="*/ 0 w 3051206"/>
                <a:gd name="connsiteY20" fmla="*/ 1558670 h 17799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051206" h="1779986">
                  <a:moveTo>
                    <a:pt x="0" y="1558670"/>
                  </a:moveTo>
                  <a:cubicBezTo>
                    <a:pt x="94061" y="1505310"/>
                    <a:pt x="425158" y="1515853"/>
                    <a:pt x="622458" y="1489532"/>
                  </a:cubicBezTo>
                  <a:cubicBezTo>
                    <a:pt x="819758" y="1463211"/>
                    <a:pt x="1077554" y="1426287"/>
                    <a:pt x="1186938" y="1372209"/>
                  </a:cubicBezTo>
                  <a:cubicBezTo>
                    <a:pt x="1315177" y="1322118"/>
                    <a:pt x="1474360" y="1075416"/>
                    <a:pt x="1596622" y="851732"/>
                  </a:cubicBezTo>
                  <a:cubicBezTo>
                    <a:pt x="1693715" y="693187"/>
                    <a:pt x="1710857" y="589099"/>
                    <a:pt x="1761247" y="457592"/>
                  </a:cubicBezTo>
                  <a:cubicBezTo>
                    <a:pt x="1811637" y="326085"/>
                    <a:pt x="1848618" y="81029"/>
                    <a:pt x="1898640" y="4860"/>
                  </a:cubicBezTo>
                  <a:lnTo>
                    <a:pt x="2099038" y="0"/>
                  </a:lnTo>
                  <a:cubicBezTo>
                    <a:pt x="2106412" y="82346"/>
                    <a:pt x="2001946" y="379560"/>
                    <a:pt x="1944181" y="535647"/>
                  </a:cubicBezTo>
                  <a:cubicBezTo>
                    <a:pt x="1886417" y="691734"/>
                    <a:pt x="1800672" y="833215"/>
                    <a:pt x="1729388" y="980698"/>
                  </a:cubicBezTo>
                  <a:cubicBezTo>
                    <a:pt x="1658104" y="1128182"/>
                    <a:pt x="1459120" y="1346778"/>
                    <a:pt x="1490706" y="1421749"/>
                  </a:cubicBezTo>
                  <a:cubicBezTo>
                    <a:pt x="1660312" y="1421750"/>
                    <a:pt x="1931680" y="1296285"/>
                    <a:pt x="2101286" y="1296286"/>
                  </a:cubicBezTo>
                  <a:cubicBezTo>
                    <a:pt x="2295473" y="1313492"/>
                    <a:pt x="2478636" y="1314292"/>
                    <a:pt x="2672823" y="1331498"/>
                  </a:cubicBezTo>
                  <a:lnTo>
                    <a:pt x="3051206" y="1409968"/>
                  </a:lnTo>
                  <a:cubicBezTo>
                    <a:pt x="3050066" y="1459384"/>
                    <a:pt x="3048925" y="1517679"/>
                    <a:pt x="3047785" y="1567095"/>
                  </a:cubicBezTo>
                  <a:cubicBezTo>
                    <a:pt x="2959371" y="1586248"/>
                    <a:pt x="2699856" y="1496399"/>
                    <a:pt x="2536471" y="1484827"/>
                  </a:cubicBezTo>
                  <a:cubicBezTo>
                    <a:pt x="2373086" y="1473255"/>
                    <a:pt x="2201836" y="1474440"/>
                    <a:pt x="2042062" y="1489188"/>
                  </a:cubicBezTo>
                  <a:cubicBezTo>
                    <a:pt x="1827825" y="1505393"/>
                    <a:pt x="1709929" y="1573819"/>
                    <a:pt x="1573506" y="1591025"/>
                  </a:cubicBezTo>
                  <a:cubicBezTo>
                    <a:pt x="1419938" y="1591086"/>
                    <a:pt x="1402280" y="1546130"/>
                    <a:pt x="1211841" y="1595229"/>
                  </a:cubicBezTo>
                  <a:cubicBezTo>
                    <a:pt x="1007822" y="1629642"/>
                    <a:pt x="840900" y="1672934"/>
                    <a:pt x="636881" y="1707347"/>
                  </a:cubicBezTo>
                  <a:lnTo>
                    <a:pt x="1693" y="1779986"/>
                  </a:lnTo>
                  <a:cubicBezTo>
                    <a:pt x="187" y="1707443"/>
                    <a:pt x="1506" y="1631213"/>
                    <a:pt x="0" y="1558670"/>
                  </a:cubicBezTo>
                  <a:close/>
                </a:path>
              </a:pathLst>
            </a:custGeom>
            <a:solidFill>
              <a:srgbClr val="FFD581"/>
            </a:solidFill>
            <a:ln w="9525">
              <a:solidFill>
                <a:srgbClr val="74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Rektangel 24">
              <a:extLst>
                <a:ext uri="{FF2B5EF4-FFF2-40B4-BE49-F238E27FC236}">
                  <a16:creationId xmlns:a16="http://schemas.microsoft.com/office/drawing/2014/main" id="{909094C9-5D7B-4478-B888-F4272DC670E9}"/>
                </a:ext>
              </a:extLst>
            </p:cNvPr>
            <p:cNvSpPr/>
            <p:nvPr/>
          </p:nvSpPr>
          <p:spPr>
            <a:xfrm>
              <a:off x="1100142" y="1007515"/>
              <a:ext cx="2089966" cy="1767496"/>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59025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84415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88690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75412 w 3012152"/>
                <a:gd name="connsiteY9" fmla="*/ 1393722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334731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48582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19085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76949 w 3019537"/>
                <a:gd name="connsiteY7" fmla="*/ 486699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18235 w 3019537"/>
                <a:gd name="connsiteY6" fmla="*/ 332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18235 w 3019537"/>
                <a:gd name="connsiteY6" fmla="*/ 332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04790"/>
                <a:gd name="connsiteY0" fmla="*/ 1551652 h 1713883"/>
                <a:gd name="connsiteX1" fmla="*/ 579136 w 3004790"/>
                <a:gd name="connsiteY1" fmla="*/ 1489588 h 1713883"/>
                <a:gd name="connsiteX2" fmla="*/ 1161777 w 3004790"/>
                <a:gd name="connsiteY2" fmla="*/ 1364226 h 1713883"/>
                <a:gd name="connsiteX3" fmla="*/ 1589470 w 3004790"/>
                <a:gd name="connsiteY3" fmla="*/ 796414 h 1713883"/>
                <a:gd name="connsiteX4" fmla="*/ 1751703 w 3004790"/>
                <a:gd name="connsiteY4" fmla="*/ 412958 h 1713883"/>
                <a:gd name="connsiteX5" fmla="*/ 1884425 w 3004790"/>
                <a:gd name="connsiteY5" fmla="*/ 0 h 1713883"/>
                <a:gd name="connsiteX6" fmla="*/ 2018235 w 3004790"/>
                <a:gd name="connsiteY6" fmla="*/ 3320 h 1713883"/>
                <a:gd name="connsiteX7" fmla="*/ 1876949 w 3004790"/>
                <a:gd name="connsiteY7" fmla="*/ 479326 h 1713883"/>
                <a:gd name="connsiteX8" fmla="*/ 1685220 w 3004790"/>
                <a:gd name="connsiteY8" fmla="*/ 899653 h 1713883"/>
                <a:gd name="connsiteX9" fmla="*/ 1397568 w 3004790"/>
                <a:gd name="connsiteY9" fmla="*/ 1415846 h 1713883"/>
                <a:gd name="connsiteX10" fmla="*/ 2068735 w 3004790"/>
                <a:gd name="connsiteY10" fmla="*/ 1297861 h 1713883"/>
                <a:gd name="connsiteX11" fmla="*/ 2636525 w 3004790"/>
                <a:gd name="connsiteY11" fmla="*/ 1327358 h 1713883"/>
                <a:gd name="connsiteX12" fmla="*/ 3002365 w 3004790"/>
                <a:gd name="connsiteY12" fmla="*/ 1405827 h 1713883"/>
                <a:gd name="connsiteX13" fmla="*/ 3004790 w 3004790"/>
                <a:gd name="connsiteY13" fmla="*/ 1507405 h 1713883"/>
                <a:gd name="connsiteX14" fmla="*/ 2533309 w 3004790"/>
                <a:gd name="connsiteY14" fmla="*/ 1430596 h 1713883"/>
                <a:gd name="connsiteX15" fmla="*/ 2024479 w 3004790"/>
                <a:gd name="connsiteY15" fmla="*/ 1430597 h 1713883"/>
                <a:gd name="connsiteX16" fmla="*/ 1545179 w 3004790"/>
                <a:gd name="connsiteY16" fmla="*/ 1533835 h 1713883"/>
                <a:gd name="connsiteX17" fmla="*/ 1198557 w 3004790"/>
                <a:gd name="connsiteY17" fmla="*/ 1526459 h 1713883"/>
                <a:gd name="connsiteX18" fmla="*/ 586499 w 3004790"/>
                <a:gd name="connsiteY18" fmla="*/ 1644446 h 1713883"/>
                <a:gd name="connsiteX19" fmla="*/ 0 w 3004790"/>
                <a:gd name="connsiteY19" fmla="*/ 1713883 h 1713883"/>
                <a:gd name="connsiteX20" fmla="*/ 10 w 3004790"/>
                <a:gd name="connsiteY20"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2068735 w 3002423"/>
                <a:gd name="connsiteY10" fmla="*/ 1297861 h 1713883"/>
                <a:gd name="connsiteX11" fmla="*/ 2636525 w 3002423"/>
                <a:gd name="connsiteY11" fmla="*/ 1327358 h 1713883"/>
                <a:gd name="connsiteX12" fmla="*/ 3002365 w 3002423"/>
                <a:gd name="connsiteY12" fmla="*/ 1405827 h 1713883"/>
                <a:gd name="connsiteX13" fmla="*/ 2996204 w 3002423"/>
                <a:gd name="connsiteY13" fmla="*/ 1504547 h 1713883"/>
                <a:gd name="connsiteX14" fmla="*/ 2533309 w 3002423"/>
                <a:gd name="connsiteY14" fmla="*/ 1430596 h 1713883"/>
                <a:gd name="connsiteX15" fmla="*/ 2024479 w 3002423"/>
                <a:gd name="connsiteY15" fmla="*/ 1430597 h 1713883"/>
                <a:gd name="connsiteX16" fmla="*/ 1545179 w 3002423"/>
                <a:gd name="connsiteY16" fmla="*/ 1533835 h 1713883"/>
                <a:gd name="connsiteX17" fmla="*/ 1198557 w 3002423"/>
                <a:gd name="connsiteY17" fmla="*/ 1526459 h 1713883"/>
                <a:gd name="connsiteX18" fmla="*/ 586499 w 3002423"/>
                <a:gd name="connsiteY18" fmla="*/ 1644446 h 1713883"/>
                <a:gd name="connsiteX19" fmla="*/ 0 w 3002423"/>
                <a:gd name="connsiteY19" fmla="*/ 1713883 h 1713883"/>
                <a:gd name="connsiteX20" fmla="*/ 10 w 3002423"/>
                <a:gd name="connsiteY20"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23730 w 3002423"/>
                <a:gd name="connsiteY10" fmla="*/ 1381834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2996204"/>
                <a:gd name="connsiteY0" fmla="*/ 1551652 h 1713883"/>
                <a:gd name="connsiteX1" fmla="*/ 579136 w 2996204"/>
                <a:gd name="connsiteY1" fmla="*/ 1489588 h 1713883"/>
                <a:gd name="connsiteX2" fmla="*/ 1161777 w 2996204"/>
                <a:gd name="connsiteY2" fmla="*/ 1364226 h 1713883"/>
                <a:gd name="connsiteX3" fmla="*/ 1589470 w 2996204"/>
                <a:gd name="connsiteY3" fmla="*/ 796414 h 1713883"/>
                <a:gd name="connsiteX4" fmla="*/ 1751703 w 2996204"/>
                <a:gd name="connsiteY4" fmla="*/ 412958 h 1713883"/>
                <a:gd name="connsiteX5" fmla="*/ 1884425 w 2996204"/>
                <a:gd name="connsiteY5" fmla="*/ 0 h 1713883"/>
                <a:gd name="connsiteX6" fmla="*/ 2018235 w 2996204"/>
                <a:gd name="connsiteY6" fmla="*/ 3320 h 1713883"/>
                <a:gd name="connsiteX7" fmla="*/ 1876949 w 2996204"/>
                <a:gd name="connsiteY7" fmla="*/ 479326 h 1713883"/>
                <a:gd name="connsiteX8" fmla="*/ 1685220 w 2996204"/>
                <a:gd name="connsiteY8" fmla="*/ 899653 h 1713883"/>
                <a:gd name="connsiteX9" fmla="*/ 1397568 w 2996204"/>
                <a:gd name="connsiteY9" fmla="*/ 1415846 h 1713883"/>
                <a:gd name="connsiteX10" fmla="*/ 1618007 w 2996204"/>
                <a:gd name="connsiteY10" fmla="*/ 1390406 h 1713883"/>
                <a:gd name="connsiteX11" fmla="*/ 2068735 w 2996204"/>
                <a:gd name="connsiteY11" fmla="*/ 1297861 h 1713883"/>
                <a:gd name="connsiteX12" fmla="*/ 2636525 w 2996204"/>
                <a:gd name="connsiteY12" fmla="*/ 1327358 h 1713883"/>
                <a:gd name="connsiteX13" fmla="*/ 2996204 w 2996204"/>
                <a:gd name="connsiteY13" fmla="*/ 1504547 h 1713883"/>
                <a:gd name="connsiteX14" fmla="*/ 2533309 w 2996204"/>
                <a:gd name="connsiteY14" fmla="*/ 1430596 h 1713883"/>
                <a:gd name="connsiteX15" fmla="*/ 2024479 w 2996204"/>
                <a:gd name="connsiteY15" fmla="*/ 1430597 h 1713883"/>
                <a:gd name="connsiteX16" fmla="*/ 1638040 w 2996204"/>
                <a:gd name="connsiteY16" fmla="*/ 1510086 h 1713883"/>
                <a:gd name="connsiteX17" fmla="*/ 1545179 w 2996204"/>
                <a:gd name="connsiteY17" fmla="*/ 1533835 h 1713883"/>
                <a:gd name="connsiteX18" fmla="*/ 1198557 w 2996204"/>
                <a:gd name="connsiteY18" fmla="*/ 1526459 h 1713883"/>
                <a:gd name="connsiteX19" fmla="*/ 586499 w 2996204"/>
                <a:gd name="connsiteY19" fmla="*/ 1644446 h 1713883"/>
                <a:gd name="connsiteX20" fmla="*/ 0 w 2996204"/>
                <a:gd name="connsiteY20" fmla="*/ 1713883 h 1713883"/>
                <a:gd name="connsiteX21" fmla="*/ 10 w 2996204"/>
                <a:gd name="connsiteY21" fmla="*/ 1551652 h 1713883"/>
                <a:gd name="connsiteX0" fmla="*/ 10 w 2636525"/>
                <a:gd name="connsiteY0" fmla="*/ 1551652 h 1713883"/>
                <a:gd name="connsiteX1" fmla="*/ 579136 w 2636525"/>
                <a:gd name="connsiteY1" fmla="*/ 1489588 h 1713883"/>
                <a:gd name="connsiteX2" fmla="*/ 1161777 w 2636525"/>
                <a:gd name="connsiteY2" fmla="*/ 1364226 h 1713883"/>
                <a:gd name="connsiteX3" fmla="*/ 1589470 w 2636525"/>
                <a:gd name="connsiteY3" fmla="*/ 796414 h 1713883"/>
                <a:gd name="connsiteX4" fmla="*/ 1751703 w 2636525"/>
                <a:gd name="connsiteY4" fmla="*/ 412958 h 1713883"/>
                <a:gd name="connsiteX5" fmla="*/ 1884425 w 2636525"/>
                <a:gd name="connsiteY5" fmla="*/ 0 h 1713883"/>
                <a:gd name="connsiteX6" fmla="*/ 2018235 w 2636525"/>
                <a:gd name="connsiteY6" fmla="*/ 3320 h 1713883"/>
                <a:gd name="connsiteX7" fmla="*/ 1876949 w 2636525"/>
                <a:gd name="connsiteY7" fmla="*/ 479326 h 1713883"/>
                <a:gd name="connsiteX8" fmla="*/ 1685220 w 2636525"/>
                <a:gd name="connsiteY8" fmla="*/ 899653 h 1713883"/>
                <a:gd name="connsiteX9" fmla="*/ 1397568 w 2636525"/>
                <a:gd name="connsiteY9" fmla="*/ 1415846 h 1713883"/>
                <a:gd name="connsiteX10" fmla="*/ 1618007 w 2636525"/>
                <a:gd name="connsiteY10" fmla="*/ 1390406 h 1713883"/>
                <a:gd name="connsiteX11" fmla="*/ 2068735 w 2636525"/>
                <a:gd name="connsiteY11" fmla="*/ 1297861 h 1713883"/>
                <a:gd name="connsiteX12" fmla="*/ 2636525 w 2636525"/>
                <a:gd name="connsiteY12" fmla="*/ 1327358 h 1713883"/>
                <a:gd name="connsiteX13" fmla="*/ 2533309 w 2636525"/>
                <a:gd name="connsiteY13" fmla="*/ 1430596 h 1713883"/>
                <a:gd name="connsiteX14" fmla="*/ 2024479 w 2636525"/>
                <a:gd name="connsiteY14" fmla="*/ 1430597 h 1713883"/>
                <a:gd name="connsiteX15" fmla="*/ 1638040 w 2636525"/>
                <a:gd name="connsiteY15" fmla="*/ 1510086 h 1713883"/>
                <a:gd name="connsiteX16" fmla="*/ 1545179 w 2636525"/>
                <a:gd name="connsiteY16" fmla="*/ 1533835 h 1713883"/>
                <a:gd name="connsiteX17" fmla="*/ 1198557 w 2636525"/>
                <a:gd name="connsiteY17" fmla="*/ 1526459 h 1713883"/>
                <a:gd name="connsiteX18" fmla="*/ 586499 w 2636525"/>
                <a:gd name="connsiteY18" fmla="*/ 1644446 h 1713883"/>
                <a:gd name="connsiteX19" fmla="*/ 0 w 2636525"/>
                <a:gd name="connsiteY19" fmla="*/ 1713883 h 1713883"/>
                <a:gd name="connsiteX20" fmla="*/ 10 w 2636525"/>
                <a:gd name="connsiteY20" fmla="*/ 1551652 h 1713883"/>
                <a:gd name="connsiteX0" fmla="*/ 10 w 2533434"/>
                <a:gd name="connsiteY0" fmla="*/ 1551652 h 1713883"/>
                <a:gd name="connsiteX1" fmla="*/ 579136 w 2533434"/>
                <a:gd name="connsiteY1" fmla="*/ 1489588 h 1713883"/>
                <a:gd name="connsiteX2" fmla="*/ 1161777 w 2533434"/>
                <a:gd name="connsiteY2" fmla="*/ 1364226 h 1713883"/>
                <a:gd name="connsiteX3" fmla="*/ 1589470 w 2533434"/>
                <a:gd name="connsiteY3" fmla="*/ 796414 h 1713883"/>
                <a:gd name="connsiteX4" fmla="*/ 1751703 w 2533434"/>
                <a:gd name="connsiteY4" fmla="*/ 412958 h 1713883"/>
                <a:gd name="connsiteX5" fmla="*/ 1884425 w 2533434"/>
                <a:gd name="connsiteY5" fmla="*/ 0 h 1713883"/>
                <a:gd name="connsiteX6" fmla="*/ 2018235 w 2533434"/>
                <a:gd name="connsiteY6" fmla="*/ 3320 h 1713883"/>
                <a:gd name="connsiteX7" fmla="*/ 1876949 w 2533434"/>
                <a:gd name="connsiteY7" fmla="*/ 479326 h 1713883"/>
                <a:gd name="connsiteX8" fmla="*/ 1685220 w 2533434"/>
                <a:gd name="connsiteY8" fmla="*/ 899653 h 1713883"/>
                <a:gd name="connsiteX9" fmla="*/ 1397568 w 2533434"/>
                <a:gd name="connsiteY9" fmla="*/ 1415846 h 1713883"/>
                <a:gd name="connsiteX10" fmla="*/ 1618007 w 2533434"/>
                <a:gd name="connsiteY10" fmla="*/ 1390406 h 1713883"/>
                <a:gd name="connsiteX11" fmla="*/ 2068735 w 2533434"/>
                <a:gd name="connsiteY11" fmla="*/ 1297861 h 1713883"/>
                <a:gd name="connsiteX12" fmla="*/ 2533309 w 2533434"/>
                <a:gd name="connsiteY12" fmla="*/ 1430596 h 1713883"/>
                <a:gd name="connsiteX13" fmla="*/ 2024479 w 2533434"/>
                <a:gd name="connsiteY13" fmla="*/ 1430597 h 1713883"/>
                <a:gd name="connsiteX14" fmla="*/ 1638040 w 2533434"/>
                <a:gd name="connsiteY14" fmla="*/ 1510086 h 1713883"/>
                <a:gd name="connsiteX15" fmla="*/ 1545179 w 2533434"/>
                <a:gd name="connsiteY15" fmla="*/ 1533835 h 1713883"/>
                <a:gd name="connsiteX16" fmla="*/ 1198557 w 2533434"/>
                <a:gd name="connsiteY16" fmla="*/ 1526459 h 1713883"/>
                <a:gd name="connsiteX17" fmla="*/ 586499 w 2533434"/>
                <a:gd name="connsiteY17" fmla="*/ 1644446 h 1713883"/>
                <a:gd name="connsiteX18" fmla="*/ 0 w 2533434"/>
                <a:gd name="connsiteY18" fmla="*/ 1713883 h 1713883"/>
                <a:gd name="connsiteX19" fmla="*/ 10 w 2533434"/>
                <a:gd name="connsiteY19" fmla="*/ 1551652 h 1713883"/>
                <a:gd name="connsiteX0" fmla="*/ 10 w 2103487"/>
                <a:gd name="connsiteY0" fmla="*/ 1551652 h 1713883"/>
                <a:gd name="connsiteX1" fmla="*/ 579136 w 2103487"/>
                <a:gd name="connsiteY1" fmla="*/ 1489588 h 1713883"/>
                <a:gd name="connsiteX2" fmla="*/ 1161777 w 2103487"/>
                <a:gd name="connsiteY2" fmla="*/ 1364226 h 1713883"/>
                <a:gd name="connsiteX3" fmla="*/ 1589470 w 2103487"/>
                <a:gd name="connsiteY3" fmla="*/ 796414 h 1713883"/>
                <a:gd name="connsiteX4" fmla="*/ 1751703 w 2103487"/>
                <a:gd name="connsiteY4" fmla="*/ 412958 h 1713883"/>
                <a:gd name="connsiteX5" fmla="*/ 1884425 w 2103487"/>
                <a:gd name="connsiteY5" fmla="*/ 0 h 1713883"/>
                <a:gd name="connsiteX6" fmla="*/ 2018235 w 2103487"/>
                <a:gd name="connsiteY6" fmla="*/ 3320 h 1713883"/>
                <a:gd name="connsiteX7" fmla="*/ 1876949 w 2103487"/>
                <a:gd name="connsiteY7" fmla="*/ 479326 h 1713883"/>
                <a:gd name="connsiteX8" fmla="*/ 1685220 w 2103487"/>
                <a:gd name="connsiteY8" fmla="*/ 899653 h 1713883"/>
                <a:gd name="connsiteX9" fmla="*/ 1397568 w 2103487"/>
                <a:gd name="connsiteY9" fmla="*/ 1415846 h 1713883"/>
                <a:gd name="connsiteX10" fmla="*/ 1618007 w 2103487"/>
                <a:gd name="connsiteY10" fmla="*/ 1390406 h 1713883"/>
                <a:gd name="connsiteX11" fmla="*/ 2068735 w 2103487"/>
                <a:gd name="connsiteY11" fmla="*/ 1297861 h 1713883"/>
                <a:gd name="connsiteX12" fmla="*/ 2024479 w 2103487"/>
                <a:gd name="connsiteY12" fmla="*/ 1430597 h 1713883"/>
                <a:gd name="connsiteX13" fmla="*/ 1638040 w 2103487"/>
                <a:gd name="connsiteY13" fmla="*/ 1510086 h 1713883"/>
                <a:gd name="connsiteX14" fmla="*/ 1545179 w 2103487"/>
                <a:gd name="connsiteY14" fmla="*/ 1533835 h 1713883"/>
                <a:gd name="connsiteX15" fmla="*/ 1198557 w 2103487"/>
                <a:gd name="connsiteY15" fmla="*/ 1526459 h 1713883"/>
                <a:gd name="connsiteX16" fmla="*/ 586499 w 2103487"/>
                <a:gd name="connsiteY16" fmla="*/ 1644446 h 1713883"/>
                <a:gd name="connsiteX17" fmla="*/ 0 w 2103487"/>
                <a:gd name="connsiteY17" fmla="*/ 1713883 h 1713883"/>
                <a:gd name="connsiteX18" fmla="*/ 10 w 2103487"/>
                <a:gd name="connsiteY18" fmla="*/ 1551652 h 1713883"/>
                <a:gd name="connsiteX0" fmla="*/ 10 w 2024505"/>
                <a:gd name="connsiteY0" fmla="*/ 1551652 h 1713883"/>
                <a:gd name="connsiteX1" fmla="*/ 579136 w 2024505"/>
                <a:gd name="connsiteY1" fmla="*/ 1489588 h 1713883"/>
                <a:gd name="connsiteX2" fmla="*/ 1161777 w 2024505"/>
                <a:gd name="connsiteY2" fmla="*/ 1364226 h 1713883"/>
                <a:gd name="connsiteX3" fmla="*/ 1589470 w 2024505"/>
                <a:gd name="connsiteY3" fmla="*/ 796414 h 1713883"/>
                <a:gd name="connsiteX4" fmla="*/ 1751703 w 2024505"/>
                <a:gd name="connsiteY4" fmla="*/ 412958 h 1713883"/>
                <a:gd name="connsiteX5" fmla="*/ 1884425 w 2024505"/>
                <a:gd name="connsiteY5" fmla="*/ 0 h 1713883"/>
                <a:gd name="connsiteX6" fmla="*/ 2018235 w 2024505"/>
                <a:gd name="connsiteY6" fmla="*/ 3320 h 1713883"/>
                <a:gd name="connsiteX7" fmla="*/ 1876949 w 2024505"/>
                <a:gd name="connsiteY7" fmla="*/ 479326 h 1713883"/>
                <a:gd name="connsiteX8" fmla="*/ 1685220 w 2024505"/>
                <a:gd name="connsiteY8" fmla="*/ 899653 h 1713883"/>
                <a:gd name="connsiteX9" fmla="*/ 1397568 w 2024505"/>
                <a:gd name="connsiteY9" fmla="*/ 1415846 h 1713883"/>
                <a:gd name="connsiteX10" fmla="*/ 1618007 w 2024505"/>
                <a:gd name="connsiteY10" fmla="*/ 1390406 h 1713883"/>
                <a:gd name="connsiteX11" fmla="*/ 2024479 w 2024505"/>
                <a:gd name="connsiteY11" fmla="*/ 1430597 h 1713883"/>
                <a:gd name="connsiteX12" fmla="*/ 1638040 w 2024505"/>
                <a:gd name="connsiteY12" fmla="*/ 1510086 h 1713883"/>
                <a:gd name="connsiteX13" fmla="*/ 1545179 w 2024505"/>
                <a:gd name="connsiteY13" fmla="*/ 1533835 h 1713883"/>
                <a:gd name="connsiteX14" fmla="*/ 1198557 w 2024505"/>
                <a:gd name="connsiteY14" fmla="*/ 1526459 h 1713883"/>
                <a:gd name="connsiteX15" fmla="*/ 586499 w 2024505"/>
                <a:gd name="connsiteY15" fmla="*/ 1644446 h 1713883"/>
                <a:gd name="connsiteX16" fmla="*/ 0 w 2024505"/>
                <a:gd name="connsiteY16" fmla="*/ 1713883 h 1713883"/>
                <a:gd name="connsiteX17" fmla="*/ 10 w 2024505"/>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26592 w 2018657"/>
                <a:gd name="connsiteY11" fmla="*/ 149865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26592 w 2018657"/>
                <a:gd name="connsiteY11" fmla="*/ 149865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57369 w 2018657"/>
                <a:gd name="connsiteY10" fmla="*/ 1429706 h 1713883"/>
                <a:gd name="connsiteX11" fmla="*/ 1626592 w 2018657"/>
                <a:gd name="connsiteY11" fmla="*/ 149865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57369 w 2018657"/>
                <a:gd name="connsiteY11" fmla="*/ 1429706 h 1713883"/>
                <a:gd name="connsiteX12" fmla="*/ 1626592 w 2018657"/>
                <a:gd name="connsiteY12" fmla="*/ 1498656 h 1713883"/>
                <a:gd name="connsiteX13" fmla="*/ 1536592 w 2018657"/>
                <a:gd name="connsiteY13" fmla="*/ 1533835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57369 w 2018657"/>
                <a:gd name="connsiteY11" fmla="*/ 1429706 h 1713883"/>
                <a:gd name="connsiteX12" fmla="*/ 1618720 w 2018657"/>
                <a:gd name="connsiteY12" fmla="*/ 1477695 h 1713883"/>
                <a:gd name="connsiteX13" fmla="*/ 1536592 w 2018657"/>
                <a:gd name="connsiteY13" fmla="*/ 1533835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57369 w 2018657"/>
                <a:gd name="connsiteY11" fmla="*/ 1429706 h 1713883"/>
                <a:gd name="connsiteX12" fmla="*/ 1618720 w 2018657"/>
                <a:gd name="connsiteY12" fmla="*/ 1477695 h 1713883"/>
                <a:gd name="connsiteX13" fmla="*/ 1478862 w 2018657"/>
                <a:gd name="connsiteY13" fmla="*/ 1499774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57369 w 2018657"/>
                <a:gd name="connsiteY11" fmla="*/ 1429706 h 1713883"/>
                <a:gd name="connsiteX12" fmla="*/ 1665954 w 2018657"/>
                <a:gd name="connsiteY12" fmla="*/ 1467215 h 1713883"/>
                <a:gd name="connsiteX13" fmla="*/ 1478862 w 2018657"/>
                <a:gd name="connsiteY13" fmla="*/ 1499774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57369 w 2018657"/>
                <a:gd name="connsiteY11" fmla="*/ 1429706 h 1713883"/>
                <a:gd name="connsiteX12" fmla="*/ 1665954 w 2018657"/>
                <a:gd name="connsiteY12" fmla="*/ 1467215 h 1713883"/>
                <a:gd name="connsiteX13" fmla="*/ 1478862 w 2018657"/>
                <a:gd name="connsiteY13" fmla="*/ 1499774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198557 w 2018657"/>
                <a:gd name="connsiteY14" fmla="*/ 1526459 h 1713883"/>
                <a:gd name="connsiteX15" fmla="*/ 586499 w 2018657"/>
                <a:gd name="connsiteY15" fmla="*/ 1644446 h 1713883"/>
                <a:gd name="connsiteX16" fmla="*/ 0 w 2018657"/>
                <a:gd name="connsiteY16" fmla="*/ 1713883 h 1713883"/>
                <a:gd name="connsiteX17" fmla="*/ 10 w 2018657"/>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350973 w 2018657"/>
                <a:gd name="connsiteY14" fmla="*/ 1480686 h 1713883"/>
                <a:gd name="connsiteX15" fmla="*/ 1198557 w 2018657"/>
                <a:gd name="connsiteY15" fmla="*/ 1526459 h 1713883"/>
                <a:gd name="connsiteX16" fmla="*/ 586499 w 2018657"/>
                <a:gd name="connsiteY16" fmla="*/ 1644446 h 1713883"/>
                <a:gd name="connsiteX17" fmla="*/ 0 w 2018657"/>
                <a:gd name="connsiteY17" fmla="*/ 1713883 h 1713883"/>
                <a:gd name="connsiteX18" fmla="*/ 10 w 2018657"/>
                <a:gd name="connsiteY18"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350973 w 2018657"/>
                <a:gd name="connsiteY14" fmla="*/ 1480686 h 1713883"/>
                <a:gd name="connsiteX15" fmla="*/ 1198557 w 2018657"/>
                <a:gd name="connsiteY15" fmla="*/ 1526459 h 1713883"/>
                <a:gd name="connsiteX16" fmla="*/ 586499 w 2018657"/>
                <a:gd name="connsiteY16" fmla="*/ 1644446 h 1713883"/>
                <a:gd name="connsiteX17" fmla="*/ 0 w 2018657"/>
                <a:gd name="connsiteY17" fmla="*/ 1713883 h 1713883"/>
                <a:gd name="connsiteX18" fmla="*/ 10 w 2018657"/>
                <a:gd name="connsiteY18"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350973 w 2018657"/>
                <a:gd name="connsiteY14" fmla="*/ 1480686 h 1713883"/>
                <a:gd name="connsiteX15" fmla="*/ 1198557 w 2018657"/>
                <a:gd name="connsiteY15" fmla="*/ 1526459 h 1713883"/>
                <a:gd name="connsiteX16" fmla="*/ 586499 w 2018657"/>
                <a:gd name="connsiteY16" fmla="*/ 1644446 h 1713883"/>
                <a:gd name="connsiteX17" fmla="*/ 0 w 2018657"/>
                <a:gd name="connsiteY17" fmla="*/ 1713883 h 1713883"/>
                <a:gd name="connsiteX18" fmla="*/ 10 w 2018657"/>
                <a:gd name="connsiteY18"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377215 w 2018657"/>
                <a:gd name="connsiteY14" fmla="*/ 1488546 h 1713883"/>
                <a:gd name="connsiteX15" fmla="*/ 1198557 w 2018657"/>
                <a:gd name="connsiteY15" fmla="*/ 1526459 h 1713883"/>
                <a:gd name="connsiteX16" fmla="*/ 586499 w 2018657"/>
                <a:gd name="connsiteY16" fmla="*/ 1644446 h 1713883"/>
                <a:gd name="connsiteX17" fmla="*/ 0 w 2018657"/>
                <a:gd name="connsiteY17" fmla="*/ 1713883 h 1713883"/>
                <a:gd name="connsiteX18" fmla="*/ 10 w 2018657"/>
                <a:gd name="connsiteY18"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534662 w 2018657"/>
                <a:gd name="connsiteY10" fmla="*/ 1454485 h 1713883"/>
                <a:gd name="connsiteX11" fmla="*/ 1675737 w 2018657"/>
                <a:gd name="connsiteY11" fmla="*/ 1429706 h 1713883"/>
                <a:gd name="connsiteX12" fmla="*/ 1665954 w 2018657"/>
                <a:gd name="connsiteY12" fmla="*/ 1467215 h 1713883"/>
                <a:gd name="connsiteX13" fmla="*/ 1478862 w 2018657"/>
                <a:gd name="connsiteY13" fmla="*/ 1499774 h 1713883"/>
                <a:gd name="connsiteX14" fmla="*/ 1377215 w 2018657"/>
                <a:gd name="connsiteY14" fmla="*/ 1488546 h 1713883"/>
                <a:gd name="connsiteX15" fmla="*/ 1198557 w 2018657"/>
                <a:gd name="connsiteY15" fmla="*/ 1526459 h 1713883"/>
                <a:gd name="connsiteX16" fmla="*/ 586499 w 2018657"/>
                <a:gd name="connsiteY16" fmla="*/ 1644446 h 1713883"/>
                <a:gd name="connsiteX17" fmla="*/ 0 w 2018657"/>
                <a:gd name="connsiteY17" fmla="*/ 1713883 h 1713883"/>
                <a:gd name="connsiteX18" fmla="*/ 10 w 2018657"/>
                <a:gd name="connsiteY18" fmla="*/ 1551652 h 1713883"/>
                <a:gd name="connsiteX0" fmla="*/ 0 w 2057428"/>
                <a:gd name="connsiteY0" fmla="*/ 1557609 h 1713883"/>
                <a:gd name="connsiteX1" fmla="*/ 617907 w 2057428"/>
                <a:gd name="connsiteY1" fmla="*/ 1489588 h 1713883"/>
                <a:gd name="connsiteX2" fmla="*/ 1200548 w 2057428"/>
                <a:gd name="connsiteY2" fmla="*/ 1364226 h 1713883"/>
                <a:gd name="connsiteX3" fmla="*/ 1628241 w 2057428"/>
                <a:gd name="connsiteY3" fmla="*/ 796414 h 1713883"/>
                <a:gd name="connsiteX4" fmla="*/ 1790474 w 2057428"/>
                <a:gd name="connsiteY4" fmla="*/ 412958 h 1713883"/>
                <a:gd name="connsiteX5" fmla="*/ 1923196 w 2057428"/>
                <a:gd name="connsiteY5" fmla="*/ 0 h 1713883"/>
                <a:gd name="connsiteX6" fmla="*/ 2057006 w 2057428"/>
                <a:gd name="connsiteY6" fmla="*/ 3320 h 1713883"/>
                <a:gd name="connsiteX7" fmla="*/ 1915720 w 2057428"/>
                <a:gd name="connsiteY7" fmla="*/ 479326 h 1713883"/>
                <a:gd name="connsiteX8" fmla="*/ 1723991 w 2057428"/>
                <a:gd name="connsiteY8" fmla="*/ 899653 h 1713883"/>
                <a:gd name="connsiteX9" fmla="*/ 1436339 w 2057428"/>
                <a:gd name="connsiteY9" fmla="*/ 1415846 h 1713883"/>
                <a:gd name="connsiteX10" fmla="*/ 1573433 w 2057428"/>
                <a:gd name="connsiteY10" fmla="*/ 1454485 h 1713883"/>
                <a:gd name="connsiteX11" fmla="*/ 1714508 w 2057428"/>
                <a:gd name="connsiteY11" fmla="*/ 1429706 h 1713883"/>
                <a:gd name="connsiteX12" fmla="*/ 1704725 w 2057428"/>
                <a:gd name="connsiteY12" fmla="*/ 1467215 h 1713883"/>
                <a:gd name="connsiteX13" fmla="*/ 1517633 w 2057428"/>
                <a:gd name="connsiteY13" fmla="*/ 1499774 h 1713883"/>
                <a:gd name="connsiteX14" fmla="*/ 1415986 w 2057428"/>
                <a:gd name="connsiteY14" fmla="*/ 1488546 h 1713883"/>
                <a:gd name="connsiteX15" fmla="*/ 1237328 w 2057428"/>
                <a:gd name="connsiteY15" fmla="*/ 1526459 h 1713883"/>
                <a:gd name="connsiteX16" fmla="*/ 625270 w 2057428"/>
                <a:gd name="connsiteY16" fmla="*/ 1644446 h 1713883"/>
                <a:gd name="connsiteX17" fmla="*/ 38771 w 2057428"/>
                <a:gd name="connsiteY17" fmla="*/ 1713883 h 1713883"/>
                <a:gd name="connsiteX18" fmla="*/ 0 w 2057428"/>
                <a:gd name="connsiteY18" fmla="*/ 1557609 h 1713883"/>
                <a:gd name="connsiteX0" fmla="*/ 26858 w 2084286"/>
                <a:gd name="connsiteY0" fmla="*/ 1557609 h 1716861"/>
                <a:gd name="connsiteX1" fmla="*/ 644765 w 2084286"/>
                <a:gd name="connsiteY1" fmla="*/ 1489588 h 1716861"/>
                <a:gd name="connsiteX2" fmla="*/ 1227406 w 2084286"/>
                <a:gd name="connsiteY2" fmla="*/ 1364226 h 1716861"/>
                <a:gd name="connsiteX3" fmla="*/ 1655099 w 2084286"/>
                <a:gd name="connsiteY3" fmla="*/ 796414 h 1716861"/>
                <a:gd name="connsiteX4" fmla="*/ 1817332 w 2084286"/>
                <a:gd name="connsiteY4" fmla="*/ 412958 h 1716861"/>
                <a:gd name="connsiteX5" fmla="*/ 1950054 w 2084286"/>
                <a:gd name="connsiteY5" fmla="*/ 0 h 1716861"/>
                <a:gd name="connsiteX6" fmla="*/ 2083864 w 2084286"/>
                <a:gd name="connsiteY6" fmla="*/ 3320 h 1716861"/>
                <a:gd name="connsiteX7" fmla="*/ 1942578 w 2084286"/>
                <a:gd name="connsiteY7" fmla="*/ 479326 h 1716861"/>
                <a:gd name="connsiteX8" fmla="*/ 1750849 w 2084286"/>
                <a:gd name="connsiteY8" fmla="*/ 899653 h 1716861"/>
                <a:gd name="connsiteX9" fmla="*/ 1463197 w 2084286"/>
                <a:gd name="connsiteY9" fmla="*/ 1415846 h 1716861"/>
                <a:gd name="connsiteX10" fmla="*/ 1600291 w 2084286"/>
                <a:gd name="connsiteY10" fmla="*/ 1454485 h 1716861"/>
                <a:gd name="connsiteX11" fmla="*/ 1741366 w 2084286"/>
                <a:gd name="connsiteY11" fmla="*/ 1429706 h 1716861"/>
                <a:gd name="connsiteX12" fmla="*/ 1731583 w 2084286"/>
                <a:gd name="connsiteY12" fmla="*/ 1467215 h 1716861"/>
                <a:gd name="connsiteX13" fmla="*/ 1544491 w 2084286"/>
                <a:gd name="connsiteY13" fmla="*/ 1499774 h 1716861"/>
                <a:gd name="connsiteX14" fmla="*/ 1442844 w 2084286"/>
                <a:gd name="connsiteY14" fmla="*/ 1488546 h 1716861"/>
                <a:gd name="connsiteX15" fmla="*/ 1264186 w 2084286"/>
                <a:gd name="connsiteY15" fmla="*/ 1526459 h 1716861"/>
                <a:gd name="connsiteX16" fmla="*/ 652128 w 2084286"/>
                <a:gd name="connsiteY16" fmla="*/ 1644446 h 1716861"/>
                <a:gd name="connsiteX17" fmla="*/ 0 w 2084286"/>
                <a:gd name="connsiteY17" fmla="*/ 1716861 h 1716861"/>
                <a:gd name="connsiteX18" fmla="*/ 26858 w 2084286"/>
                <a:gd name="connsiteY18" fmla="*/ 1557609 h 1716861"/>
                <a:gd name="connsiteX0" fmla="*/ 0 w 2090242"/>
                <a:gd name="connsiteY0" fmla="*/ 1557609 h 1716861"/>
                <a:gd name="connsiteX1" fmla="*/ 650721 w 2090242"/>
                <a:gd name="connsiteY1" fmla="*/ 1489588 h 1716861"/>
                <a:gd name="connsiteX2" fmla="*/ 1233362 w 2090242"/>
                <a:gd name="connsiteY2" fmla="*/ 1364226 h 1716861"/>
                <a:gd name="connsiteX3" fmla="*/ 1661055 w 2090242"/>
                <a:gd name="connsiteY3" fmla="*/ 796414 h 1716861"/>
                <a:gd name="connsiteX4" fmla="*/ 1823288 w 2090242"/>
                <a:gd name="connsiteY4" fmla="*/ 412958 h 1716861"/>
                <a:gd name="connsiteX5" fmla="*/ 1956010 w 2090242"/>
                <a:gd name="connsiteY5" fmla="*/ 0 h 1716861"/>
                <a:gd name="connsiteX6" fmla="*/ 2089820 w 2090242"/>
                <a:gd name="connsiteY6" fmla="*/ 3320 h 1716861"/>
                <a:gd name="connsiteX7" fmla="*/ 1948534 w 2090242"/>
                <a:gd name="connsiteY7" fmla="*/ 479326 h 1716861"/>
                <a:gd name="connsiteX8" fmla="*/ 1756805 w 2090242"/>
                <a:gd name="connsiteY8" fmla="*/ 899653 h 1716861"/>
                <a:gd name="connsiteX9" fmla="*/ 1469153 w 2090242"/>
                <a:gd name="connsiteY9" fmla="*/ 1415846 h 1716861"/>
                <a:gd name="connsiteX10" fmla="*/ 1606247 w 2090242"/>
                <a:gd name="connsiteY10" fmla="*/ 1454485 h 1716861"/>
                <a:gd name="connsiteX11" fmla="*/ 1747322 w 2090242"/>
                <a:gd name="connsiteY11" fmla="*/ 1429706 h 1716861"/>
                <a:gd name="connsiteX12" fmla="*/ 1737539 w 2090242"/>
                <a:gd name="connsiteY12" fmla="*/ 1467215 h 1716861"/>
                <a:gd name="connsiteX13" fmla="*/ 1550447 w 2090242"/>
                <a:gd name="connsiteY13" fmla="*/ 1499774 h 1716861"/>
                <a:gd name="connsiteX14" fmla="*/ 1448800 w 2090242"/>
                <a:gd name="connsiteY14" fmla="*/ 1488546 h 1716861"/>
                <a:gd name="connsiteX15" fmla="*/ 1270142 w 2090242"/>
                <a:gd name="connsiteY15" fmla="*/ 1526459 h 1716861"/>
                <a:gd name="connsiteX16" fmla="*/ 658084 w 2090242"/>
                <a:gd name="connsiteY16" fmla="*/ 1644446 h 1716861"/>
                <a:gd name="connsiteX17" fmla="*/ 5956 w 2090242"/>
                <a:gd name="connsiteY17" fmla="*/ 1716861 h 1716861"/>
                <a:gd name="connsiteX18" fmla="*/ 0 w 2090242"/>
                <a:gd name="connsiteY18" fmla="*/ 1557609 h 1716861"/>
                <a:gd name="connsiteX0" fmla="*/ 0 w 2090242"/>
                <a:gd name="connsiteY0" fmla="*/ 1572502 h 1716861"/>
                <a:gd name="connsiteX1" fmla="*/ 650721 w 2090242"/>
                <a:gd name="connsiteY1" fmla="*/ 1489588 h 1716861"/>
                <a:gd name="connsiteX2" fmla="*/ 1233362 w 2090242"/>
                <a:gd name="connsiteY2" fmla="*/ 1364226 h 1716861"/>
                <a:gd name="connsiteX3" fmla="*/ 1661055 w 2090242"/>
                <a:gd name="connsiteY3" fmla="*/ 796414 h 1716861"/>
                <a:gd name="connsiteX4" fmla="*/ 1823288 w 2090242"/>
                <a:gd name="connsiteY4" fmla="*/ 412958 h 1716861"/>
                <a:gd name="connsiteX5" fmla="*/ 1956010 w 2090242"/>
                <a:gd name="connsiteY5" fmla="*/ 0 h 1716861"/>
                <a:gd name="connsiteX6" fmla="*/ 2089820 w 2090242"/>
                <a:gd name="connsiteY6" fmla="*/ 3320 h 1716861"/>
                <a:gd name="connsiteX7" fmla="*/ 1948534 w 2090242"/>
                <a:gd name="connsiteY7" fmla="*/ 479326 h 1716861"/>
                <a:gd name="connsiteX8" fmla="*/ 1756805 w 2090242"/>
                <a:gd name="connsiteY8" fmla="*/ 899653 h 1716861"/>
                <a:gd name="connsiteX9" fmla="*/ 1469153 w 2090242"/>
                <a:gd name="connsiteY9" fmla="*/ 1415846 h 1716861"/>
                <a:gd name="connsiteX10" fmla="*/ 1606247 w 2090242"/>
                <a:gd name="connsiteY10" fmla="*/ 1454485 h 1716861"/>
                <a:gd name="connsiteX11" fmla="*/ 1747322 w 2090242"/>
                <a:gd name="connsiteY11" fmla="*/ 1429706 h 1716861"/>
                <a:gd name="connsiteX12" fmla="*/ 1737539 w 2090242"/>
                <a:gd name="connsiteY12" fmla="*/ 1467215 h 1716861"/>
                <a:gd name="connsiteX13" fmla="*/ 1550447 w 2090242"/>
                <a:gd name="connsiteY13" fmla="*/ 1499774 h 1716861"/>
                <a:gd name="connsiteX14" fmla="*/ 1448800 w 2090242"/>
                <a:gd name="connsiteY14" fmla="*/ 1488546 h 1716861"/>
                <a:gd name="connsiteX15" fmla="*/ 1270142 w 2090242"/>
                <a:gd name="connsiteY15" fmla="*/ 1526459 h 1716861"/>
                <a:gd name="connsiteX16" fmla="*/ 658084 w 2090242"/>
                <a:gd name="connsiteY16" fmla="*/ 1644446 h 1716861"/>
                <a:gd name="connsiteX17" fmla="*/ 5956 w 2090242"/>
                <a:gd name="connsiteY17" fmla="*/ 1716861 h 1716861"/>
                <a:gd name="connsiteX18" fmla="*/ 0 w 2090242"/>
                <a:gd name="connsiteY18" fmla="*/ 1572502 h 1716861"/>
                <a:gd name="connsiteX0" fmla="*/ 0 w 2090242"/>
                <a:gd name="connsiteY0" fmla="*/ 1569523 h 1716861"/>
                <a:gd name="connsiteX1" fmla="*/ 650721 w 2090242"/>
                <a:gd name="connsiteY1" fmla="*/ 1489588 h 1716861"/>
                <a:gd name="connsiteX2" fmla="*/ 1233362 w 2090242"/>
                <a:gd name="connsiteY2" fmla="*/ 1364226 h 1716861"/>
                <a:gd name="connsiteX3" fmla="*/ 1661055 w 2090242"/>
                <a:gd name="connsiteY3" fmla="*/ 796414 h 1716861"/>
                <a:gd name="connsiteX4" fmla="*/ 1823288 w 2090242"/>
                <a:gd name="connsiteY4" fmla="*/ 412958 h 1716861"/>
                <a:gd name="connsiteX5" fmla="*/ 1956010 w 2090242"/>
                <a:gd name="connsiteY5" fmla="*/ 0 h 1716861"/>
                <a:gd name="connsiteX6" fmla="*/ 2089820 w 2090242"/>
                <a:gd name="connsiteY6" fmla="*/ 3320 h 1716861"/>
                <a:gd name="connsiteX7" fmla="*/ 1948534 w 2090242"/>
                <a:gd name="connsiteY7" fmla="*/ 479326 h 1716861"/>
                <a:gd name="connsiteX8" fmla="*/ 1756805 w 2090242"/>
                <a:gd name="connsiteY8" fmla="*/ 899653 h 1716861"/>
                <a:gd name="connsiteX9" fmla="*/ 1469153 w 2090242"/>
                <a:gd name="connsiteY9" fmla="*/ 1415846 h 1716861"/>
                <a:gd name="connsiteX10" fmla="*/ 1606247 w 2090242"/>
                <a:gd name="connsiteY10" fmla="*/ 1454485 h 1716861"/>
                <a:gd name="connsiteX11" fmla="*/ 1747322 w 2090242"/>
                <a:gd name="connsiteY11" fmla="*/ 1429706 h 1716861"/>
                <a:gd name="connsiteX12" fmla="*/ 1737539 w 2090242"/>
                <a:gd name="connsiteY12" fmla="*/ 1467215 h 1716861"/>
                <a:gd name="connsiteX13" fmla="*/ 1550447 w 2090242"/>
                <a:gd name="connsiteY13" fmla="*/ 1499774 h 1716861"/>
                <a:gd name="connsiteX14" fmla="*/ 1448800 w 2090242"/>
                <a:gd name="connsiteY14" fmla="*/ 1488546 h 1716861"/>
                <a:gd name="connsiteX15" fmla="*/ 1270142 w 2090242"/>
                <a:gd name="connsiteY15" fmla="*/ 1526459 h 1716861"/>
                <a:gd name="connsiteX16" fmla="*/ 658084 w 2090242"/>
                <a:gd name="connsiteY16" fmla="*/ 1644446 h 1716861"/>
                <a:gd name="connsiteX17" fmla="*/ 5956 w 2090242"/>
                <a:gd name="connsiteY17" fmla="*/ 1716861 h 1716861"/>
                <a:gd name="connsiteX18" fmla="*/ 0 w 2090242"/>
                <a:gd name="connsiteY18" fmla="*/ 1569523 h 1716861"/>
                <a:gd name="connsiteX0" fmla="*/ 0 w 2090242"/>
                <a:gd name="connsiteY0" fmla="*/ 1620158 h 1767496"/>
                <a:gd name="connsiteX1" fmla="*/ 650721 w 2090242"/>
                <a:gd name="connsiteY1" fmla="*/ 1540223 h 1767496"/>
                <a:gd name="connsiteX2" fmla="*/ 1233362 w 2090242"/>
                <a:gd name="connsiteY2" fmla="*/ 1414861 h 1767496"/>
                <a:gd name="connsiteX3" fmla="*/ 1661055 w 2090242"/>
                <a:gd name="connsiteY3" fmla="*/ 847049 h 1767496"/>
                <a:gd name="connsiteX4" fmla="*/ 1823288 w 2090242"/>
                <a:gd name="connsiteY4" fmla="*/ 463593 h 1767496"/>
                <a:gd name="connsiteX5" fmla="*/ 1976891 w 2090242"/>
                <a:gd name="connsiteY5" fmla="*/ 0 h 1767496"/>
                <a:gd name="connsiteX6" fmla="*/ 2089820 w 2090242"/>
                <a:gd name="connsiteY6" fmla="*/ 53955 h 1767496"/>
                <a:gd name="connsiteX7" fmla="*/ 1948534 w 2090242"/>
                <a:gd name="connsiteY7" fmla="*/ 529961 h 1767496"/>
                <a:gd name="connsiteX8" fmla="*/ 1756805 w 2090242"/>
                <a:gd name="connsiteY8" fmla="*/ 950288 h 1767496"/>
                <a:gd name="connsiteX9" fmla="*/ 1469153 w 2090242"/>
                <a:gd name="connsiteY9" fmla="*/ 1466481 h 1767496"/>
                <a:gd name="connsiteX10" fmla="*/ 1606247 w 2090242"/>
                <a:gd name="connsiteY10" fmla="*/ 1505120 h 1767496"/>
                <a:gd name="connsiteX11" fmla="*/ 1747322 w 2090242"/>
                <a:gd name="connsiteY11" fmla="*/ 1480341 h 1767496"/>
                <a:gd name="connsiteX12" fmla="*/ 1737539 w 2090242"/>
                <a:gd name="connsiteY12" fmla="*/ 1517850 h 1767496"/>
                <a:gd name="connsiteX13" fmla="*/ 1550447 w 2090242"/>
                <a:gd name="connsiteY13" fmla="*/ 1550409 h 1767496"/>
                <a:gd name="connsiteX14" fmla="*/ 1448800 w 2090242"/>
                <a:gd name="connsiteY14" fmla="*/ 1539181 h 1767496"/>
                <a:gd name="connsiteX15" fmla="*/ 1270142 w 2090242"/>
                <a:gd name="connsiteY15" fmla="*/ 1577094 h 1767496"/>
                <a:gd name="connsiteX16" fmla="*/ 658084 w 2090242"/>
                <a:gd name="connsiteY16" fmla="*/ 1695081 h 1767496"/>
                <a:gd name="connsiteX17" fmla="*/ 5956 w 2090242"/>
                <a:gd name="connsiteY17" fmla="*/ 1767496 h 1767496"/>
                <a:gd name="connsiteX18" fmla="*/ 0 w 2090242"/>
                <a:gd name="connsiteY18" fmla="*/ 1620158 h 1767496"/>
                <a:gd name="connsiteX0" fmla="*/ 0 w 2093213"/>
                <a:gd name="connsiteY0" fmla="*/ 1620158 h 1767496"/>
                <a:gd name="connsiteX1" fmla="*/ 650721 w 2093213"/>
                <a:gd name="connsiteY1" fmla="*/ 1540223 h 1767496"/>
                <a:gd name="connsiteX2" fmla="*/ 1233362 w 2093213"/>
                <a:gd name="connsiteY2" fmla="*/ 1414861 h 1767496"/>
                <a:gd name="connsiteX3" fmla="*/ 1661055 w 2093213"/>
                <a:gd name="connsiteY3" fmla="*/ 847049 h 1767496"/>
                <a:gd name="connsiteX4" fmla="*/ 1823288 w 2093213"/>
                <a:gd name="connsiteY4" fmla="*/ 463593 h 1767496"/>
                <a:gd name="connsiteX5" fmla="*/ 1976891 w 2093213"/>
                <a:gd name="connsiteY5" fmla="*/ 0 h 1767496"/>
                <a:gd name="connsiteX6" fmla="*/ 2092804 w 2093213"/>
                <a:gd name="connsiteY6" fmla="*/ 3321 h 1767496"/>
                <a:gd name="connsiteX7" fmla="*/ 1948534 w 2093213"/>
                <a:gd name="connsiteY7" fmla="*/ 529961 h 1767496"/>
                <a:gd name="connsiteX8" fmla="*/ 1756805 w 2093213"/>
                <a:gd name="connsiteY8" fmla="*/ 950288 h 1767496"/>
                <a:gd name="connsiteX9" fmla="*/ 1469153 w 2093213"/>
                <a:gd name="connsiteY9" fmla="*/ 1466481 h 1767496"/>
                <a:gd name="connsiteX10" fmla="*/ 1606247 w 2093213"/>
                <a:gd name="connsiteY10" fmla="*/ 1505120 h 1767496"/>
                <a:gd name="connsiteX11" fmla="*/ 1747322 w 2093213"/>
                <a:gd name="connsiteY11" fmla="*/ 1480341 h 1767496"/>
                <a:gd name="connsiteX12" fmla="*/ 1737539 w 2093213"/>
                <a:gd name="connsiteY12" fmla="*/ 1517850 h 1767496"/>
                <a:gd name="connsiteX13" fmla="*/ 1550447 w 2093213"/>
                <a:gd name="connsiteY13" fmla="*/ 1550409 h 1767496"/>
                <a:gd name="connsiteX14" fmla="*/ 1448800 w 2093213"/>
                <a:gd name="connsiteY14" fmla="*/ 1539181 h 1767496"/>
                <a:gd name="connsiteX15" fmla="*/ 1270142 w 2093213"/>
                <a:gd name="connsiteY15" fmla="*/ 1577094 h 1767496"/>
                <a:gd name="connsiteX16" fmla="*/ 658084 w 2093213"/>
                <a:gd name="connsiteY16" fmla="*/ 1695081 h 1767496"/>
                <a:gd name="connsiteX17" fmla="*/ 5956 w 2093213"/>
                <a:gd name="connsiteY17" fmla="*/ 1767496 h 1767496"/>
                <a:gd name="connsiteX18" fmla="*/ 0 w 2093213"/>
                <a:gd name="connsiteY18" fmla="*/ 1620158 h 1767496"/>
                <a:gd name="connsiteX0" fmla="*/ 0 w 2093213"/>
                <a:gd name="connsiteY0" fmla="*/ 1620158 h 1767496"/>
                <a:gd name="connsiteX1" fmla="*/ 650721 w 2093213"/>
                <a:gd name="connsiteY1" fmla="*/ 1540223 h 1767496"/>
                <a:gd name="connsiteX2" fmla="*/ 1260211 w 2093213"/>
                <a:gd name="connsiteY2" fmla="*/ 1414861 h 1767496"/>
                <a:gd name="connsiteX3" fmla="*/ 1661055 w 2093213"/>
                <a:gd name="connsiteY3" fmla="*/ 847049 h 1767496"/>
                <a:gd name="connsiteX4" fmla="*/ 1823288 w 2093213"/>
                <a:gd name="connsiteY4" fmla="*/ 463593 h 1767496"/>
                <a:gd name="connsiteX5" fmla="*/ 1976891 w 2093213"/>
                <a:gd name="connsiteY5" fmla="*/ 0 h 1767496"/>
                <a:gd name="connsiteX6" fmla="*/ 2092804 w 2093213"/>
                <a:gd name="connsiteY6" fmla="*/ 3321 h 1767496"/>
                <a:gd name="connsiteX7" fmla="*/ 1948534 w 2093213"/>
                <a:gd name="connsiteY7" fmla="*/ 529961 h 1767496"/>
                <a:gd name="connsiteX8" fmla="*/ 1756805 w 2093213"/>
                <a:gd name="connsiteY8" fmla="*/ 950288 h 1767496"/>
                <a:gd name="connsiteX9" fmla="*/ 1469153 w 2093213"/>
                <a:gd name="connsiteY9" fmla="*/ 1466481 h 1767496"/>
                <a:gd name="connsiteX10" fmla="*/ 1606247 w 2093213"/>
                <a:gd name="connsiteY10" fmla="*/ 1505120 h 1767496"/>
                <a:gd name="connsiteX11" fmla="*/ 1747322 w 2093213"/>
                <a:gd name="connsiteY11" fmla="*/ 1480341 h 1767496"/>
                <a:gd name="connsiteX12" fmla="*/ 1737539 w 2093213"/>
                <a:gd name="connsiteY12" fmla="*/ 1517850 h 1767496"/>
                <a:gd name="connsiteX13" fmla="*/ 1550447 w 2093213"/>
                <a:gd name="connsiteY13" fmla="*/ 1550409 h 1767496"/>
                <a:gd name="connsiteX14" fmla="*/ 1448800 w 2093213"/>
                <a:gd name="connsiteY14" fmla="*/ 1539181 h 1767496"/>
                <a:gd name="connsiteX15" fmla="*/ 1270142 w 2093213"/>
                <a:gd name="connsiteY15" fmla="*/ 1577094 h 1767496"/>
                <a:gd name="connsiteX16" fmla="*/ 658084 w 2093213"/>
                <a:gd name="connsiteY16" fmla="*/ 1695081 h 1767496"/>
                <a:gd name="connsiteX17" fmla="*/ 5956 w 2093213"/>
                <a:gd name="connsiteY17" fmla="*/ 1767496 h 1767496"/>
                <a:gd name="connsiteX18" fmla="*/ 0 w 2093213"/>
                <a:gd name="connsiteY18" fmla="*/ 1620158 h 1767496"/>
                <a:gd name="connsiteX0" fmla="*/ 0 w 2093213"/>
                <a:gd name="connsiteY0" fmla="*/ 1620158 h 1767496"/>
                <a:gd name="connsiteX1" fmla="*/ 650721 w 2093213"/>
                <a:gd name="connsiteY1" fmla="*/ 1540223 h 1767496"/>
                <a:gd name="connsiteX2" fmla="*/ 1290042 w 2093213"/>
                <a:gd name="connsiteY2" fmla="*/ 1414861 h 1767496"/>
                <a:gd name="connsiteX3" fmla="*/ 1661055 w 2093213"/>
                <a:gd name="connsiteY3" fmla="*/ 847049 h 1767496"/>
                <a:gd name="connsiteX4" fmla="*/ 1823288 w 2093213"/>
                <a:gd name="connsiteY4" fmla="*/ 463593 h 1767496"/>
                <a:gd name="connsiteX5" fmla="*/ 1976891 w 2093213"/>
                <a:gd name="connsiteY5" fmla="*/ 0 h 1767496"/>
                <a:gd name="connsiteX6" fmla="*/ 2092804 w 2093213"/>
                <a:gd name="connsiteY6" fmla="*/ 3321 h 1767496"/>
                <a:gd name="connsiteX7" fmla="*/ 1948534 w 2093213"/>
                <a:gd name="connsiteY7" fmla="*/ 529961 h 1767496"/>
                <a:gd name="connsiteX8" fmla="*/ 1756805 w 2093213"/>
                <a:gd name="connsiteY8" fmla="*/ 950288 h 1767496"/>
                <a:gd name="connsiteX9" fmla="*/ 1469153 w 2093213"/>
                <a:gd name="connsiteY9" fmla="*/ 1466481 h 1767496"/>
                <a:gd name="connsiteX10" fmla="*/ 1606247 w 2093213"/>
                <a:gd name="connsiteY10" fmla="*/ 1505120 h 1767496"/>
                <a:gd name="connsiteX11" fmla="*/ 1747322 w 2093213"/>
                <a:gd name="connsiteY11" fmla="*/ 1480341 h 1767496"/>
                <a:gd name="connsiteX12" fmla="*/ 1737539 w 2093213"/>
                <a:gd name="connsiteY12" fmla="*/ 1517850 h 1767496"/>
                <a:gd name="connsiteX13" fmla="*/ 1550447 w 2093213"/>
                <a:gd name="connsiteY13" fmla="*/ 1550409 h 1767496"/>
                <a:gd name="connsiteX14" fmla="*/ 1448800 w 2093213"/>
                <a:gd name="connsiteY14" fmla="*/ 1539181 h 1767496"/>
                <a:gd name="connsiteX15" fmla="*/ 1270142 w 2093213"/>
                <a:gd name="connsiteY15" fmla="*/ 1577094 h 1767496"/>
                <a:gd name="connsiteX16" fmla="*/ 658084 w 2093213"/>
                <a:gd name="connsiteY16" fmla="*/ 1695081 h 1767496"/>
                <a:gd name="connsiteX17" fmla="*/ 5956 w 2093213"/>
                <a:gd name="connsiteY17" fmla="*/ 1767496 h 1767496"/>
                <a:gd name="connsiteX18" fmla="*/ 0 w 2093213"/>
                <a:gd name="connsiteY18" fmla="*/ 1620158 h 1767496"/>
                <a:gd name="connsiteX0" fmla="*/ 0 w 2093213"/>
                <a:gd name="connsiteY0" fmla="*/ 1620158 h 1767496"/>
                <a:gd name="connsiteX1" fmla="*/ 650721 w 2093213"/>
                <a:gd name="connsiteY1" fmla="*/ 1540223 h 1767496"/>
                <a:gd name="connsiteX2" fmla="*/ 1290042 w 2093213"/>
                <a:gd name="connsiteY2" fmla="*/ 1414861 h 1767496"/>
                <a:gd name="connsiteX3" fmla="*/ 1670004 w 2093213"/>
                <a:gd name="connsiteY3" fmla="*/ 853006 h 1767496"/>
                <a:gd name="connsiteX4" fmla="*/ 1823288 w 2093213"/>
                <a:gd name="connsiteY4" fmla="*/ 463593 h 1767496"/>
                <a:gd name="connsiteX5" fmla="*/ 1976891 w 2093213"/>
                <a:gd name="connsiteY5" fmla="*/ 0 h 1767496"/>
                <a:gd name="connsiteX6" fmla="*/ 2092804 w 2093213"/>
                <a:gd name="connsiteY6" fmla="*/ 3321 h 1767496"/>
                <a:gd name="connsiteX7" fmla="*/ 1948534 w 2093213"/>
                <a:gd name="connsiteY7" fmla="*/ 529961 h 1767496"/>
                <a:gd name="connsiteX8" fmla="*/ 1756805 w 2093213"/>
                <a:gd name="connsiteY8" fmla="*/ 950288 h 1767496"/>
                <a:gd name="connsiteX9" fmla="*/ 1469153 w 2093213"/>
                <a:gd name="connsiteY9" fmla="*/ 1466481 h 1767496"/>
                <a:gd name="connsiteX10" fmla="*/ 1606247 w 2093213"/>
                <a:gd name="connsiteY10" fmla="*/ 1505120 h 1767496"/>
                <a:gd name="connsiteX11" fmla="*/ 1747322 w 2093213"/>
                <a:gd name="connsiteY11" fmla="*/ 1480341 h 1767496"/>
                <a:gd name="connsiteX12" fmla="*/ 1737539 w 2093213"/>
                <a:gd name="connsiteY12" fmla="*/ 1517850 h 1767496"/>
                <a:gd name="connsiteX13" fmla="*/ 1550447 w 2093213"/>
                <a:gd name="connsiteY13" fmla="*/ 1550409 h 1767496"/>
                <a:gd name="connsiteX14" fmla="*/ 1448800 w 2093213"/>
                <a:gd name="connsiteY14" fmla="*/ 1539181 h 1767496"/>
                <a:gd name="connsiteX15" fmla="*/ 1270142 w 2093213"/>
                <a:gd name="connsiteY15" fmla="*/ 1577094 h 1767496"/>
                <a:gd name="connsiteX16" fmla="*/ 658084 w 2093213"/>
                <a:gd name="connsiteY16" fmla="*/ 1695081 h 1767496"/>
                <a:gd name="connsiteX17" fmla="*/ 5956 w 2093213"/>
                <a:gd name="connsiteY17" fmla="*/ 1767496 h 1767496"/>
                <a:gd name="connsiteX18" fmla="*/ 0 w 2093213"/>
                <a:gd name="connsiteY18" fmla="*/ 1620158 h 1767496"/>
                <a:gd name="connsiteX0" fmla="*/ 0 w 2093213"/>
                <a:gd name="connsiteY0" fmla="*/ 1620158 h 1767496"/>
                <a:gd name="connsiteX1" fmla="*/ 650721 w 2093213"/>
                <a:gd name="connsiteY1" fmla="*/ 1540223 h 1767496"/>
                <a:gd name="connsiteX2" fmla="*/ 1290042 w 2093213"/>
                <a:gd name="connsiteY2" fmla="*/ 1414861 h 1767496"/>
                <a:gd name="connsiteX3" fmla="*/ 1658072 w 2093213"/>
                <a:gd name="connsiteY3" fmla="*/ 858963 h 1767496"/>
                <a:gd name="connsiteX4" fmla="*/ 1823288 w 2093213"/>
                <a:gd name="connsiteY4" fmla="*/ 463593 h 1767496"/>
                <a:gd name="connsiteX5" fmla="*/ 1976891 w 2093213"/>
                <a:gd name="connsiteY5" fmla="*/ 0 h 1767496"/>
                <a:gd name="connsiteX6" fmla="*/ 2092804 w 2093213"/>
                <a:gd name="connsiteY6" fmla="*/ 3321 h 1767496"/>
                <a:gd name="connsiteX7" fmla="*/ 1948534 w 2093213"/>
                <a:gd name="connsiteY7" fmla="*/ 529961 h 1767496"/>
                <a:gd name="connsiteX8" fmla="*/ 1756805 w 2093213"/>
                <a:gd name="connsiteY8" fmla="*/ 950288 h 1767496"/>
                <a:gd name="connsiteX9" fmla="*/ 1469153 w 2093213"/>
                <a:gd name="connsiteY9" fmla="*/ 1466481 h 1767496"/>
                <a:gd name="connsiteX10" fmla="*/ 1606247 w 2093213"/>
                <a:gd name="connsiteY10" fmla="*/ 1505120 h 1767496"/>
                <a:gd name="connsiteX11" fmla="*/ 1747322 w 2093213"/>
                <a:gd name="connsiteY11" fmla="*/ 1480341 h 1767496"/>
                <a:gd name="connsiteX12" fmla="*/ 1737539 w 2093213"/>
                <a:gd name="connsiteY12" fmla="*/ 1517850 h 1767496"/>
                <a:gd name="connsiteX13" fmla="*/ 1550447 w 2093213"/>
                <a:gd name="connsiteY13" fmla="*/ 1550409 h 1767496"/>
                <a:gd name="connsiteX14" fmla="*/ 1448800 w 2093213"/>
                <a:gd name="connsiteY14" fmla="*/ 1539181 h 1767496"/>
                <a:gd name="connsiteX15" fmla="*/ 1270142 w 2093213"/>
                <a:gd name="connsiteY15" fmla="*/ 1577094 h 1767496"/>
                <a:gd name="connsiteX16" fmla="*/ 658084 w 2093213"/>
                <a:gd name="connsiteY16" fmla="*/ 1695081 h 1767496"/>
                <a:gd name="connsiteX17" fmla="*/ 5956 w 2093213"/>
                <a:gd name="connsiteY17" fmla="*/ 1767496 h 1767496"/>
                <a:gd name="connsiteX18" fmla="*/ 0 w 2093213"/>
                <a:gd name="connsiteY18" fmla="*/ 1620158 h 1767496"/>
                <a:gd name="connsiteX0" fmla="*/ 0 w 2093213"/>
                <a:gd name="connsiteY0" fmla="*/ 1620158 h 1767496"/>
                <a:gd name="connsiteX1" fmla="*/ 650721 w 2093213"/>
                <a:gd name="connsiteY1" fmla="*/ 1540223 h 1767496"/>
                <a:gd name="connsiteX2" fmla="*/ 1290042 w 2093213"/>
                <a:gd name="connsiteY2" fmla="*/ 1414861 h 1767496"/>
                <a:gd name="connsiteX3" fmla="*/ 1514353 w 2093213"/>
                <a:gd name="connsiteY3" fmla="*/ 1113178 h 1767496"/>
                <a:gd name="connsiteX4" fmla="*/ 1658072 w 2093213"/>
                <a:gd name="connsiteY4" fmla="*/ 858963 h 1767496"/>
                <a:gd name="connsiteX5" fmla="*/ 1823288 w 2093213"/>
                <a:gd name="connsiteY5" fmla="*/ 463593 h 1767496"/>
                <a:gd name="connsiteX6" fmla="*/ 1976891 w 2093213"/>
                <a:gd name="connsiteY6" fmla="*/ 0 h 1767496"/>
                <a:gd name="connsiteX7" fmla="*/ 2092804 w 2093213"/>
                <a:gd name="connsiteY7" fmla="*/ 3321 h 1767496"/>
                <a:gd name="connsiteX8" fmla="*/ 1948534 w 2093213"/>
                <a:gd name="connsiteY8" fmla="*/ 529961 h 1767496"/>
                <a:gd name="connsiteX9" fmla="*/ 1756805 w 2093213"/>
                <a:gd name="connsiteY9" fmla="*/ 950288 h 1767496"/>
                <a:gd name="connsiteX10" fmla="*/ 1469153 w 2093213"/>
                <a:gd name="connsiteY10" fmla="*/ 1466481 h 1767496"/>
                <a:gd name="connsiteX11" fmla="*/ 1606247 w 2093213"/>
                <a:gd name="connsiteY11" fmla="*/ 1505120 h 1767496"/>
                <a:gd name="connsiteX12" fmla="*/ 1747322 w 2093213"/>
                <a:gd name="connsiteY12" fmla="*/ 1480341 h 1767496"/>
                <a:gd name="connsiteX13" fmla="*/ 1737539 w 2093213"/>
                <a:gd name="connsiteY13" fmla="*/ 1517850 h 1767496"/>
                <a:gd name="connsiteX14" fmla="*/ 1550447 w 2093213"/>
                <a:gd name="connsiteY14" fmla="*/ 1550409 h 1767496"/>
                <a:gd name="connsiteX15" fmla="*/ 1448800 w 2093213"/>
                <a:gd name="connsiteY15" fmla="*/ 1539181 h 1767496"/>
                <a:gd name="connsiteX16" fmla="*/ 1270142 w 2093213"/>
                <a:gd name="connsiteY16" fmla="*/ 1577094 h 1767496"/>
                <a:gd name="connsiteX17" fmla="*/ 658084 w 2093213"/>
                <a:gd name="connsiteY17" fmla="*/ 1695081 h 1767496"/>
                <a:gd name="connsiteX18" fmla="*/ 5956 w 2093213"/>
                <a:gd name="connsiteY18" fmla="*/ 1767496 h 1767496"/>
                <a:gd name="connsiteX19" fmla="*/ 0 w 2093213"/>
                <a:gd name="connsiteY19" fmla="*/ 1620158 h 1767496"/>
                <a:gd name="connsiteX0" fmla="*/ 0 w 2093213"/>
                <a:gd name="connsiteY0" fmla="*/ 1620158 h 1767496"/>
                <a:gd name="connsiteX1" fmla="*/ 650721 w 2093213"/>
                <a:gd name="connsiteY1" fmla="*/ 1540223 h 1767496"/>
                <a:gd name="connsiteX2" fmla="*/ 1278110 w 2093213"/>
                <a:gd name="connsiteY2" fmla="*/ 1420818 h 1767496"/>
                <a:gd name="connsiteX3" fmla="*/ 1514353 w 2093213"/>
                <a:gd name="connsiteY3" fmla="*/ 1113178 h 1767496"/>
                <a:gd name="connsiteX4" fmla="*/ 1658072 w 2093213"/>
                <a:gd name="connsiteY4" fmla="*/ 858963 h 1767496"/>
                <a:gd name="connsiteX5" fmla="*/ 1823288 w 2093213"/>
                <a:gd name="connsiteY5" fmla="*/ 463593 h 1767496"/>
                <a:gd name="connsiteX6" fmla="*/ 1976891 w 2093213"/>
                <a:gd name="connsiteY6" fmla="*/ 0 h 1767496"/>
                <a:gd name="connsiteX7" fmla="*/ 2092804 w 2093213"/>
                <a:gd name="connsiteY7" fmla="*/ 3321 h 1767496"/>
                <a:gd name="connsiteX8" fmla="*/ 1948534 w 2093213"/>
                <a:gd name="connsiteY8" fmla="*/ 529961 h 1767496"/>
                <a:gd name="connsiteX9" fmla="*/ 1756805 w 2093213"/>
                <a:gd name="connsiteY9" fmla="*/ 950288 h 1767496"/>
                <a:gd name="connsiteX10" fmla="*/ 1469153 w 2093213"/>
                <a:gd name="connsiteY10" fmla="*/ 1466481 h 1767496"/>
                <a:gd name="connsiteX11" fmla="*/ 1606247 w 2093213"/>
                <a:gd name="connsiteY11" fmla="*/ 1505120 h 1767496"/>
                <a:gd name="connsiteX12" fmla="*/ 1747322 w 2093213"/>
                <a:gd name="connsiteY12" fmla="*/ 1480341 h 1767496"/>
                <a:gd name="connsiteX13" fmla="*/ 1737539 w 2093213"/>
                <a:gd name="connsiteY13" fmla="*/ 1517850 h 1767496"/>
                <a:gd name="connsiteX14" fmla="*/ 1550447 w 2093213"/>
                <a:gd name="connsiteY14" fmla="*/ 1550409 h 1767496"/>
                <a:gd name="connsiteX15" fmla="*/ 1448800 w 2093213"/>
                <a:gd name="connsiteY15" fmla="*/ 1539181 h 1767496"/>
                <a:gd name="connsiteX16" fmla="*/ 1270142 w 2093213"/>
                <a:gd name="connsiteY16" fmla="*/ 1577094 h 1767496"/>
                <a:gd name="connsiteX17" fmla="*/ 658084 w 2093213"/>
                <a:gd name="connsiteY17" fmla="*/ 1695081 h 1767496"/>
                <a:gd name="connsiteX18" fmla="*/ 5956 w 2093213"/>
                <a:gd name="connsiteY18" fmla="*/ 1767496 h 1767496"/>
                <a:gd name="connsiteX19" fmla="*/ 0 w 2093213"/>
                <a:gd name="connsiteY19" fmla="*/ 1620158 h 17674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2093213" h="1767496">
                  <a:moveTo>
                    <a:pt x="0" y="1620158"/>
                  </a:moveTo>
                  <a:cubicBezTo>
                    <a:pt x="94061" y="1566798"/>
                    <a:pt x="453421" y="1566544"/>
                    <a:pt x="650721" y="1540223"/>
                  </a:cubicBezTo>
                  <a:cubicBezTo>
                    <a:pt x="848021" y="1513902"/>
                    <a:pt x="1133674" y="1491992"/>
                    <a:pt x="1278110" y="1420818"/>
                  </a:cubicBezTo>
                  <a:cubicBezTo>
                    <a:pt x="1422546" y="1349644"/>
                    <a:pt x="1453015" y="1205828"/>
                    <a:pt x="1514353" y="1113178"/>
                  </a:cubicBezTo>
                  <a:cubicBezTo>
                    <a:pt x="1575691" y="1020528"/>
                    <a:pt x="1607080" y="967227"/>
                    <a:pt x="1658072" y="858963"/>
                  </a:cubicBezTo>
                  <a:cubicBezTo>
                    <a:pt x="1755165" y="700418"/>
                    <a:pt x="1772898" y="595100"/>
                    <a:pt x="1823288" y="463593"/>
                  </a:cubicBezTo>
                  <a:cubicBezTo>
                    <a:pt x="1873678" y="332086"/>
                    <a:pt x="1915439" y="67597"/>
                    <a:pt x="1976891" y="0"/>
                  </a:cubicBezTo>
                  <a:cubicBezTo>
                    <a:pt x="2083395" y="1690"/>
                    <a:pt x="2032581" y="3321"/>
                    <a:pt x="2092804" y="3321"/>
                  </a:cubicBezTo>
                  <a:cubicBezTo>
                    <a:pt x="2100178" y="85667"/>
                    <a:pt x="2006299" y="373874"/>
                    <a:pt x="1948534" y="529961"/>
                  </a:cubicBezTo>
                  <a:cubicBezTo>
                    <a:pt x="1890770" y="686048"/>
                    <a:pt x="1828089" y="802805"/>
                    <a:pt x="1756805" y="950288"/>
                  </a:cubicBezTo>
                  <a:cubicBezTo>
                    <a:pt x="1645456" y="1186355"/>
                    <a:pt x="1466046" y="1314204"/>
                    <a:pt x="1469153" y="1466481"/>
                  </a:cubicBezTo>
                  <a:cubicBezTo>
                    <a:pt x="1531530" y="1534500"/>
                    <a:pt x="1562947" y="1502810"/>
                    <a:pt x="1606247" y="1505120"/>
                  </a:cubicBezTo>
                  <a:cubicBezTo>
                    <a:pt x="1667917" y="1499570"/>
                    <a:pt x="1725003" y="1466866"/>
                    <a:pt x="1747322" y="1480341"/>
                  </a:cubicBezTo>
                  <a:cubicBezTo>
                    <a:pt x="1787401" y="1496048"/>
                    <a:pt x="1763987" y="1528235"/>
                    <a:pt x="1737539" y="1517850"/>
                  </a:cubicBezTo>
                  <a:cubicBezTo>
                    <a:pt x="1691999" y="1532198"/>
                    <a:pt x="1623694" y="1547680"/>
                    <a:pt x="1550447" y="1550409"/>
                  </a:cubicBezTo>
                  <a:cubicBezTo>
                    <a:pt x="1496201" y="1549598"/>
                    <a:pt x="1540128" y="1545215"/>
                    <a:pt x="1448800" y="1539181"/>
                  </a:cubicBezTo>
                  <a:cubicBezTo>
                    <a:pt x="1402083" y="1543629"/>
                    <a:pt x="1403677" y="1554604"/>
                    <a:pt x="1270142" y="1577094"/>
                  </a:cubicBezTo>
                  <a:cubicBezTo>
                    <a:pt x="1066123" y="1611507"/>
                    <a:pt x="862103" y="1660668"/>
                    <a:pt x="658084" y="1695081"/>
                  </a:cubicBezTo>
                  <a:lnTo>
                    <a:pt x="5956" y="1767496"/>
                  </a:lnTo>
                  <a:cubicBezTo>
                    <a:pt x="5959" y="1713419"/>
                    <a:pt x="-3" y="1674235"/>
                    <a:pt x="0" y="1620158"/>
                  </a:cubicBezTo>
                  <a:close/>
                </a:path>
              </a:pathLst>
            </a:custGeom>
            <a:solidFill>
              <a:srgbClr val="FF0000"/>
            </a:solid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2" name="Rektangel 24">
              <a:extLst>
                <a:ext uri="{FF2B5EF4-FFF2-40B4-BE49-F238E27FC236}">
                  <a16:creationId xmlns:a16="http://schemas.microsoft.com/office/drawing/2014/main" id="{E0638296-3946-4148-AF60-5DB4C800FD30}"/>
                </a:ext>
              </a:extLst>
            </p:cNvPr>
            <p:cNvSpPr/>
            <p:nvPr/>
          </p:nvSpPr>
          <p:spPr>
            <a:xfrm>
              <a:off x="2785759" y="2383884"/>
              <a:ext cx="1382065" cy="186556"/>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59025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84415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88690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75412 w 3012152"/>
                <a:gd name="connsiteY9" fmla="*/ 1393722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334731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48582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19085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76949 w 3019537"/>
                <a:gd name="connsiteY7" fmla="*/ 486699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589470 w 3019537"/>
                <a:gd name="connsiteY2" fmla="*/ 796414 h 1713883"/>
                <a:gd name="connsiteX3" fmla="*/ 1751703 w 3019537"/>
                <a:gd name="connsiteY3" fmla="*/ 412958 h 1713883"/>
                <a:gd name="connsiteX4" fmla="*/ 1884425 w 3019537"/>
                <a:gd name="connsiteY4" fmla="*/ 0 h 1713883"/>
                <a:gd name="connsiteX5" fmla="*/ 2009649 w 3019537"/>
                <a:gd name="connsiteY5" fmla="*/ 14750 h 1713883"/>
                <a:gd name="connsiteX6" fmla="*/ 1876949 w 3019537"/>
                <a:gd name="connsiteY6" fmla="*/ 479326 h 1713883"/>
                <a:gd name="connsiteX7" fmla="*/ 1685220 w 3019537"/>
                <a:gd name="connsiteY7" fmla="*/ 899653 h 1713883"/>
                <a:gd name="connsiteX8" fmla="*/ 1397568 w 3019537"/>
                <a:gd name="connsiteY8" fmla="*/ 1415846 h 1713883"/>
                <a:gd name="connsiteX9" fmla="*/ 2068735 w 3019537"/>
                <a:gd name="connsiteY9" fmla="*/ 1297861 h 1713883"/>
                <a:gd name="connsiteX10" fmla="*/ 2636525 w 3019537"/>
                <a:gd name="connsiteY10" fmla="*/ 1327358 h 1713883"/>
                <a:gd name="connsiteX11" fmla="*/ 3019537 w 3019537"/>
                <a:gd name="connsiteY11" fmla="*/ 1411542 h 1713883"/>
                <a:gd name="connsiteX12" fmla="*/ 3004790 w 3019537"/>
                <a:gd name="connsiteY12" fmla="*/ 1507405 h 1713883"/>
                <a:gd name="connsiteX13" fmla="*/ 2533309 w 3019537"/>
                <a:gd name="connsiteY13" fmla="*/ 1430596 h 1713883"/>
                <a:gd name="connsiteX14" fmla="*/ 2024479 w 3019537"/>
                <a:gd name="connsiteY14" fmla="*/ 1430597 h 1713883"/>
                <a:gd name="connsiteX15" fmla="*/ 1545179 w 3019537"/>
                <a:gd name="connsiteY15" fmla="*/ 1533835 h 1713883"/>
                <a:gd name="connsiteX16" fmla="*/ 1198557 w 3019537"/>
                <a:gd name="connsiteY16" fmla="*/ 1526459 h 1713883"/>
                <a:gd name="connsiteX17" fmla="*/ 586499 w 3019537"/>
                <a:gd name="connsiteY17" fmla="*/ 1644446 h 1713883"/>
                <a:gd name="connsiteX18" fmla="*/ 0 w 3019537"/>
                <a:gd name="connsiteY18" fmla="*/ 1713883 h 1713883"/>
                <a:gd name="connsiteX19" fmla="*/ 10 w 3019537"/>
                <a:gd name="connsiteY19" fmla="*/ 1551652 h 1713883"/>
                <a:gd name="connsiteX0" fmla="*/ 10 w 3019537"/>
                <a:gd name="connsiteY0" fmla="*/ 1551652 h 1713883"/>
                <a:gd name="connsiteX1" fmla="*/ 579136 w 3019537"/>
                <a:gd name="connsiteY1" fmla="*/ 1489588 h 1713883"/>
                <a:gd name="connsiteX2" fmla="*/ 1589470 w 3019537"/>
                <a:gd name="connsiteY2" fmla="*/ 796414 h 1713883"/>
                <a:gd name="connsiteX3" fmla="*/ 1751703 w 3019537"/>
                <a:gd name="connsiteY3" fmla="*/ 412958 h 1713883"/>
                <a:gd name="connsiteX4" fmla="*/ 1884425 w 3019537"/>
                <a:gd name="connsiteY4" fmla="*/ 0 h 1713883"/>
                <a:gd name="connsiteX5" fmla="*/ 2009649 w 3019537"/>
                <a:gd name="connsiteY5" fmla="*/ 14750 h 1713883"/>
                <a:gd name="connsiteX6" fmla="*/ 1876949 w 3019537"/>
                <a:gd name="connsiteY6" fmla="*/ 479326 h 1713883"/>
                <a:gd name="connsiteX7" fmla="*/ 1685220 w 3019537"/>
                <a:gd name="connsiteY7" fmla="*/ 899653 h 1713883"/>
                <a:gd name="connsiteX8" fmla="*/ 1397568 w 3019537"/>
                <a:gd name="connsiteY8" fmla="*/ 1415846 h 1713883"/>
                <a:gd name="connsiteX9" fmla="*/ 2068735 w 3019537"/>
                <a:gd name="connsiteY9" fmla="*/ 1297861 h 1713883"/>
                <a:gd name="connsiteX10" fmla="*/ 2636525 w 3019537"/>
                <a:gd name="connsiteY10" fmla="*/ 1327358 h 1713883"/>
                <a:gd name="connsiteX11" fmla="*/ 3019537 w 3019537"/>
                <a:gd name="connsiteY11" fmla="*/ 1411542 h 1713883"/>
                <a:gd name="connsiteX12" fmla="*/ 3004790 w 3019537"/>
                <a:gd name="connsiteY12" fmla="*/ 1507405 h 1713883"/>
                <a:gd name="connsiteX13" fmla="*/ 2533309 w 3019537"/>
                <a:gd name="connsiteY13" fmla="*/ 1430596 h 1713883"/>
                <a:gd name="connsiteX14" fmla="*/ 2024479 w 3019537"/>
                <a:gd name="connsiteY14" fmla="*/ 1430597 h 1713883"/>
                <a:gd name="connsiteX15" fmla="*/ 1545179 w 3019537"/>
                <a:gd name="connsiteY15" fmla="*/ 1533835 h 1713883"/>
                <a:gd name="connsiteX16" fmla="*/ 586499 w 3019537"/>
                <a:gd name="connsiteY16" fmla="*/ 1644446 h 1713883"/>
                <a:gd name="connsiteX17" fmla="*/ 0 w 3019537"/>
                <a:gd name="connsiteY17" fmla="*/ 1713883 h 1713883"/>
                <a:gd name="connsiteX18" fmla="*/ 10 w 3019537"/>
                <a:gd name="connsiteY18" fmla="*/ 1551652 h 1713883"/>
                <a:gd name="connsiteX0" fmla="*/ 3 w 3019540"/>
                <a:gd name="connsiteY0" fmla="*/ 1713883 h 1713883"/>
                <a:gd name="connsiteX1" fmla="*/ 579139 w 3019540"/>
                <a:gd name="connsiteY1" fmla="*/ 1489588 h 1713883"/>
                <a:gd name="connsiteX2" fmla="*/ 1589473 w 3019540"/>
                <a:gd name="connsiteY2" fmla="*/ 796414 h 1713883"/>
                <a:gd name="connsiteX3" fmla="*/ 1751706 w 3019540"/>
                <a:gd name="connsiteY3" fmla="*/ 412958 h 1713883"/>
                <a:gd name="connsiteX4" fmla="*/ 1884428 w 3019540"/>
                <a:gd name="connsiteY4" fmla="*/ 0 h 1713883"/>
                <a:gd name="connsiteX5" fmla="*/ 2009652 w 3019540"/>
                <a:gd name="connsiteY5" fmla="*/ 14750 h 1713883"/>
                <a:gd name="connsiteX6" fmla="*/ 1876952 w 3019540"/>
                <a:gd name="connsiteY6" fmla="*/ 479326 h 1713883"/>
                <a:gd name="connsiteX7" fmla="*/ 1685223 w 3019540"/>
                <a:gd name="connsiteY7" fmla="*/ 899653 h 1713883"/>
                <a:gd name="connsiteX8" fmla="*/ 1397571 w 3019540"/>
                <a:gd name="connsiteY8" fmla="*/ 1415846 h 1713883"/>
                <a:gd name="connsiteX9" fmla="*/ 2068738 w 3019540"/>
                <a:gd name="connsiteY9" fmla="*/ 1297861 h 1713883"/>
                <a:gd name="connsiteX10" fmla="*/ 2636528 w 3019540"/>
                <a:gd name="connsiteY10" fmla="*/ 1327358 h 1713883"/>
                <a:gd name="connsiteX11" fmla="*/ 3019540 w 3019540"/>
                <a:gd name="connsiteY11" fmla="*/ 1411542 h 1713883"/>
                <a:gd name="connsiteX12" fmla="*/ 3004793 w 3019540"/>
                <a:gd name="connsiteY12" fmla="*/ 1507405 h 1713883"/>
                <a:gd name="connsiteX13" fmla="*/ 2533312 w 3019540"/>
                <a:gd name="connsiteY13" fmla="*/ 1430596 h 1713883"/>
                <a:gd name="connsiteX14" fmla="*/ 2024482 w 3019540"/>
                <a:gd name="connsiteY14" fmla="*/ 1430597 h 1713883"/>
                <a:gd name="connsiteX15" fmla="*/ 1545182 w 3019540"/>
                <a:gd name="connsiteY15" fmla="*/ 1533835 h 1713883"/>
                <a:gd name="connsiteX16" fmla="*/ 586502 w 3019540"/>
                <a:gd name="connsiteY16" fmla="*/ 1644446 h 1713883"/>
                <a:gd name="connsiteX17" fmla="*/ 3 w 3019540"/>
                <a:gd name="connsiteY17" fmla="*/ 1713883 h 1713883"/>
                <a:gd name="connsiteX0" fmla="*/ 7363 w 2440401"/>
                <a:gd name="connsiteY0" fmla="*/ 1644446 h 1644446"/>
                <a:gd name="connsiteX1" fmla="*/ 0 w 2440401"/>
                <a:gd name="connsiteY1" fmla="*/ 1489588 h 1644446"/>
                <a:gd name="connsiteX2" fmla="*/ 1010334 w 2440401"/>
                <a:gd name="connsiteY2" fmla="*/ 796414 h 1644446"/>
                <a:gd name="connsiteX3" fmla="*/ 1172567 w 2440401"/>
                <a:gd name="connsiteY3" fmla="*/ 412958 h 1644446"/>
                <a:gd name="connsiteX4" fmla="*/ 1305289 w 2440401"/>
                <a:gd name="connsiteY4" fmla="*/ 0 h 1644446"/>
                <a:gd name="connsiteX5" fmla="*/ 1430513 w 2440401"/>
                <a:gd name="connsiteY5" fmla="*/ 14750 h 1644446"/>
                <a:gd name="connsiteX6" fmla="*/ 1297813 w 2440401"/>
                <a:gd name="connsiteY6" fmla="*/ 479326 h 1644446"/>
                <a:gd name="connsiteX7" fmla="*/ 1106084 w 2440401"/>
                <a:gd name="connsiteY7" fmla="*/ 899653 h 1644446"/>
                <a:gd name="connsiteX8" fmla="*/ 818432 w 2440401"/>
                <a:gd name="connsiteY8" fmla="*/ 1415846 h 1644446"/>
                <a:gd name="connsiteX9" fmla="*/ 1489599 w 2440401"/>
                <a:gd name="connsiteY9" fmla="*/ 1297861 h 1644446"/>
                <a:gd name="connsiteX10" fmla="*/ 2057389 w 2440401"/>
                <a:gd name="connsiteY10" fmla="*/ 1327358 h 1644446"/>
                <a:gd name="connsiteX11" fmla="*/ 2440401 w 2440401"/>
                <a:gd name="connsiteY11" fmla="*/ 1411542 h 1644446"/>
                <a:gd name="connsiteX12" fmla="*/ 2425654 w 2440401"/>
                <a:gd name="connsiteY12" fmla="*/ 1507405 h 1644446"/>
                <a:gd name="connsiteX13" fmla="*/ 1954173 w 2440401"/>
                <a:gd name="connsiteY13" fmla="*/ 1430596 h 1644446"/>
                <a:gd name="connsiteX14" fmla="*/ 1445343 w 2440401"/>
                <a:gd name="connsiteY14" fmla="*/ 1430597 h 1644446"/>
                <a:gd name="connsiteX15" fmla="*/ 966043 w 2440401"/>
                <a:gd name="connsiteY15" fmla="*/ 1533835 h 1644446"/>
                <a:gd name="connsiteX16" fmla="*/ 7363 w 2440401"/>
                <a:gd name="connsiteY16" fmla="*/ 1644446 h 1644446"/>
                <a:gd name="connsiteX0" fmla="*/ 0 w 2433038"/>
                <a:gd name="connsiteY0" fmla="*/ 1644446 h 1644446"/>
                <a:gd name="connsiteX1" fmla="*/ 1002971 w 2433038"/>
                <a:gd name="connsiteY1" fmla="*/ 796414 h 1644446"/>
                <a:gd name="connsiteX2" fmla="*/ 1165204 w 2433038"/>
                <a:gd name="connsiteY2" fmla="*/ 412958 h 1644446"/>
                <a:gd name="connsiteX3" fmla="*/ 1297926 w 2433038"/>
                <a:gd name="connsiteY3" fmla="*/ 0 h 1644446"/>
                <a:gd name="connsiteX4" fmla="*/ 1423150 w 2433038"/>
                <a:gd name="connsiteY4" fmla="*/ 14750 h 1644446"/>
                <a:gd name="connsiteX5" fmla="*/ 1290450 w 2433038"/>
                <a:gd name="connsiteY5" fmla="*/ 479326 h 1644446"/>
                <a:gd name="connsiteX6" fmla="*/ 1098721 w 2433038"/>
                <a:gd name="connsiteY6" fmla="*/ 899653 h 1644446"/>
                <a:gd name="connsiteX7" fmla="*/ 811069 w 2433038"/>
                <a:gd name="connsiteY7" fmla="*/ 1415846 h 1644446"/>
                <a:gd name="connsiteX8" fmla="*/ 1482236 w 2433038"/>
                <a:gd name="connsiteY8" fmla="*/ 1297861 h 1644446"/>
                <a:gd name="connsiteX9" fmla="*/ 2050026 w 2433038"/>
                <a:gd name="connsiteY9" fmla="*/ 1327358 h 1644446"/>
                <a:gd name="connsiteX10" fmla="*/ 2433038 w 2433038"/>
                <a:gd name="connsiteY10" fmla="*/ 1411542 h 1644446"/>
                <a:gd name="connsiteX11" fmla="*/ 2418291 w 2433038"/>
                <a:gd name="connsiteY11" fmla="*/ 1507405 h 1644446"/>
                <a:gd name="connsiteX12" fmla="*/ 1946810 w 2433038"/>
                <a:gd name="connsiteY12" fmla="*/ 1430596 h 1644446"/>
                <a:gd name="connsiteX13" fmla="*/ 1437980 w 2433038"/>
                <a:gd name="connsiteY13" fmla="*/ 1430597 h 1644446"/>
                <a:gd name="connsiteX14" fmla="*/ 958680 w 2433038"/>
                <a:gd name="connsiteY14" fmla="*/ 1533835 h 1644446"/>
                <a:gd name="connsiteX15" fmla="*/ 0 w 2433038"/>
                <a:gd name="connsiteY15" fmla="*/ 1644446 h 1644446"/>
                <a:gd name="connsiteX0" fmla="*/ 152395 w 1626753"/>
                <a:gd name="connsiteY0" fmla="*/ 1533835 h 1563051"/>
                <a:gd name="connsiteX1" fmla="*/ 196686 w 1626753"/>
                <a:gd name="connsiteY1" fmla="*/ 796414 h 1563051"/>
                <a:gd name="connsiteX2" fmla="*/ 358919 w 1626753"/>
                <a:gd name="connsiteY2" fmla="*/ 412958 h 1563051"/>
                <a:gd name="connsiteX3" fmla="*/ 491641 w 1626753"/>
                <a:gd name="connsiteY3" fmla="*/ 0 h 1563051"/>
                <a:gd name="connsiteX4" fmla="*/ 616865 w 1626753"/>
                <a:gd name="connsiteY4" fmla="*/ 14750 h 1563051"/>
                <a:gd name="connsiteX5" fmla="*/ 484165 w 1626753"/>
                <a:gd name="connsiteY5" fmla="*/ 479326 h 1563051"/>
                <a:gd name="connsiteX6" fmla="*/ 292436 w 1626753"/>
                <a:gd name="connsiteY6" fmla="*/ 899653 h 1563051"/>
                <a:gd name="connsiteX7" fmla="*/ 4784 w 1626753"/>
                <a:gd name="connsiteY7" fmla="*/ 1415846 h 1563051"/>
                <a:gd name="connsiteX8" fmla="*/ 675951 w 1626753"/>
                <a:gd name="connsiteY8" fmla="*/ 1297861 h 1563051"/>
                <a:gd name="connsiteX9" fmla="*/ 1243741 w 1626753"/>
                <a:gd name="connsiteY9" fmla="*/ 1327358 h 1563051"/>
                <a:gd name="connsiteX10" fmla="*/ 1626753 w 1626753"/>
                <a:gd name="connsiteY10" fmla="*/ 1411542 h 1563051"/>
                <a:gd name="connsiteX11" fmla="*/ 1612006 w 1626753"/>
                <a:gd name="connsiteY11" fmla="*/ 1507405 h 1563051"/>
                <a:gd name="connsiteX12" fmla="*/ 1140525 w 1626753"/>
                <a:gd name="connsiteY12" fmla="*/ 1430596 h 1563051"/>
                <a:gd name="connsiteX13" fmla="*/ 631695 w 1626753"/>
                <a:gd name="connsiteY13" fmla="*/ 1430597 h 1563051"/>
                <a:gd name="connsiteX14" fmla="*/ 152395 w 1626753"/>
                <a:gd name="connsiteY14" fmla="*/ 1533835 h 1563051"/>
                <a:gd name="connsiteX0" fmla="*/ 149385 w 1623743"/>
                <a:gd name="connsiteY0" fmla="*/ 1533835 h 1563051"/>
                <a:gd name="connsiteX1" fmla="*/ 193676 w 1623743"/>
                <a:gd name="connsiteY1" fmla="*/ 796414 h 1563051"/>
                <a:gd name="connsiteX2" fmla="*/ 355909 w 1623743"/>
                <a:gd name="connsiteY2" fmla="*/ 412958 h 1563051"/>
                <a:gd name="connsiteX3" fmla="*/ 488631 w 1623743"/>
                <a:gd name="connsiteY3" fmla="*/ 0 h 1563051"/>
                <a:gd name="connsiteX4" fmla="*/ 613855 w 1623743"/>
                <a:gd name="connsiteY4" fmla="*/ 14750 h 1563051"/>
                <a:gd name="connsiteX5" fmla="*/ 481155 w 1623743"/>
                <a:gd name="connsiteY5" fmla="*/ 479326 h 1563051"/>
                <a:gd name="connsiteX6" fmla="*/ 1774 w 1623743"/>
                <a:gd name="connsiteY6" fmla="*/ 1415846 h 1563051"/>
                <a:gd name="connsiteX7" fmla="*/ 672941 w 1623743"/>
                <a:gd name="connsiteY7" fmla="*/ 1297861 h 1563051"/>
                <a:gd name="connsiteX8" fmla="*/ 1240731 w 1623743"/>
                <a:gd name="connsiteY8" fmla="*/ 1327358 h 1563051"/>
                <a:gd name="connsiteX9" fmla="*/ 1623743 w 1623743"/>
                <a:gd name="connsiteY9" fmla="*/ 1411542 h 1563051"/>
                <a:gd name="connsiteX10" fmla="*/ 1608996 w 1623743"/>
                <a:gd name="connsiteY10" fmla="*/ 1507405 h 1563051"/>
                <a:gd name="connsiteX11" fmla="*/ 1137515 w 1623743"/>
                <a:gd name="connsiteY11" fmla="*/ 1430596 h 1563051"/>
                <a:gd name="connsiteX12" fmla="*/ 628685 w 1623743"/>
                <a:gd name="connsiteY12" fmla="*/ 1430597 h 1563051"/>
                <a:gd name="connsiteX13" fmla="*/ 149385 w 1623743"/>
                <a:gd name="connsiteY13" fmla="*/ 1533835 h 1563051"/>
                <a:gd name="connsiteX0" fmla="*/ 149385 w 1623743"/>
                <a:gd name="connsiteY0" fmla="*/ 1533835 h 1563051"/>
                <a:gd name="connsiteX1" fmla="*/ 355909 w 1623743"/>
                <a:gd name="connsiteY1" fmla="*/ 412958 h 1563051"/>
                <a:gd name="connsiteX2" fmla="*/ 488631 w 1623743"/>
                <a:gd name="connsiteY2" fmla="*/ 0 h 1563051"/>
                <a:gd name="connsiteX3" fmla="*/ 613855 w 1623743"/>
                <a:gd name="connsiteY3" fmla="*/ 14750 h 1563051"/>
                <a:gd name="connsiteX4" fmla="*/ 481155 w 1623743"/>
                <a:gd name="connsiteY4" fmla="*/ 479326 h 1563051"/>
                <a:gd name="connsiteX5" fmla="*/ 1774 w 1623743"/>
                <a:gd name="connsiteY5" fmla="*/ 1415846 h 1563051"/>
                <a:gd name="connsiteX6" fmla="*/ 672941 w 1623743"/>
                <a:gd name="connsiteY6" fmla="*/ 1297861 h 1563051"/>
                <a:gd name="connsiteX7" fmla="*/ 1240731 w 1623743"/>
                <a:gd name="connsiteY7" fmla="*/ 1327358 h 1563051"/>
                <a:gd name="connsiteX8" fmla="*/ 1623743 w 1623743"/>
                <a:gd name="connsiteY8" fmla="*/ 1411542 h 1563051"/>
                <a:gd name="connsiteX9" fmla="*/ 1608996 w 1623743"/>
                <a:gd name="connsiteY9" fmla="*/ 1507405 h 1563051"/>
                <a:gd name="connsiteX10" fmla="*/ 1137515 w 1623743"/>
                <a:gd name="connsiteY10" fmla="*/ 1430596 h 1563051"/>
                <a:gd name="connsiteX11" fmla="*/ 628685 w 1623743"/>
                <a:gd name="connsiteY11" fmla="*/ 1430597 h 1563051"/>
                <a:gd name="connsiteX12" fmla="*/ 149385 w 1623743"/>
                <a:gd name="connsiteY12" fmla="*/ 1533835 h 1563051"/>
                <a:gd name="connsiteX0" fmla="*/ 149385 w 1623743"/>
                <a:gd name="connsiteY0" fmla="*/ 1533835 h 1563051"/>
                <a:gd name="connsiteX1" fmla="*/ 488631 w 1623743"/>
                <a:gd name="connsiteY1" fmla="*/ 0 h 1563051"/>
                <a:gd name="connsiteX2" fmla="*/ 613855 w 1623743"/>
                <a:gd name="connsiteY2" fmla="*/ 14750 h 1563051"/>
                <a:gd name="connsiteX3" fmla="*/ 481155 w 1623743"/>
                <a:gd name="connsiteY3" fmla="*/ 479326 h 1563051"/>
                <a:gd name="connsiteX4" fmla="*/ 1774 w 1623743"/>
                <a:gd name="connsiteY4" fmla="*/ 1415846 h 1563051"/>
                <a:gd name="connsiteX5" fmla="*/ 672941 w 1623743"/>
                <a:gd name="connsiteY5" fmla="*/ 1297861 h 1563051"/>
                <a:gd name="connsiteX6" fmla="*/ 1240731 w 1623743"/>
                <a:gd name="connsiteY6" fmla="*/ 1327358 h 1563051"/>
                <a:gd name="connsiteX7" fmla="*/ 1623743 w 1623743"/>
                <a:gd name="connsiteY7" fmla="*/ 1411542 h 1563051"/>
                <a:gd name="connsiteX8" fmla="*/ 1608996 w 1623743"/>
                <a:gd name="connsiteY8" fmla="*/ 1507405 h 1563051"/>
                <a:gd name="connsiteX9" fmla="*/ 1137515 w 1623743"/>
                <a:gd name="connsiteY9" fmla="*/ 1430596 h 1563051"/>
                <a:gd name="connsiteX10" fmla="*/ 628685 w 1623743"/>
                <a:gd name="connsiteY10" fmla="*/ 1430597 h 1563051"/>
                <a:gd name="connsiteX11" fmla="*/ 149385 w 1623743"/>
                <a:gd name="connsiteY11" fmla="*/ 1533835 h 1563051"/>
                <a:gd name="connsiteX0" fmla="*/ 147744 w 1622102"/>
                <a:gd name="connsiteY0" fmla="*/ 1533835 h 1563051"/>
                <a:gd name="connsiteX1" fmla="*/ 486990 w 1622102"/>
                <a:gd name="connsiteY1" fmla="*/ 0 h 1563051"/>
                <a:gd name="connsiteX2" fmla="*/ 612214 w 1622102"/>
                <a:gd name="connsiteY2" fmla="*/ 14750 h 1563051"/>
                <a:gd name="connsiteX3" fmla="*/ 133 w 1622102"/>
                <a:gd name="connsiteY3" fmla="*/ 1415846 h 1563051"/>
                <a:gd name="connsiteX4" fmla="*/ 671300 w 1622102"/>
                <a:gd name="connsiteY4" fmla="*/ 1297861 h 1563051"/>
                <a:gd name="connsiteX5" fmla="*/ 1239090 w 1622102"/>
                <a:gd name="connsiteY5" fmla="*/ 1327358 h 1563051"/>
                <a:gd name="connsiteX6" fmla="*/ 1622102 w 1622102"/>
                <a:gd name="connsiteY6" fmla="*/ 1411542 h 1563051"/>
                <a:gd name="connsiteX7" fmla="*/ 1607355 w 1622102"/>
                <a:gd name="connsiteY7" fmla="*/ 1507405 h 1563051"/>
                <a:gd name="connsiteX8" fmla="*/ 1135874 w 1622102"/>
                <a:gd name="connsiteY8" fmla="*/ 1430596 h 1563051"/>
                <a:gd name="connsiteX9" fmla="*/ 627044 w 1622102"/>
                <a:gd name="connsiteY9" fmla="*/ 1430597 h 1563051"/>
                <a:gd name="connsiteX10" fmla="*/ 147744 w 1622102"/>
                <a:gd name="connsiteY10" fmla="*/ 1533835 h 1563051"/>
                <a:gd name="connsiteX0" fmla="*/ 147744 w 1622102"/>
                <a:gd name="connsiteY0" fmla="*/ 1519085 h 1548301"/>
                <a:gd name="connsiteX1" fmla="*/ 612214 w 1622102"/>
                <a:gd name="connsiteY1" fmla="*/ 0 h 1548301"/>
                <a:gd name="connsiteX2" fmla="*/ 133 w 1622102"/>
                <a:gd name="connsiteY2" fmla="*/ 1401096 h 1548301"/>
                <a:gd name="connsiteX3" fmla="*/ 671300 w 1622102"/>
                <a:gd name="connsiteY3" fmla="*/ 1283111 h 1548301"/>
                <a:gd name="connsiteX4" fmla="*/ 1239090 w 1622102"/>
                <a:gd name="connsiteY4" fmla="*/ 1312608 h 1548301"/>
                <a:gd name="connsiteX5" fmla="*/ 1622102 w 1622102"/>
                <a:gd name="connsiteY5" fmla="*/ 1396792 h 1548301"/>
                <a:gd name="connsiteX6" fmla="*/ 1607355 w 1622102"/>
                <a:gd name="connsiteY6" fmla="*/ 1492655 h 1548301"/>
                <a:gd name="connsiteX7" fmla="*/ 1135874 w 1622102"/>
                <a:gd name="connsiteY7" fmla="*/ 1415846 h 1548301"/>
                <a:gd name="connsiteX8" fmla="*/ 627044 w 1622102"/>
                <a:gd name="connsiteY8" fmla="*/ 1415847 h 1548301"/>
                <a:gd name="connsiteX9" fmla="*/ 147744 w 1622102"/>
                <a:gd name="connsiteY9" fmla="*/ 1519085 h 1548301"/>
                <a:gd name="connsiteX0" fmla="*/ 176242 w 1650600"/>
                <a:gd name="connsiteY0" fmla="*/ 235975 h 265191"/>
                <a:gd name="connsiteX1" fmla="*/ 28631 w 1650600"/>
                <a:gd name="connsiteY1" fmla="*/ 117986 h 265191"/>
                <a:gd name="connsiteX2" fmla="*/ 699798 w 1650600"/>
                <a:gd name="connsiteY2" fmla="*/ 1 h 265191"/>
                <a:gd name="connsiteX3" fmla="*/ 1267588 w 1650600"/>
                <a:gd name="connsiteY3" fmla="*/ 29498 h 265191"/>
                <a:gd name="connsiteX4" fmla="*/ 1650600 w 1650600"/>
                <a:gd name="connsiteY4" fmla="*/ 113682 h 265191"/>
                <a:gd name="connsiteX5" fmla="*/ 1635853 w 1650600"/>
                <a:gd name="connsiteY5" fmla="*/ 209545 h 265191"/>
                <a:gd name="connsiteX6" fmla="*/ 1164372 w 1650600"/>
                <a:gd name="connsiteY6" fmla="*/ 132736 h 265191"/>
                <a:gd name="connsiteX7" fmla="*/ 655542 w 1650600"/>
                <a:gd name="connsiteY7" fmla="*/ 132737 h 265191"/>
                <a:gd name="connsiteX8" fmla="*/ 176242 w 1650600"/>
                <a:gd name="connsiteY8" fmla="*/ 235975 h 265191"/>
                <a:gd name="connsiteX0" fmla="*/ 87718 w 1562076"/>
                <a:gd name="connsiteY0" fmla="*/ 235975 h 265191"/>
                <a:gd name="connsiteX1" fmla="*/ 57855 w 1562076"/>
                <a:gd name="connsiteY1" fmla="*/ 104924 h 265191"/>
                <a:gd name="connsiteX2" fmla="*/ 611274 w 1562076"/>
                <a:gd name="connsiteY2" fmla="*/ 1 h 265191"/>
                <a:gd name="connsiteX3" fmla="*/ 1179064 w 1562076"/>
                <a:gd name="connsiteY3" fmla="*/ 29498 h 265191"/>
                <a:gd name="connsiteX4" fmla="*/ 1562076 w 1562076"/>
                <a:gd name="connsiteY4" fmla="*/ 113682 h 265191"/>
                <a:gd name="connsiteX5" fmla="*/ 1547329 w 1562076"/>
                <a:gd name="connsiteY5" fmla="*/ 209545 h 265191"/>
                <a:gd name="connsiteX6" fmla="*/ 1075848 w 1562076"/>
                <a:gd name="connsiteY6" fmla="*/ 132736 h 265191"/>
                <a:gd name="connsiteX7" fmla="*/ 567018 w 1562076"/>
                <a:gd name="connsiteY7" fmla="*/ 132737 h 265191"/>
                <a:gd name="connsiteX8" fmla="*/ 87718 w 1562076"/>
                <a:gd name="connsiteY8" fmla="*/ 235975 h 265191"/>
                <a:gd name="connsiteX0" fmla="*/ 87718 w 1562076"/>
                <a:gd name="connsiteY0" fmla="*/ 235975 h 235975"/>
                <a:gd name="connsiteX1" fmla="*/ 57855 w 1562076"/>
                <a:gd name="connsiteY1" fmla="*/ 104924 h 235975"/>
                <a:gd name="connsiteX2" fmla="*/ 611274 w 1562076"/>
                <a:gd name="connsiteY2" fmla="*/ 1 h 235975"/>
                <a:gd name="connsiteX3" fmla="*/ 1179064 w 1562076"/>
                <a:gd name="connsiteY3" fmla="*/ 29498 h 235975"/>
                <a:gd name="connsiteX4" fmla="*/ 1562076 w 1562076"/>
                <a:gd name="connsiteY4" fmla="*/ 113682 h 235975"/>
                <a:gd name="connsiteX5" fmla="*/ 1547329 w 1562076"/>
                <a:gd name="connsiteY5" fmla="*/ 209545 h 235975"/>
                <a:gd name="connsiteX6" fmla="*/ 1075848 w 1562076"/>
                <a:gd name="connsiteY6" fmla="*/ 132736 h 235975"/>
                <a:gd name="connsiteX7" fmla="*/ 567018 w 1562076"/>
                <a:gd name="connsiteY7" fmla="*/ 132737 h 235975"/>
                <a:gd name="connsiteX8" fmla="*/ 87718 w 1562076"/>
                <a:gd name="connsiteY8" fmla="*/ 235975 h 235975"/>
                <a:gd name="connsiteX0" fmla="*/ 55609 w 1529967"/>
                <a:gd name="connsiteY0" fmla="*/ 235975 h 235975"/>
                <a:gd name="connsiteX1" fmla="*/ 97703 w 1529967"/>
                <a:gd name="connsiteY1" fmla="*/ 101658 h 235975"/>
                <a:gd name="connsiteX2" fmla="*/ 579165 w 1529967"/>
                <a:gd name="connsiteY2" fmla="*/ 1 h 235975"/>
                <a:gd name="connsiteX3" fmla="*/ 1146955 w 1529967"/>
                <a:gd name="connsiteY3" fmla="*/ 29498 h 235975"/>
                <a:gd name="connsiteX4" fmla="*/ 1529967 w 1529967"/>
                <a:gd name="connsiteY4" fmla="*/ 113682 h 235975"/>
                <a:gd name="connsiteX5" fmla="*/ 1515220 w 1529967"/>
                <a:gd name="connsiteY5" fmla="*/ 209545 h 235975"/>
                <a:gd name="connsiteX6" fmla="*/ 1043739 w 1529967"/>
                <a:gd name="connsiteY6" fmla="*/ 132736 h 235975"/>
                <a:gd name="connsiteX7" fmla="*/ 534909 w 1529967"/>
                <a:gd name="connsiteY7" fmla="*/ 132737 h 235975"/>
                <a:gd name="connsiteX8" fmla="*/ 55609 w 1529967"/>
                <a:gd name="connsiteY8" fmla="*/ 235975 h 235975"/>
                <a:gd name="connsiteX0" fmla="*/ 138084 w 1468528"/>
                <a:gd name="connsiteY0" fmla="*/ 183724 h 212361"/>
                <a:gd name="connsiteX1" fmla="*/ 36264 w 1468528"/>
                <a:gd name="connsiteY1" fmla="*/ 101658 h 212361"/>
                <a:gd name="connsiteX2" fmla="*/ 517726 w 1468528"/>
                <a:gd name="connsiteY2" fmla="*/ 1 h 212361"/>
                <a:gd name="connsiteX3" fmla="*/ 1085516 w 1468528"/>
                <a:gd name="connsiteY3" fmla="*/ 29498 h 212361"/>
                <a:gd name="connsiteX4" fmla="*/ 1468528 w 1468528"/>
                <a:gd name="connsiteY4" fmla="*/ 113682 h 212361"/>
                <a:gd name="connsiteX5" fmla="*/ 1453781 w 1468528"/>
                <a:gd name="connsiteY5" fmla="*/ 209545 h 212361"/>
                <a:gd name="connsiteX6" fmla="*/ 982300 w 1468528"/>
                <a:gd name="connsiteY6" fmla="*/ 132736 h 212361"/>
                <a:gd name="connsiteX7" fmla="*/ 473470 w 1468528"/>
                <a:gd name="connsiteY7" fmla="*/ 132737 h 212361"/>
                <a:gd name="connsiteX8" fmla="*/ 138084 w 1468528"/>
                <a:gd name="connsiteY8" fmla="*/ 183724 h 212361"/>
                <a:gd name="connsiteX0" fmla="*/ 138084 w 1468528"/>
                <a:gd name="connsiteY0" fmla="*/ 183724 h 212361"/>
                <a:gd name="connsiteX1" fmla="*/ 36264 w 1468528"/>
                <a:gd name="connsiteY1" fmla="*/ 101658 h 212361"/>
                <a:gd name="connsiteX2" fmla="*/ 517726 w 1468528"/>
                <a:gd name="connsiteY2" fmla="*/ 1 h 212361"/>
                <a:gd name="connsiteX3" fmla="*/ 1085516 w 1468528"/>
                <a:gd name="connsiteY3" fmla="*/ 29498 h 212361"/>
                <a:gd name="connsiteX4" fmla="*/ 1468528 w 1468528"/>
                <a:gd name="connsiteY4" fmla="*/ 113682 h 212361"/>
                <a:gd name="connsiteX5" fmla="*/ 1453781 w 1468528"/>
                <a:gd name="connsiteY5" fmla="*/ 209545 h 212361"/>
                <a:gd name="connsiteX6" fmla="*/ 982300 w 1468528"/>
                <a:gd name="connsiteY6" fmla="*/ 132736 h 212361"/>
                <a:gd name="connsiteX7" fmla="*/ 473470 w 1468528"/>
                <a:gd name="connsiteY7" fmla="*/ 132737 h 212361"/>
                <a:gd name="connsiteX8" fmla="*/ 138084 w 1468528"/>
                <a:gd name="connsiteY8" fmla="*/ 183724 h 212361"/>
                <a:gd name="connsiteX0" fmla="*/ 115665 w 1475546"/>
                <a:gd name="connsiteY0" fmla="*/ 203318 h 212361"/>
                <a:gd name="connsiteX1" fmla="*/ 43282 w 1475546"/>
                <a:gd name="connsiteY1" fmla="*/ 101658 h 212361"/>
                <a:gd name="connsiteX2" fmla="*/ 524744 w 1475546"/>
                <a:gd name="connsiteY2" fmla="*/ 1 h 212361"/>
                <a:gd name="connsiteX3" fmla="*/ 1092534 w 1475546"/>
                <a:gd name="connsiteY3" fmla="*/ 29498 h 212361"/>
                <a:gd name="connsiteX4" fmla="*/ 1475546 w 1475546"/>
                <a:gd name="connsiteY4" fmla="*/ 113682 h 212361"/>
                <a:gd name="connsiteX5" fmla="*/ 1460799 w 1475546"/>
                <a:gd name="connsiteY5" fmla="*/ 209545 h 212361"/>
                <a:gd name="connsiteX6" fmla="*/ 989318 w 1475546"/>
                <a:gd name="connsiteY6" fmla="*/ 132736 h 212361"/>
                <a:gd name="connsiteX7" fmla="*/ 480488 w 1475546"/>
                <a:gd name="connsiteY7" fmla="*/ 132737 h 212361"/>
                <a:gd name="connsiteX8" fmla="*/ 115665 w 1475546"/>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65155 w 1448765"/>
                <a:gd name="connsiteY7" fmla="*/ 132737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51627"/>
                <a:gd name="connsiteY0" fmla="*/ 203318 h 212361"/>
                <a:gd name="connsiteX1" fmla="*/ 27949 w 1451627"/>
                <a:gd name="connsiteY1" fmla="*/ 101658 h 212361"/>
                <a:gd name="connsiteX2" fmla="*/ 509411 w 1451627"/>
                <a:gd name="connsiteY2" fmla="*/ 1 h 212361"/>
                <a:gd name="connsiteX3" fmla="*/ 1077201 w 1451627"/>
                <a:gd name="connsiteY3" fmla="*/ 29498 h 212361"/>
                <a:gd name="connsiteX4" fmla="*/ 1451627 w 1451627"/>
                <a:gd name="connsiteY4" fmla="*/ 110824 h 212361"/>
                <a:gd name="connsiteX5" fmla="*/ 1445466 w 1451627"/>
                <a:gd name="connsiteY5" fmla="*/ 209545 h 212361"/>
                <a:gd name="connsiteX6" fmla="*/ 973985 w 1451627"/>
                <a:gd name="connsiteY6" fmla="*/ 132736 h 212361"/>
                <a:gd name="connsiteX7" fmla="*/ 473741 w 1451627"/>
                <a:gd name="connsiteY7" fmla="*/ 127022 h 212361"/>
                <a:gd name="connsiteX8" fmla="*/ 100332 w 1451627"/>
                <a:gd name="connsiteY8" fmla="*/ 203318 h 212361"/>
                <a:gd name="connsiteX0" fmla="*/ 100332 w 1451627"/>
                <a:gd name="connsiteY0" fmla="*/ 203318 h 212361"/>
                <a:gd name="connsiteX1" fmla="*/ 27949 w 1451627"/>
                <a:gd name="connsiteY1" fmla="*/ 101658 h 212361"/>
                <a:gd name="connsiteX2" fmla="*/ 509411 w 1451627"/>
                <a:gd name="connsiteY2" fmla="*/ 1 h 212361"/>
                <a:gd name="connsiteX3" fmla="*/ 1077201 w 1451627"/>
                <a:gd name="connsiteY3" fmla="*/ 29498 h 212361"/>
                <a:gd name="connsiteX4" fmla="*/ 1451627 w 1451627"/>
                <a:gd name="connsiteY4" fmla="*/ 107966 h 212361"/>
                <a:gd name="connsiteX5" fmla="*/ 1445466 w 1451627"/>
                <a:gd name="connsiteY5" fmla="*/ 209545 h 212361"/>
                <a:gd name="connsiteX6" fmla="*/ 973985 w 1451627"/>
                <a:gd name="connsiteY6" fmla="*/ 132736 h 212361"/>
                <a:gd name="connsiteX7" fmla="*/ 473741 w 1451627"/>
                <a:gd name="connsiteY7" fmla="*/ 127022 h 212361"/>
                <a:gd name="connsiteX8" fmla="*/ 100332 w 1451627"/>
                <a:gd name="connsiteY8" fmla="*/ 203318 h 212361"/>
                <a:gd name="connsiteX0" fmla="*/ 100332 w 1451627"/>
                <a:gd name="connsiteY0" fmla="*/ 179738 h 188781"/>
                <a:gd name="connsiteX1" fmla="*/ 27949 w 1451627"/>
                <a:gd name="connsiteY1" fmla="*/ 78078 h 188781"/>
                <a:gd name="connsiteX2" fmla="*/ 517283 w 1451627"/>
                <a:gd name="connsiteY2" fmla="*/ 1 h 188781"/>
                <a:gd name="connsiteX3" fmla="*/ 1077201 w 1451627"/>
                <a:gd name="connsiteY3" fmla="*/ 5918 h 188781"/>
                <a:gd name="connsiteX4" fmla="*/ 1451627 w 1451627"/>
                <a:gd name="connsiteY4" fmla="*/ 84386 h 188781"/>
                <a:gd name="connsiteX5" fmla="*/ 1445466 w 1451627"/>
                <a:gd name="connsiteY5" fmla="*/ 185965 h 188781"/>
                <a:gd name="connsiteX6" fmla="*/ 973985 w 1451627"/>
                <a:gd name="connsiteY6" fmla="*/ 109156 h 188781"/>
                <a:gd name="connsiteX7" fmla="*/ 473741 w 1451627"/>
                <a:gd name="connsiteY7" fmla="*/ 103442 h 188781"/>
                <a:gd name="connsiteX8" fmla="*/ 100332 w 1451627"/>
                <a:gd name="connsiteY8" fmla="*/ 179738 h 188781"/>
                <a:gd name="connsiteX0" fmla="*/ 38298 w 1389593"/>
                <a:gd name="connsiteY0" fmla="*/ 179738 h 188781"/>
                <a:gd name="connsiteX1" fmla="*/ 44639 w 1389593"/>
                <a:gd name="connsiteY1" fmla="*/ 101658 h 188781"/>
                <a:gd name="connsiteX2" fmla="*/ 455249 w 1389593"/>
                <a:gd name="connsiteY2" fmla="*/ 1 h 188781"/>
                <a:gd name="connsiteX3" fmla="*/ 1015167 w 1389593"/>
                <a:gd name="connsiteY3" fmla="*/ 5918 h 188781"/>
                <a:gd name="connsiteX4" fmla="*/ 1389593 w 1389593"/>
                <a:gd name="connsiteY4" fmla="*/ 84386 h 188781"/>
                <a:gd name="connsiteX5" fmla="*/ 1383432 w 1389593"/>
                <a:gd name="connsiteY5" fmla="*/ 185965 h 188781"/>
                <a:gd name="connsiteX6" fmla="*/ 911951 w 1389593"/>
                <a:gd name="connsiteY6" fmla="*/ 109156 h 188781"/>
                <a:gd name="connsiteX7" fmla="*/ 411707 w 1389593"/>
                <a:gd name="connsiteY7" fmla="*/ 103442 h 188781"/>
                <a:gd name="connsiteX8" fmla="*/ 38298 w 1389593"/>
                <a:gd name="connsiteY8" fmla="*/ 179738 h 188781"/>
                <a:gd name="connsiteX0" fmla="*/ 51286 w 1384212"/>
                <a:gd name="connsiteY0" fmla="*/ 145677 h 188781"/>
                <a:gd name="connsiteX1" fmla="*/ 39258 w 1384212"/>
                <a:gd name="connsiteY1" fmla="*/ 101658 h 188781"/>
                <a:gd name="connsiteX2" fmla="*/ 449868 w 1384212"/>
                <a:gd name="connsiteY2" fmla="*/ 1 h 188781"/>
                <a:gd name="connsiteX3" fmla="*/ 1009786 w 1384212"/>
                <a:gd name="connsiteY3" fmla="*/ 5918 h 188781"/>
                <a:gd name="connsiteX4" fmla="*/ 1384212 w 1384212"/>
                <a:gd name="connsiteY4" fmla="*/ 84386 h 188781"/>
                <a:gd name="connsiteX5" fmla="*/ 1378051 w 1384212"/>
                <a:gd name="connsiteY5" fmla="*/ 185965 h 188781"/>
                <a:gd name="connsiteX6" fmla="*/ 906570 w 1384212"/>
                <a:gd name="connsiteY6" fmla="*/ 109156 h 188781"/>
                <a:gd name="connsiteX7" fmla="*/ 406326 w 1384212"/>
                <a:gd name="connsiteY7" fmla="*/ 103442 h 188781"/>
                <a:gd name="connsiteX8" fmla="*/ 51286 w 1384212"/>
                <a:gd name="connsiteY8" fmla="*/ 145677 h 188781"/>
                <a:gd name="connsiteX0" fmla="*/ 51286 w 1384212"/>
                <a:gd name="connsiteY0" fmla="*/ 145677 h 188781"/>
                <a:gd name="connsiteX1" fmla="*/ 39258 w 1384212"/>
                <a:gd name="connsiteY1" fmla="*/ 101658 h 188781"/>
                <a:gd name="connsiteX2" fmla="*/ 449868 w 1384212"/>
                <a:gd name="connsiteY2" fmla="*/ 1 h 188781"/>
                <a:gd name="connsiteX3" fmla="*/ 1009786 w 1384212"/>
                <a:gd name="connsiteY3" fmla="*/ 5918 h 188781"/>
                <a:gd name="connsiteX4" fmla="*/ 1384212 w 1384212"/>
                <a:gd name="connsiteY4" fmla="*/ 84386 h 188781"/>
                <a:gd name="connsiteX5" fmla="*/ 1378051 w 1384212"/>
                <a:gd name="connsiteY5" fmla="*/ 185965 h 188781"/>
                <a:gd name="connsiteX6" fmla="*/ 906570 w 1384212"/>
                <a:gd name="connsiteY6" fmla="*/ 109156 h 188781"/>
                <a:gd name="connsiteX7" fmla="*/ 456185 w 1384212"/>
                <a:gd name="connsiteY7" fmla="*/ 61521 h 188781"/>
                <a:gd name="connsiteX8" fmla="*/ 51286 w 1384212"/>
                <a:gd name="connsiteY8" fmla="*/ 145677 h 188781"/>
                <a:gd name="connsiteX0" fmla="*/ 51286 w 1384212"/>
                <a:gd name="connsiteY0" fmla="*/ 143297 h 186401"/>
                <a:gd name="connsiteX1" fmla="*/ 39258 w 1384212"/>
                <a:gd name="connsiteY1" fmla="*/ 99278 h 186401"/>
                <a:gd name="connsiteX2" fmla="*/ 452492 w 1384212"/>
                <a:gd name="connsiteY2" fmla="*/ 21202 h 186401"/>
                <a:gd name="connsiteX3" fmla="*/ 1009786 w 1384212"/>
                <a:gd name="connsiteY3" fmla="*/ 3538 h 186401"/>
                <a:gd name="connsiteX4" fmla="*/ 1384212 w 1384212"/>
                <a:gd name="connsiteY4" fmla="*/ 82006 h 186401"/>
                <a:gd name="connsiteX5" fmla="*/ 1378051 w 1384212"/>
                <a:gd name="connsiteY5" fmla="*/ 183585 h 186401"/>
                <a:gd name="connsiteX6" fmla="*/ 906570 w 1384212"/>
                <a:gd name="connsiteY6" fmla="*/ 106776 h 186401"/>
                <a:gd name="connsiteX7" fmla="*/ 456185 w 1384212"/>
                <a:gd name="connsiteY7" fmla="*/ 59141 h 186401"/>
                <a:gd name="connsiteX8" fmla="*/ 51286 w 1384212"/>
                <a:gd name="connsiteY8" fmla="*/ 143297 h 186401"/>
                <a:gd name="connsiteX0" fmla="*/ 51286 w 1384212"/>
                <a:gd name="connsiteY0" fmla="*/ 143452 h 186556"/>
                <a:gd name="connsiteX1" fmla="*/ 39258 w 1384212"/>
                <a:gd name="connsiteY1" fmla="*/ 99433 h 186556"/>
                <a:gd name="connsiteX2" fmla="*/ 457740 w 1384212"/>
                <a:gd name="connsiteY2" fmla="*/ 18737 h 186556"/>
                <a:gd name="connsiteX3" fmla="*/ 1009786 w 1384212"/>
                <a:gd name="connsiteY3" fmla="*/ 3693 h 186556"/>
                <a:gd name="connsiteX4" fmla="*/ 1384212 w 1384212"/>
                <a:gd name="connsiteY4" fmla="*/ 82161 h 186556"/>
                <a:gd name="connsiteX5" fmla="*/ 1378051 w 1384212"/>
                <a:gd name="connsiteY5" fmla="*/ 183740 h 186556"/>
                <a:gd name="connsiteX6" fmla="*/ 906570 w 1384212"/>
                <a:gd name="connsiteY6" fmla="*/ 106931 h 186556"/>
                <a:gd name="connsiteX7" fmla="*/ 456185 w 1384212"/>
                <a:gd name="connsiteY7" fmla="*/ 59296 h 186556"/>
                <a:gd name="connsiteX8" fmla="*/ 51286 w 1384212"/>
                <a:gd name="connsiteY8" fmla="*/ 143452 h 186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84212" h="186556">
                  <a:moveTo>
                    <a:pt x="51286" y="143452"/>
                  </a:moveTo>
                  <a:cubicBezTo>
                    <a:pt x="35112" y="121400"/>
                    <a:pt x="-48001" y="138762"/>
                    <a:pt x="39258" y="99433"/>
                  </a:cubicBezTo>
                  <a:cubicBezTo>
                    <a:pt x="235030" y="47183"/>
                    <a:pt x="288134" y="18736"/>
                    <a:pt x="457740" y="18737"/>
                  </a:cubicBezTo>
                  <a:cubicBezTo>
                    <a:pt x="651927" y="35943"/>
                    <a:pt x="815599" y="-13513"/>
                    <a:pt x="1009786" y="3693"/>
                  </a:cubicBezTo>
                  <a:lnTo>
                    <a:pt x="1384212" y="82161"/>
                  </a:lnTo>
                  <a:lnTo>
                    <a:pt x="1378051" y="183740"/>
                  </a:lnTo>
                  <a:cubicBezTo>
                    <a:pt x="1289637" y="202893"/>
                    <a:pt x="1069955" y="118503"/>
                    <a:pt x="906570" y="106931"/>
                  </a:cubicBezTo>
                  <a:cubicBezTo>
                    <a:pt x="743185" y="95359"/>
                    <a:pt x="618820" y="55979"/>
                    <a:pt x="456185" y="59296"/>
                  </a:cubicBezTo>
                  <a:cubicBezTo>
                    <a:pt x="230524" y="72642"/>
                    <a:pt x="225183" y="95660"/>
                    <a:pt x="51286" y="143452"/>
                  </a:cubicBezTo>
                  <a:close/>
                </a:path>
              </a:pathLst>
            </a:custGeom>
            <a:solidFill>
              <a:schemeClr val="tx2">
                <a:lumMod val="60000"/>
                <a:lumOff val="40000"/>
              </a:schemeClr>
            </a:solidFill>
            <a:ln w="63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3" name="Sky 51">
              <a:extLst>
                <a:ext uri="{FF2B5EF4-FFF2-40B4-BE49-F238E27FC236}">
                  <a16:creationId xmlns:a16="http://schemas.microsoft.com/office/drawing/2014/main" id="{8CEDD562-80B4-476E-96FD-B2A660B8607E}"/>
                </a:ext>
              </a:extLst>
            </p:cNvPr>
            <p:cNvSpPr/>
            <p:nvPr/>
          </p:nvSpPr>
          <p:spPr>
            <a:xfrm rot="20729448" flipV="1">
              <a:off x="2628177" y="2454912"/>
              <a:ext cx="599183" cy="51994"/>
            </a:xfrm>
            <a:custGeom>
              <a:avLst/>
              <a:gdLst>
                <a:gd name="connsiteX0" fmla="*/ 3900 w 43200"/>
                <a:gd name="connsiteY0" fmla="*/ 14370 h 43200"/>
                <a:gd name="connsiteX1" fmla="*/ 5623 w 43200"/>
                <a:gd name="connsiteY1" fmla="*/ 6907 h 43200"/>
                <a:gd name="connsiteX2" fmla="*/ 14005 w 43200"/>
                <a:gd name="connsiteY2" fmla="*/ 5202 h 43200"/>
                <a:gd name="connsiteX3" fmla="*/ 22456 w 43200"/>
                <a:gd name="connsiteY3" fmla="*/ 3432 h 43200"/>
                <a:gd name="connsiteX4" fmla="*/ 25749 w 43200"/>
                <a:gd name="connsiteY4" fmla="*/ 200 h 43200"/>
                <a:gd name="connsiteX5" fmla="*/ 29833 w 43200"/>
                <a:gd name="connsiteY5" fmla="*/ 2481 h 43200"/>
                <a:gd name="connsiteX6" fmla="*/ 35463 w 43200"/>
                <a:gd name="connsiteY6" fmla="*/ 690 h 43200"/>
                <a:gd name="connsiteX7" fmla="*/ 38318 w 43200"/>
                <a:gd name="connsiteY7" fmla="*/ 5576 h 43200"/>
                <a:gd name="connsiteX8" fmla="*/ 41982 w 43200"/>
                <a:gd name="connsiteY8" fmla="*/ 10318 h 43200"/>
                <a:gd name="connsiteX9" fmla="*/ 41818 w 43200"/>
                <a:gd name="connsiteY9" fmla="*/ 15460 h 43200"/>
                <a:gd name="connsiteX10" fmla="*/ 43016 w 43200"/>
                <a:gd name="connsiteY10" fmla="*/ 23322 h 43200"/>
                <a:gd name="connsiteX11" fmla="*/ 37404 w 43200"/>
                <a:gd name="connsiteY11" fmla="*/ 30204 h 43200"/>
                <a:gd name="connsiteX12" fmla="*/ 35395 w 43200"/>
                <a:gd name="connsiteY12" fmla="*/ 36101 h 43200"/>
                <a:gd name="connsiteX13" fmla="*/ 28555 w 43200"/>
                <a:gd name="connsiteY13" fmla="*/ 36815 h 43200"/>
                <a:gd name="connsiteX14" fmla="*/ 23667 w 43200"/>
                <a:gd name="connsiteY14" fmla="*/ 43106 h 43200"/>
                <a:gd name="connsiteX15" fmla="*/ 16480 w 43200"/>
                <a:gd name="connsiteY15" fmla="*/ 39266 h 43200"/>
                <a:gd name="connsiteX16" fmla="*/ 5804 w 43200"/>
                <a:gd name="connsiteY16" fmla="*/ 35472 h 43200"/>
                <a:gd name="connsiteX17" fmla="*/ 1110 w 43200"/>
                <a:gd name="connsiteY17" fmla="*/ 31250 h 43200"/>
                <a:gd name="connsiteX18" fmla="*/ 2113 w 43200"/>
                <a:gd name="connsiteY18" fmla="*/ 25551 h 43200"/>
                <a:gd name="connsiteX19" fmla="*/ -5 w 43200"/>
                <a:gd name="connsiteY19" fmla="*/ 19704 h 43200"/>
                <a:gd name="connsiteX20" fmla="*/ 3863 w 43200"/>
                <a:gd name="connsiteY20" fmla="*/ 14507 h 43200"/>
                <a:gd name="connsiteX21" fmla="*/ 3900 w 43200"/>
                <a:gd name="connsiteY21" fmla="*/ 14370 h 43200"/>
                <a:gd name="connsiteX0" fmla="*/ 4693 w 43200"/>
                <a:gd name="connsiteY0" fmla="*/ 26177 h 43200"/>
                <a:gd name="connsiteX1" fmla="*/ 2160 w 43200"/>
                <a:gd name="connsiteY1" fmla="*/ 25380 h 43200"/>
                <a:gd name="connsiteX2" fmla="*/ 6928 w 43200"/>
                <a:gd name="connsiteY2" fmla="*/ 34899 h 43200"/>
                <a:gd name="connsiteX3" fmla="*/ 5820 w 43200"/>
                <a:gd name="connsiteY3" fmla="*/ 35280 h 43200"/>
                <a:gd name="connsiteX4" fmla="*/ 16478 w 43200"/>
                <a:gd name="connsiteY4" fmla="*/ 39090 h 43200"/>
                <a:gd name="connsiteX5" fmla="*/ 15810 w 43200"/>
                <a:gd name="connsiteY5" fmla="*/ 37350 h 43200"/>
                <a:gd name="connsiteX6" fmla="*/ 28827 w 43200"/>
                <a:gd name="connsiteY6" fmla="*/ 34751 h 43200"/>
                <a:gd name="connsiteX7" fmla="*/ 28560 w 43200"/>
                <a:gd name="connsiteY7" fmla="*/ 36660 h 43200"/>
                <a:gd name="connsiteX8" fmla="*/ 34129 w 43200"/>
                <a:gd name="connsiteY8" fmla="*/ 22954 h 43200"/>
                <a:gd name="connsiteX9" fmla="*/ 37380 w 43200"/>
                <a:gd name="connsiteY9" fmla="*/ 30090 h 43200"/>
                <a:gd name="connsiteX10" fmla="*/ 41798 w 43200"/>
                <a:gd name="connsiteY10" fmla="*/ 15354 h 43200"/>
                <a:gd name="connsiteX11" fmla="*/ 40350 w 43200"/>
                <a:gd name="connsiteY11" fmla="*/ 18030 h 43200"/>
                <a:gd name="connsiteX12" fmla="*/ 38324 w 43200"/>
                <a:gd name="connsiteY12" fmla="*/ 5426 h 43200"/>
                <a:gd name="connsiteX13" fmla="*/ 38400 w 43200"/>
                <a:gd name="connsiteY13" fmla="*/ 6690 h 43200"/>
                <a:gd name="connsiteX14" fmla="*/ 29078 w 43200"/>
                <a:gd name="connsiteY14" fmla="*/ 3952 h 43200"/>
                <a:gd name="connsiteX15" fmla="*/ 29820 w 43200"/>
                <a:gd name="connsiteY15" fmla="*/ 2340 h 43200"/>
                <a:gd name="connsiteX16" fmla="*/ 22141 w 43200"/>
                <a:gd name="connsiteY16" fmla="*/ 4720 h 43200"/>
                <a:gd name="connsiteX17" fmla="*/ 22500 w 43200"/>
                <a:gd name="connsiteY17" fmla="*/ 3330 h 43200"/>
                <a:gd name="connsiteX18" fmla="*/ 14000 w 43200"/>
                <a:gd name="connsiteY18" fmla="*/ 5192 h 43200"/>
                <a:gd name="connsiteX19" fmla="*/ 15300 w 43200"/>
                <a:gd name="connsiteY19" fmla="*/ 6540 h 43200"/>
                <a:gd name="connsiteX20" fmla="*/ 4127 w 43200"/>
                <a:gd name="connsiteY20" fmla="*/ 15789 h 43200"/>
                <a:gd name="connsiteX21" fmla="*/ 3900 w 43200"/>
                <a:gd name="connsiteY21" fmla="*/ 14370 h 43200"/>
                <a:gd name="connsiteX0" fmla="*/ 3936 w 43256"/>
                <a:gd name="connsiteY0" fmla="*/ 14229 h 43219"/>
                <a:gd name="connsiteX1" fmla="*/ 5659 w 43256"/>
                <a:gd name="connsiteY1" fmla="*/ 6766 h 43219"/>
                <a:gd name="connsiteX2" fmla="*/ 14041 w 43256"/>
                <a:gd name="connsiteY2" fmla="*/ 5061 h 43219"/>
                <a:gd name="connsiteX3" fmla="*/ 22492 w 43256"/>
                <a:gd name="connsiteY3" fmla="*/ 3291 h 43219"/>
                <a:gd name="connsiteX4" fmla="*/ 25785 w 43256"/>
                <a:gd name="connsiteY4" fmla="*/ 59 h 43219"/>
                <a:gd name="connsiteX5" fmla="*/ 29869 w 43256"/>
                <a:gd name="connsiteY5" fmla="*/ 2340 h 43219"/>
                <a:gd name="connsiteX6" fmla="*/ 35499 w 43256"/>
                <a:gd name="connsiteY6" fmla="*/ 549 h 43219"/>
                <a:gd name="connsiteX7" fmla="*/ 38354 w 43256"/>
                <a:gd name="connsiteY7" fmla="*/ 5435 h 43219"/>
                <a:gd name="connsiteX8" fmla="*/ 42018 w 43256"/>
                <a:gd name="connsiteY8" fmla="*/ 10177 h 43219"/>
                <a:gd name="connsiteX9" fmla="*/ 41854 w 43256"/>
                <a:gd name="connsiteY9" fmla="*/ 15319 h 43219"/>
                <a:gd name="connsiteX10" fmla="*/ 43052 w 43256"/>
                <a:gd name="connsiteY10" fmla="*/ 23181 h 43219"/>
                <a:gd name="connsiteX11" fmla="*/ 37440 w 43256"/>
                <a:gd name="connsiteY11" fmla="*/ 30063 h 43219"/>
                <a:gd name="connsiteX12" fmla="*/ 35431 w 43256"/>
                <a:gd name="connsiteY12" fmla="*/ 35960 h 43219"/>
                <a:gd name="connsiteX13" fmla="*/ 28591 w 43256"/>
                <a:gd name="connsiteY13" fmla="*/ 36674 h 43219"/>
                <a:gd name="connsiteX14" fmla="*/ 23703 w 43256"/>
                <a:gd name="connsiteY14" fmla="*/ 42965 h 43219"/>
                <a:gd name="connsiteX15" fmla="*/ 16516 w 43256"/>
                <a:gd name="connsiteY15" fmla="*/ 39125 h 43219"/>
                <a:gd name="connsiteX16" fmla="*/ 5840 w 43256"/>
                <a:gd name="connsiteY16" fmla="*/ 35331 h 43219"/>
                <a:gd name="connsiteX17" fmla="*/ 1146 w 43256"/>
                <a:gd name="connsiteY17" fmla="*/ 31109 h 43219"/>
                <a:gd name="connsiteX18" fmla="*/ 2149 w 43256"/>
                <a:gd name="connsiteY18" fmla="*/ 25410 h 43219"/>
                <a:gd name="connsiteX19" fmla="*/ 31 w 43256"/>
                <a:gd name="connsiteY19" fmla="*/ 19563 h 43219"/>
                <a:gd name="connsiteX20" fmla="*/ 3899 w 43256"/>
                <a:gd name="connsiteY20" fmla="*/ 14366 h 43219"/>
                <a:gd name="connsiteX21" fmla="*/ 3936 w 43256"/>
                <a:gd name="connsiteY21" fmla="*/ 14229 h 43219"/>
                <a:gd name="connsiteX0" fmla="*/ 4729 w 43256"/>
                <a:gd name="connsiteY0" fmla="*/ 26036 h 43219"/>
                <a:gd name="connsiteX1" fmla="*/ 2196 w 43256"/>
                <a:gd name="connsiteY1" fmla="*/ 25239 h 43219"/>
                <a:gd name="connsiteX2" fmla="*/ 6964 w 43256"/>
                <a:gd name="connsiteY2" fmla="*/ 34758 h 43219"/>
                <a:gd name="connsiteX3" fmla="*/ 5856 w 43256"/>
                <a:gd name="connsiteY3" fmla="*/ 35139 h 43219"/>
                <a:gd name="connsiteX4" fmla="*/ 16514 w 43256"/>
                <a:gd name="connsiteY4" fmla="*/ 38949 h 43219"/>
                <a:gd name="connsiteX5" fmla="*/ 15846 w 43256"/>
                <a:gd name="connsiteY5" fmla="*/ 37209 h 43219"/>
                <a:gd name="connsiteX6" fmla="*/ 28863 w 43256"/>
                <a:gd name="connsiteY6" fmla="*/ 34610 h 43219"/>
                <a:gd name="connsiteX7" fmla="*/ 28596 w 43256"/>
                <a:gd name="connsiteY7" fmla="*/ 36519 h 43219"/>
                <a:gd name="connsiteX8" fmla="*/ 34165 w 43256"/>
                <a:gd name="connsiteY8" fmla="*/ 22813 h 43219"/>
                <a:gd name="connsiteX9" fmla="*/ 37416 w 43256"/>
                <a:gd name="connsiteY9" fmla="*/ 29949 h 43219"/>
                <a:gd name="connsiteX10" fmla="*/ 41834 w 43256"/>
                <a:gd name="connsiteY10" fmla="*/ 15213 h 43219"/>
                <a:gd name="connsiteX11" fmla="*/ 40386 w 43256"/>
                <a:gd name="connsiteY11" fmla="*/ 17889 h 43219"/>
                <a:gd name="connsiteX12" fmla="*/ 38360 w 43256"/>
                <a:gd name="connsiteY12" fmla="*/ 5285 h 43219"/>
                <a:gd name="connsiteX13" fmla="*/ 38436 w 43256"/>
                <a:gd name="connsiteY13" fmla="*/ 6549 h 43219"/>
                <a:gd name="connsiteX14" fmla="*/ 29114 w 43256"/>
                <a:gd name="connsiteY14" fmla="*/ 3811 h 43219"/>
                <a:gd name="connsiteX15" fmla="*/ 29856 w 43256"/>
                <a:gd name="connsiteY15" fmla="*/ 2199 h 43219"/>
                <a:gd name="connsiteX16" fmla="*/ 22177 w 43256"/>
                <a:gd name="connsiteY16" fmla="*/ 4579 h 43219"/>
                <a:gd name="connsiteX17" fmla="*/ 22536 w 43256"/>
                <a:gd name="connsiteY17" fmla="*/ 3189 h 43219"/>
                <a:gd name="connsiteX18" fmla="*/ 4163 w 43256"/>
                <a:gd name="connsiteY18" fmla="*/ 15648 h 43219"/>
                <a:gd name="connsiteX19" fmla="*/ 3936 w 43256"/>
                <a:gd name="connsiteY19" fmla="*/ 14229 h 43219"/>
                <a:gd name="connsiteX0" fmla="*/ 3936 w 43256"/>
                <a:gd name="connsiteY0" fmla="*/ 14229 h 43219"/>
                <a:gd name="connsiteX1" fmla="*/ 5659 w 43256"/>
                <a:gd name="connsiteY1" fmla="*/ 6766 h 43219"/>
                <a:gd name="connsiteX2" fmla="*/ 22492 w 43256"/>
                <a:gd name="connsiteY2" fmla="*/ 3291 h 43219"/>
                <a:gd name="connsiteX3" fmla="*/ 25785 w 43256"/>
                <a:gd name="connsiteY3" fmla="*/ 59 h 43219"/>
                <a:gd name="connsiteX4" fmla="*/ 29869 w 43256"/>
                <a:gd name="connsiteY4" fmla="*/ 2340 h 43219"/>
                <a:gd name="connsiteX5" fmla="*/ 35499 w 43256"/>
                <a:gd name="connsiteY5" fmla="*/ 549 h 43219"/>
                <a:gd name="connsiteX6" fmla="*/ 38354 w 43256"/>
                <a:gd name="connsiteY6" fmla="*/ 5435 h 43219"/>
                <a:gd name="connsiteX7" fmla="*/ 42018 w 43256"/>
                <a:gd name="connsiteY7" fmla="*/ 10177 h 43219"/>
                <a:gd name="connsiteX8" fmla="*/ 41854 w 43256"/>
                <a:gd name="connsiteY8" fmla="*/ 15319 h 43219"/>
                <a:gd name="connsiteX9" fmla="*/ 43052 w 43256"/>
                <a:gd name="connsiteY9" fmla="*/ 23181 h 43219"/>
                <a:gd name="connsiteX10" fmla="*/ 37440 w 43256"/>
                <a:gd name="connsiteY10" fmla="*/ 30063 h 43219"/>
                <a:gd name="connsiteX11" fmla="*/ 35431 w 43256"/>
                <a:gd name="connsiteY11" fmla="*/ 35960 h 43219"/>
                <a:gd name="connsiteX12" fmla="*/ 28591 w 43256"/>
                <a:gd name="connsiteY12" fmla="*/ 36674 h 43219"/>
                <a:gd name="connsiteX13" fmla="*/ 23703 w 43256"/>
                <a:gd name="connsiteY13" fmla="*/ 42965 h 43219"/>
                <a:gd name="connsiteX14" fmla="*/ 16516 w 43256"/>
                <a:gd name="connsiteY14" fmla="*/ 39125 h 43219"/>
                <a:gd name="connsiteX15" fmla="*/ 5840 w 43256"/>
                <a:gd name="connsiteY15" fmla="*/ 35331 h 43219"/>
                <a:gd name="connsiteX16" fmla="*/ 1146 w 43256"/>
                <a:gd name="connsiteY16" fmla="*/ 31109 h 43219"/>
                <a:gd name="connsiteX17" fmla="*/ 2149 w 43256"/>
                <a:gd name="connsiteY17" fmla="*/ 25410 h 43219"/>
                <a:gd name="connsiteX18" fmla="*/ 31 w 43256"/>
                <a:gd name="connsiteY18" fmla="*/ 19563 h 43219"/>
                <a:gd name="connsiteX19" fmla="*/ 3899 w 43256"/>
                <a:gd name="connsiteY19" fmla="*/ 14366 h 43219"/>
                <a:gd name="connsiteX20" fmla="*/ 3936 w 43256"/>
                <a:gd name="connsiteY20" fmla="*/ 14229 h 43219"/>
                <a:gd name="connsiteX0" fmla="*/ 4729 w 43256"/>
                <a:gd name="connsiteY0" fmla="*/ 26036 h 43219"/>
                <a:gd name="connsiteX1" fmla="*/ 2196 w 43256"/>
                <a:gd name="connsiteY1" fmla="*/ 25239 h 43219"/>
                <a:gd name="connsiteX2" fmla="*/ 6964 w 43256"/>
                <a:gd name="connsiteY2" fmla="*/ 34758 h 43219"/>
                <a:gd name="connsiteX3" fmla="*/ 5856 w 43256"/>
                <a:gd name="connsiteY3" fmla="*/ 35139 h 43219"/>
                <a:gd name="connsiteX4" fmla="*/ 16514 w 43256"/>
                <a:gd name="connsiteY4" fmla="*/ 38949 h 43219"/>
                <a:gd name="connsiteX5" fmla="*/ 15846 w 43256"/>
                <a:gd name="connsiteY5" fmla="*/ 37209 h 43219"/>
                <a:gd name="connsiteX6" fmla="*/ 28863 w 43256"/>
                <a:gd name="connsiteY6" fmla="*/ 34610 h 43219"/>
                <a:gd name="connsiteX7" fmla="*/ 28596 w 43256"/>
                <a:gd name="connsiteY7" fmla="*/ 36519 h 43219"/>
                <a:gd name="connsiteX8" fmla="*/ 34165 w 43256"/>
                <a:gd name="connsiteY8" fmla="*/ 22813 h 43219"/>
                <a:gd name="connsiteX9" fmla="*/ 37416 w 43256"/>
                <a:gd name="connsiteY9" fmla="*/ 29949 h 43219"/>
                <a:gd name="connsiteX10" fmla="*/ 41834 w 43256"/>
                <a:gd name="connsiteY10" fmla="*/ 15213 h 43219"/>
                <a:gd name="connsiteX11" fmla="*/ 40386 w 43256"/>
                <a:gd name="connsiteY11" fmla="*/ 17889 h 43219"/>
                <a:gd name="connsiteX12" fmla="*/ 38360 w 43256"/>
                <a:gd name="connsiteY12" fmla="*/ 5285 h 43219"/>
                <a:gd name="connsiteX13" fmla="*/ 38436 w 43256"/>
                <a:gd name="connsiteY13" fmla="*/ 6549 h 43219"/>
                <a:gd name="connsiteX14" fmla="*/ 29114 w 43256"/>
                <a:gd name="connsiteY14" fmla="*/ 3811 h 43219"/>
                <a:gd name="connsiteX15" fmla="*/ 29856 w 43256"/>
                <a:gd name="connsiteY15" fmla="*/ 2199 h 43219"/>
                <a:gd name="connsiteX16" fmla="*/ 22177 w 43256"/>
                <a:gd name="connsiteY16" fmla="*/ 4579 h 43219"/>
                <a:gd name="connsiteX17" fmla="*/ 22536 w 43256"/>
                <a:gd name="connsiteY17" fmla="*/ 3189 h 43219"/>
                <a:gd name="connsiteX18" fmla="*/ 4163 w 43256"/>
                <a:gd name="connsiteY18" fmla="*/ 15648 h 43219"/>
                <a:gd name="connsiteX19" fmla="*/ 3936 w 43256"/>
                <a:gd name="connsiteY19" fmla="*/ 14229 h 43219"/>
                <a:gd name="connsiteX0" fmla="*/ 3936 w 43256"/>
                <a:gd name="connsiteY0" fmla="*/ 14229 h 43219"/>
                <a:gd name="connsiteX1" fmla="*/ 5659 w 43256"/>
                <a:gd name="connsiteY1" fmla="*/ 6766 h 43219"/>
                <a:gd name="connsiteX2" fmla="*/ 22492 w 43256"/>
                <a:gd name="connsiteY2" fmla="*/ 3291 h 43219"/>
                <a:gd name="connsiteX3" fmla="*/ 25785 w 43256"/>
                <a:gd name="connsiteY3" fmla="*/ 59 h 43219"/>
                <a:gd name="connsiteX4" fmla="*/ 29869 w 43256"/>
                <a:gd name="connsiteY4" fmla="*/ 2340 h 43219"/>
                <a:gd name="connsiteX5" fmla="*/ 35499 w 43256"/>
                <a:gd name="connsiteY5" fmla="*/ 549 h 43219"/>
                <a:gd name="connsiteX6" fmla="*/ 38354 w 43256"/>
                <a:gd name="connsiteY6" fmla="*/ 5435 h 43219"/>
                <a:gd name="connsiteX7" fmla="*/ 42018 w 43256"/>
                <a:gd name="connsiteY7" fmla="*/ 10177 h 43219"/>
                <a:gd name="connsiteX8" fmla="*/ 41854 w 43256"/>
                <a:gd name="connsiteY8" fmla="*/ 15319 h 43219"/>
                <a:gd name="connsiteX9" fmla="*/ 43052 w 43256"/>
                <a:gd name="connsiteY9" fmla="*/ 23181 h 43219"/>
                <a:gd name="connsiteX10" fmla="*/ 37440 w 43256"/>
                <a:gd name="connsiteY10" fmla="*/ 30063 h 43219"/>
                <a:gd name="connsiteX11" fmla="*/ 35431 w 43256"/>
                <a:gd name="connsiteY11" fmla="*/ 35960 h 43219"/>
                <a:gd name="connsiteX12" fmla="*/ 28591 w 43256"/>
                <a:gd name="connsiteY12" fmla="*/ 36674 h 43219"/>
                <a:gd name="connsiteX13" fmla="*/ 23703 w 43256"/>
                <a:gd name="connsiteY13" fmla="*/ 42965 h 43219"/>
                <a:gd name="connsiteX14" fmla="*/ 16516 w 43256"/>
                <a:gd name="connsiteY14" fmla="*/ 39125 h 43219"/>
                <a:gd name="connsiteX15" fmla="*/ 5840 w 43256"/>
                <a:gd name="connsiteY15" fmla="*/ 35331 h 43219"/>
                <a:gd name="connsiteX16" fmla="*/ 1146 w 43256"/>
                <a:gd name="connsiteY16" fmla="*/ 31109 h 43219"/>
                <a:gd name="connsiteX17" fmla="*/ 2149 w 43256"/>
                <a:gd name="connsiteY17" fmla="*/ 25410 h 43219"/>
                <a:gd name="connsiteX18" fmla="*/ 31 w 43256"/>
                <a:gd name="connsiteY18" fmla="*/ 19563 h 43219"/>
                <a:gd name="connsiteX19" fmla="*/ 3899 w 43256"/>
                <a:gd name="connsiteY19" fmla="*/ 14366 h 43219"/>
                <a:gd name="connsiteX20" fmla="*/ 3936 w 43256"/>
                <a:gd name="connsiteY20" fmla="*/ 14229 h 43219"/>
                <a:gd name="connsiteX0" fmla="*/ 7467 w 43256"/>
                <a:gd name="connsiteY0" fmla="*/ 10101 h 43219"/>
                <a:gd name="connsiteX1" fmla="*/ 2196 w 43256"/>
                <a:gd name="connsiteY1" fmla="*/ 25239 h 43219"/>
                <a:gd name="connsiteX2" fmla="*/ 6964 w 43256"/>
                <a:gd name="connsiteY2" fmla="*/ 34758 h 43219"/>
                <a:gd name="connsiteX3" fmla="*/ 5856 w 43256"/>
                <a:gd name="connsiteY3" fmla="*/ 35139 h 43219"/>
                <a:gd name="connsiteX4" fmla="*/ 16514 w 43256"/>
                <a:gd name="connsiteY4" fmla="*/ 38949 h 43219"/>
                <a:gd name="connsiteX5" fmla="*/ 15846 w 43256"/>
                <a:gd name="connsiteY5" fmla="*/ 37209 h 43219"/>
                <a:gd name="connsiteX6" fmla="*/ 28863 w 43256"/>
                <a:gd name="connsiteY6" fmla="*/ 34610 h 43219"/>
                <a:gd name="connsiteX7" fmla="*/ 28596 w 43256"/>
                <a:gd name="connsiteY7" fmla="*/ 36519 h 43219"/>
                <a:gd name="connsiteX8" fmla="*/ 34165 w 43256"/>
                <a:gd name="connsiteY8" fmla="*/ 22813 h 43219"/>
                <a:gd name="connsiteX9" fmla="*/ 37416 w 43256"/>
                <a:gd name="connsiteY9" fmla="*/ 29949 h 43219"/>
                <a:gd name="connsiteX10" fmla="*/ 41834 w 43256"/>
                <a:gd name="connsiteY10" fmla="*/ 15213 h 43219"/>
                <a:gd name="connsiteX11" fmla="*/ 40386 w 43256"/>
                <a:gd name="connsiteY11" fmla="*/ 17889 h 43219"/>
                <a:gd name="connsiteX12" fmla="*/ 38360 w 43256"/>
                <a:gd name="connsiteY12" fmla="*/ 5285 h 43219"/>
                <a:gd name="connsiteX13" fmla="*/ 38436 w 43256"/>
                <a:gd name="connsiteY13" fmla="*/ 6549 h 43219"/>
                <a:gd name="connsiteX14" fmla="*/ 29114 w 43256"/>
                <a:gd name="connsiteY14" fmla="*/ 3811 h 43219"/>
                <a:gd name="connsiteX15" fmla="*/ 29856 w 43256"/>
                <a:gd name="connsiteY15" fmla="*/ 2199 h 43219"/>
                <a:gd name="connsiteX16" fmla="*/ 22177 w 43256"/>
                <a:gd name="connsiteY16" fmla="*/ 4579 h 43219"/>
                <a:gd name="connsiteX17" fmla="*/ 22536 w 43256"/>
                <a:gd name="connsiteY17" fmla="*/ 3189 h 43219"/>
                <a:gd name="connsiteX18" fmla="*/ 4163 w 43256"/>
                <a:gd name="connsiteY18" fmla="*/ 15648 h 43219"/>
                <a:gd name="connsiteX19" fmla="*/ 3936 w 43256"/>
                <a:gd name="connsiteY19" fmla="*/ 14229 h 43219"/>
                <a:gd name="connsiteX0" fmla="*/ 3936 w 43256"/>
                <a:gd name="connsiteY0" fmla="*/ 20139 h 49129"/>
                <a:gd name="connsiteX1" fmla="*/ 5659 w 43256"/>
                <a:gd name="connsiteY1" fmla="*/ 12676 h 49129"/>
                <a:gd name="connsiteX2" fmla="*/ 14249 w 43256"/>
                <a:gd name="connsiteY2" fmla="*/ 23 h 49129"/>
                <a:gd name="connsiteX3" fmla="*/ 22492 w 43256"/>
                <a:gd name="connsiteY3" fmla="*/ 9201 h 49129"/>
                <a:gd name="connsiteX4" fmla="*/ 25785 w 43256"/>
                <a:gd name="connsiteY4" fmla="*/ 5969 h 49129"/>
                <a:gd name="connsiteX5" fmla="*/ 29869 w 43256"/>
                <a:gd name="connsiteY5" fmla="*/ 8250 h 49129"/>
                <a:gd name="connsiteX6" fmla="*/ 35499 w 43256"/>
                <a:gd name="connsiteY6" fmla="*/ 6459 h 49129"/>
                <a:gd name="connsiteX7" fmla="*/ 38354 w 43256"/>
                <a:gd name="connsiteY7" fmla="*/ 11345 h 49129"/>
                <a:gd name="connsiteX8" fmla="*/ 42018 w 43256"/>
                <a:gd name="connsiteY8" fmla="*/ 16087 h 49129"/>
                <a:gd name="connsiteX9" fmla="*/ 41854 w 43256"/>
                <a:gd name="connsiteY9" fmla="*/ 21229 h 49129"/>
                <a:gd name="connsiteX10" fmla="*/ 43052 w 43256"/>
                <a:gd name="connsiteY10" fmla="*/ 29091 h 49129"/>
                <a:gd name="connsiteX11" fmla="*/ 37440 w 43256"/>
                <a:gd name="connsiteY11" fmla="*/ 35973 h 49129"/>
                <a:gd name="connsiteX12" fmla="*/ 35431 w 43256"/>
                <a:gd name="connsiteY12" fmla="*/ 41870 h 49129"/>
                <a:gd name="connsiteX13" fmla="*/ 28591 w 43256"/>
                <a:gd name="connsiteY13" fmla="*/ 42584 h 49129"/>
                <a:gd name="connsiteX14" fmla="*/ 23703 w 43256"/>
                <a:gd name="connsiteY14" fmla="*/ 48875 h 49129"/>
                <a:gd name="connsiteX15" fmla="*/ 16516 w 43256"/>
                <a:gd name="connsiteY15" fmla="*/ 45035 h 49129"/>
                <a:gd name="connsiteX16" fmla="*/ 5840 w 43256"/>
                <a:gd name="connsiteY16" fmla="*/ 41241 h 49129"/>
                <a:gd name="connsiteX17" fmla="*/ 1146 w 43256"/>
                <a:gd name="connsiteY17" fmla="*/ 37019 h 49129"/>
                <a:gd name="connsiteX18" fmla="*/ 2149 w 43256"/>
                <a:gd name="connsiteY18" fmla="*/ 31320 h 49129"/>
                <a:gd name="connsiteX19" fmla="*/ 31 w 43256"/>
                <a:gd name="connsiteY19" fmla="*/ 25473 h 49129"/>
                <a:gd name="connsiteX20" fmla="*/ 3899 w 43256"/>
                <a:gd name="connsiteY20" fmla="*/ 20276 h 49129"/>
                <a:gd name="connsiteX21" fmla="*/ 3936 w 43256"/>
                <a:gd name="connsiteY21" fmla="*/ 20139 h 49129"/>
                <a:gd name="connsiteX0" fmla="*/ 7467 w 43256"/>
                <a:gd name="connsiteY0" fmla="*/ 16011 h 49129"/>
                <a:gd name="connsiteX1" fmla="*/ 2196 w 43256"/>
                <a:gd name="connsiteY1" fmla="*/ 31149 h 49129"/>
                <a:gd name="connsiteX2" fmla="*/ 6964 w 43256"/>
                <a:gd name="connsiteY2" fmla="*/ 40668 h 49129"/>
                <a:gd name="connsiteX3" fmla="*/ 5856 w 43256"/>
                <a:gd name="connsiteY3" fmla="*/ 41049 h 49129"/>
                <a:gd name="connsiteX4" fmla="*/ 16514 w 43256"/>
                <a:gd name="connsiteY4" fmla="*/ 44859 h 49129"/>
                <a:gd name="connsiteX5" fmla="*/ 15846 w 43256"/>
                <a:gd name="connsiteY5" fmla="*/ 43119 h 49129"/>
                <a:gd name="connsiteX6" fmla="*/ 28863 w 43256"/>
                <a:gd name="connsiteY6" fmla="*/ 40520 h 49129"/>
                <a:gd name="connsiteX7" fmla="*/ 28596 w 43256"/>
                <a:gd name="connsiteY7" fmla="*/ 42429 h 49129"/>
                <a:gd name="connsiteX8" fmla="*/ 34165 w 43256"/>
                <a:gd name="connsiteY8" fmla="*/ 28723 h 49129"/>
                <a:gd name="connsiteX9" fmla="*/ 37416 w 43256"/>
                <a:gd name="connsiteY9" fmla="*/ 35859 h 49129"/>
                <a:gd name="connsiteX10" fmla="*/ 41834 w 43256"/>
                <a:gd name="connsiteY10" fmla="*/ 21123 h 49129"/>
                <a:gd name="connsiteX11" fmla="*/ 40386 w 43256"/>
                <a:gd name="connsiteY11" fmla="*/ 23799 h 49129"/>
                <a:gd name="connsiteX12" fmla="*/ 38360 w 43256"/>
                <a:gd name="connsiteY12" fmla="*/ 11195 h 49129"/>
                <a:gd name="connsiteX13" fmla="*/ 38436 w 43256"/>
                <a:gd name="connsiteY13" fmla="*/ 12459 h 49129"/>
                <a:gd name="connsiteX14" fmla="*/ 29114 w 43256"/>
                <a:gd name="connsiteY14" fmla="*/ 9721 h 49129"/>
                <a:gd name="connsiteX15" fmla="*/ 29856 w 43256"/>
                <a:gd name="connsiteY15" fmla="*/ 8109 h 49129"/>
                <a:gd name="connsiteX16" fmla="*/ 22177 w 43256"/>
                <a:gd name="connsiteY16" fmla="*/ 10489 h 49129"/>
                <a:gd name="connsiteX17" fmla="*/ 22536 w 43256"/>
                <a:gd name="connsiteY17" fmla="*/ 9099 h 49129"/>
                <a:gd name="connsiteX18" fmla="*/ 4163 w 43256"/>
                <a:gd name="connsiteY18" fmla="*/ 21558 h 49129"/>
                <a:gd name="connsiteX19" fmla="*/ 3936 w 43256"/>
                <a:gd name="connsiteY19" fmla="*/ 20139 h 491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43256" h="49129">
                  <a:moveTo>
                    <a:pt x="3936" y="20139"/>
                  </a:moveTo>
                  <a:cubicBezTo>
                    <a:pt x="3665" y="17426"/>
                    <a:pt x="3940" y="16029"/>
                    <a:pt x="5659" y="12676"/>
                  </a:cubicBezTo>
                  <a:cubicBezTo>
                    <a:pt x="7378" y="9323"/>
                    <a:pt x="11444" y="602"/>
                    <a:pt x="14249" y="23"/>
                  </a:cubicBezTo>
                  <a:cubicBezTo>
                    <a:pt x="17054" y="-556"/>
                    <a:pt x="20561" y="9905"/>
                    <a:pt x="22492" y="9201"/>
                  </a:cubicBezTo>
                  <a:cubicBezTo>
                    <a:pt x="23133" y="7452"/>
                    <a:pt x="24364" y="6243"/>
                    <a:pt x="25785" y="5969"/>
                  </a:cubicBezTo>
                  <a:cubicBezTo>
                    <a:pt x="27349" y="5667"/>
                    <a:pt x="28911" y="6539"/>
                    <a:pt x="29869" y="8250"/>
                  </a:cubicBezTo>
                  <a:cubicBezTo>
                    <a:pt x="31251" y="6036"/>
                    <a:pt x="33537" y="5309"/>
                    <a:pt x="35499" y="6459"/>
                  </a:cubicBezTo>
                  <a:cubicBezTo>
                    <a:pt x="36994" y="7335"/>
                    <a:pt x="38066" y="9169"/>
                    <a:pt x="38354" y="11345"/>
                  </a:cubicBezTo>
                  <a:cubicBezTo>
                    <a:pt x="40082" y="11987"/>
                    <a:pt x="41458" y="13767"/>
                    <a:pt x="42018" y="16087"/>
                  </a:cubicBezTo>
                  <a:cubicBezTo>
                    <a:pt x="42425" y="17771"/>
                    <a:pt x="42367" y="19600"/>
                    <a:pt x="41854" y="21229"/>
                  </a:cubicBezTo>
                  <a:cubicBezTo>
                    <a:pt x="43115" y="23463"/>
                    <a:pt x="43556" y="26359"/>
                    <a:pt x="43052" y="29091"/>
                  </a:cubicBezTo>
                  <a:cubicBezTo>
                    <a:pt x="42382" y="32723"/>
                    <a:pt x="40164" y="35443"/>
                    <a:pt x="37440" y="35973"/>
                  </a:cubicBezTo>
                  <a:cubicBezTo>
                    <a:pt x="37427" y="38240"/>
                    <a:pt x="36694" y="40390"/>
                    <a:pt x="35431" y="41870"/>
                  </a:cubicBezTo>
                  <a:cubicBezTo>
                    <a:pt x="33512" y="44119"/>
                    <a:pt x="30740" y="44408"/>
                    <a:pt x="28591" y="42584"/>
                  </a:cubicBezTo>
                  <a:cubicBezTo>
                    <a:pt x="27896" y="45717"/>
                    <a:pt x="26035" y="48112"/>
                    <a:pt x="23703" y="48875"/>
                  </a:cubicBezTo>
                  <a:cubicBezTo>
                    <a:pt x="20955" y="49774"/>
                    <a:pt x="18087" y="48242"/>
                    <a:pt x="16516" y="45035"/>
                  </a:cubicBezTo>
                  <a:cubicBezTo>
                    <a:pt x="12808" y="48079"/>
                    <a:pt x="7992" y="46368"/>
                    <a:pt x="5840" y="41241"/>
                  </a:cubicBezTo>
                  <a:cubicBezTo>
                    <a:pt x="3726" y="41578"/>
                    <a:pt x="1741" y="39793"/>
                    <a:pt x="1146" y="37019"/>
                  </a:cubicBezTo>
                  <a:cubicBezTo>
                    <a:pt x="715" y="35012"/>
                    <a:pt x="1096" y="32846"/>
                    <a:pt x="2149" y="31320"/>
                  </a:cubicBezTo>
                  <a:cubicBezTo>
                    <a:pt x="655" y="30123"/>
                    <a:pt x="-177" y="27826"/>
                    <a:pt x="31" y="25473"/>
                  </a:cubicBezTo>
                  <a:cubicBezTo>
                    <a:pt x="275" y="22718"/>
                    <a:pt x="1881" y="20560"/>
                    <a:pt x="3899" y="20276"/>
                  </a:cubicBezTo>
                  <a:cubicBezTo>
                    <a:pt x="3911" y="20230"/>
                    <a:pt x="3924" y="20185"/>
                    <a:pt x="3936" y="20139"/>
                  </a:cubicBezTo>
                  <a:close/>
                </a:path>
                <a:path w="43256" h="49129" fill="none" extrusionOk="0">
                  <a:moveTo>
                    <a:pt x="7467" y="16011"/>
                  </a:moveTo>
                  <a:cubicBezTo>
                    <a:pt x="6583" y="16105"/>
                    <a:pt x="2961" y="31762"/>
                    <a:pt x="2196" y="31149"/>
                  </a:cubicBezTo>
                  <a:moveTo>
                    <a:pt x="6964" y="40668"/>
                  </a:moveTo>
                  <a:cubicBezTo>
                    <a:pt x="6609" y="40861"/>
                    <a:pt x="6236" y="40989"/>
                    <a:pt x="5856" y="41049"/>
                  </a:cubicBezTo>
                  <a:moveTo>
                    <a:pt x="16514" y="44859"/>
                  </a:moveTo>
                  <a:cubicBezTo>
                    <a:pt x="16247" y="44313"/>
                    <a:pt x="16023" y="43730"/>
                    <a:pt x="15846" y="43119"/>
                  </a:cubicBezTo>
                  <a:moveTo>
                    <a:pt x="28863" y="40520"/>
                  </a:moveTo>
                  <a:cubicBezTo>
                    <a:pt x="28824" y="41167"/>
                    <a:pt x="28734" y="41807"/>
                    <a:pt x="28596" y="42429"/>
                  </a:cubicBezTo>
                  <a:moveTo>
                    <a:pt x="34165" y="28723"/>
                  </a:moveTo>
                  <a:cubicBezTo>
                    <a:pt x="36169" y="30051"/>
                    <a:pt x="37434" y="32827"/>
                    <a:pt x="37416" y="35859"/>
                  </a:cubicBezTo>
                  <a:moveTo>
                    <a:pt x="41834" y="21123"/>
                  </a:moveTo>
                  <a:cubicBezTo>
                    <a:pt x="41509" y="22155"/>
                    <a:pt x="41014" y="23071"/>
                    <a:pt x="40386" y="23799"/>
                  </a:cubicBezTo>
                  <a:moveTo>
                    <a:pt x="38360" y="11195"/>
                  </a:moveTo>
                  <a:cubicBezTo>
                    <a:pt x="38415" y="11612"/>
                    <a:pt x="38441" y="12035"/>
                    <a:pt x="38436" y="12459"/>
                  </a:cubicBezTo>
                  <a:moveTo>
                    <a:pt x="29114" y="9721"/>
                  </a:moveTo>
                  <a:cubicBezTo>
                    <a:pt x="29303" y="9138"/>
                    <a:pt x="29552" y="8595"/>
                    <a:pt x="29856" y="8109"/>
                  </a:cubicBezTo>
                  <a:moveTo>
                    <a:pt x="22177" y="10489"/>
                  </a:moveTo>
                  <a:cubicBezTo>
                    <a:pt x="22254" y="10007"/>
                    <a:pt x="22375" y="9540"/>
                    <a:pt x="22536" y="9099"/>
                  </a:cubicBezTo>
                  <a:moveTo>
                    <a:pt x="4163" y="21558"/>
                  </a:moveTo>
                  <a:cubicBezTo>
                    <a:pt x="4060" y="21094"/>
                    <a:pt x="3984" y="20620"/>
                    <a:pt x="3936" y="20139"/>
                  </a:cubicBezTo>
                </a:path>
              </a:pathLst>
            </a:custGeom>
            <a:gradFill flip="none" rotWithShape="1">
              <a:gsLst>
                <a:gs pos="0">
                  <a:srgbClr val="C00000"/>
                </a:gs>
                <a:gs pos="74000">
                  <a:srgbClr val="680000"/>
                </a:gs>
                <a:gs pos="83000">
                  <a:srgbClr val="8A0000"/>
                </a:gs>
                <a:gs pos="100000">
                  <a:srgbClr val="680000"/>
                </a:gs>
              </a:gsLst>
              <a:path path="circle">
                <a:fillToRect l="50000" t="50000" r="50000" b="50000"/>
              </a:path>
              <a:tileRect/>
            </a:gradFill>
            <a:ln w="6350">
              <a:solidFill>
                <a:srgbClr val="4C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4" name="Ellipse 53">
              <a:extLst>
                <a:ext uri="{FF2B5EF4-FFF2-40B4-BE49-F238E27FC236}">
                  <a16:creationId xmlns:a16="http://schemas.microsoft.com/office/drawing/2014/main" id="{BE616A43-539E-4AEA-B7B3-7DD9897F48B0}"/>
                </a:ext>
              </a:extLst>
            </p:cNvPr>
            <p:cNvSpPr/>
            <p:nvPr/>
          </p:nvSpPr>
          <p:spPr>
            <a:xfrm>
              <a:off x="2576511" y="2321195"/>
              <a:ext cx="1061005" cy="190048"/>
            </a:xfrm>
            <a:custGeom>
              <a:avLst/>
              <a:gdLst>
                <a:gd name="connsiteX0" fmla="*/ 0 w 932670"/>
                <a:gd name="connsiteY0" fmla="*/ 68840 h 137680"/>
                <a:gd name="connsiteX1" fmla="*/ 466335 w 932670"/>
                <a:gd name="connsiteY1" fmla="*/ 0 h 137680"/>
                <a:gd name="connsiteX2" fmla="*/ 932670 w 932670"/>
                <a:gd name="connsiteY2" fmla="*/ 68840 h 137680"/>
                <a:gd name="connsiteX3" fmla="*/ 466335 w 932670"/>
                <a:gd name="connsiteY3" fmla="*/ 137680 h 137680"/>
                <a:gd name="connsiteX4" fmla="*/ 0 w 932670"/>
                <a:gd name="connsiteY4" fmla="*/ 68840 h 137680"/>
                <a:gd name="connsiteX0" fmla="*/ 0 w 961491"/>
                <a:gd name="connsiteY0" fmla="*/ 149803 h 167080"/>
                <a:gd name="connsiteX1" fmla="*/ 495156 w 961491"/>
                <a:gd name="connsiteY1" fmla="*/ 2362 h 167080"/>
                <a:gd name="connsiteX2" fmla="*/ 961491 w 961491"/>
                <a:gd name="connsiteY2" fmla="*/ 71202 h 167080"/>
                <a:gd name="connsiteX3" fmla="*/ 495156 w 961491"/>
                <a:gd name="connsiteY3" fmla="*/ 140042 h 167080"/>
                <a:gd name="connsiteX4" fmla="*/ 0 w 961491"/>
                <a:gd name="connsiteY4" fmla="*/ 149803 h 167080"/>
                <a:gd name="connsiteX0" fmla="*/ 0 w 940531"/>
                <a:gd name="connsiteY0" fmla="*/ 155408 h 174015"/>
                <a:gd name="connsiteX1" fmla="*/ 495156 w 940531"/>
                <a:gd name="connsiteY1" fmla="*/ 7967 h 174015"/>
                <a:gd name="connsiteX2" fmla="*/ 940531 w 940531"/>
                <a:gd name="connsiteY2" fmla="*/ 42746 h 174015"/>
                <a:gd name="connsiteX3" fmla="*/ 495156 w 940531"/>
                <a:gd name="connsiteY3" fmla="*/ 145647 h 174015"/>
                <a:gd name="connsiteX4" fmla="*/ 0 w 940531"/>
                <a:gd name="connsiteY4" fmla="*/ 155408 h 174015"/>
                <a:gd name="connsiteX0" fmla="*/ 1 w 940532"/>
                <a:gd name="connsiteY0" fmla="*/ 138257 h 148285"/>
                <a:gd name="connsiteX1" fmla="*/ 500397 w 940532"/>
                <a:gd name="connsiteY1" fmla="*/ 17017 h 148285"/>
                <a:gd name="connsiteX2" fmla="*/ 940532 w 940532"/>
                <a:gd name="connsiteY2" fmla="*/ 25595 h 148285"/>
                <a:gd name="connsiteX3" fmla="*/ 495157 w 940532"/>
                <a:gd name="connsiteY3" fmla="*/ 128496 h 148285"/>
                <a:gd name="connsiteX4" fmla="*/ 1 w 940532"/>
                <a:gd name="connsiteY4" fmla="*/ 138257 h 148285"/>
                <a:gd name="connsiteX0" fmla="*/ 5695 w 946226"/>
                <a:gd name="connsiteY0" fmla="*/ 134878 h 140340"/>
                <a:gd name="connsiteX1" fmla="*/ 248681 w 946226"/>
                <a:gd name="connsiteY1" fmla="*/ 76749 h 140340"/>
                <a:gd name="connsiteX2" fmla="*/ 506091 w 946226"/>
                <a:gd name="connsiteY2" fmla="*/ 13638 h 140340"/>
                <a:gd name="connsiteX3" fmla="*/ 946226 w 946226"/>
                <a:gd name="connsiteY3" fmla="*/ 22216 h 140340"/>
                <a:gd name="connsiteX4" fmla="*/ 500851 w 946226"/>
                <a:gd name="connsiteY4" fmla="*/ 125117 h 140340"/>
                <a:gd name="connsiteX5" fmla="*/ 5695 w 946226"/>
                <a:gd name="connsiteY5" fmla="*/ 134878 h 140340"/>
                <a:gd name="connsiteX0" fmla="*/ 5695 w 948535"/>
                <a:gd name="connsiteY0" fmla="*/ 134541 h 140003"/>
                <a:gd name="connsiteX1" fmla="*/ 248681 w 948535"/>
                <a:gd name="connsiteY1" fmla="*/ 76412 h 140003"/>
                <a:gd name="connsiteX2" fmla="*/ 506091 w 948535"/>
                <a:gd name="connsiteY2" fmla="*/ 13301 h 140003"/>
                <a:gd name="connsiteX3" fmla="*/ 646930 w 948535"/>
                <a:gd name="connsiteY3" fmla="*/ 429 h 140003"/>
                <a:gd name="connsiteX4" fmla="*/ 946226 w 948535"/>
                <a:gd name="connsiteY4" fmla="*/ 21879 h 140003"/>
                <a:gd name="connsiteX5" fmla="*/ 500851 w 948535"/>
                <a:gd name="connsiteY5" fmla="*/ 124780 h 140003"/>
                <a:gd name="connsiteX6" fmla="*/ 5695 w 948535"/>
                <a:gd name="connsiteY6" fmla="*/ 134541 h 140003"/>
                <a:gd name="connsiteX0" fmla="*/ 5695 w 957806"/>
                <a:gd name="connsiteY0" fmla="*/ 134334 h 139796"/>
                <a:gd name="connsiteX1" fmla="*/ 248681 w 957806"/>
                <a:gd name="connsiteY1" fmla="*/ 76205 h 139796"/>
                <a:gd name="connsiteX2" fmla="*/ 506091 w 957806"/>
                <a:gd name="connsiteY2" fmla="*/ 13094 h 139796"/>
                <a:gd name="connsiteX3" fmla="*/ 646930 w 957806"/>
                <a:gd name="connsiteY3" fmla="*/ 222 h 139796"/>
                <a:gd name="connsiteX4" fmla="*/ 811994 w 957806"/>
                <a:gd name="connsiteY4" fmla="*/ 10703 h 139796"/>
                <a:gd name="connsiteX5" fmla="*/ 946226 w 957806"/>
                <a:gd name="connsiteY5" fmla="*/ 21672 h 139796"/>
                <a:gd name="connsiteX6" fmla="*/ 500851 w 957806"/>
                <a:gd name="connsiteY6" fmla="*/ 124573 h 139796"/>
                <a:gd name="connsiteX7" fmla="*/ 5695 w 957806"/>
                <a:gd name="connsiteY7" fmla="*/ 134334 h 139796"/>
                <a:gd name="connsiteX0" fmla="*/ 5497 w 957608"/>
                <a:gd name="connsiteY0" fmla="*/ 134334 h 134741"/>
                <a:gd name="connsiteX1" fmla="*/ 248483 w 957608"/>
                <a:gd name="connsiteY1" fmla="*/ 76205 h 134741"/>
                <a:gd name="connsiteX2" fmla="*/ 505893 w 957608"/>
                <a:gd name="connsiteY2" fmla="*/ 13094 h 134741"/>
                <a:gd name="connsiteX3" fmla="*/ 646732 w 957608"/>
                <a:gd name="connsiteY3" fmla="*/ 222 h 134741"/>
                <a:gd name="connsiteX4" fmla="*/ 811796 w 957608"/>
                <a:gd name="connsiteY4" fmla="*/ 10703 h 134741"/>
                <a:gd name="connsiteX5" fmla="*/ 946028 w 957608"/>
                <a:gd name="connsiteY5" fmla="*/ 21672 h 134741"/>
                <a:gd name="connsiteX6" fmla="*/ 495413 w 957608"/>
                <a:gd name="connsiteY6" fmla="*/ 45971 h 134741"/>
                <a:gd name="connsiteX7" fmla="*/ 5497 w 957608"/>
                <a:gd name="connsiteY7" fmla="*/ 134334 h 134741"/>
                <a:gd name="connsiteX0" fmla="*/ 86 w 952197"/>
                <a:gd name="connsiteY0" fmla="*/ 134334 h 134654"/>
                <a:gd name="connsiteX1" fmla="*/ 243072 w 952197"/>
                <a:gd name="connsiteY1" fmla="*/ 76205 h 134654"/>
                <a:gd name="connsiteX2" fmla="*/ 500482 w 952197"/>
                <a:gd name="connsiteY2" fmla="*/ 13094 h 134654"/>
                <a:gd name="connsiteX3" fmla="*/ 641321 w 952197"/>
                <a:gd name="connsiteY3" fmla="*/ 222 h 134654"/>
                <a:gd name="connsiteX4" fmla="*/ 806385 w 952197"/>
                <a:gd name="connsiteY4" fmla="*/ 10703 h 134654"/>
                <a:gd name="connsiteX5" fmla="*/ 940617 w 952197"/>
                <a:gd name="connsiteY5" fmla="*/ 21672 h 134654"/>
                <a:gd name="connsiteX6" fmla="*/ 490002 w 952197"/>
                <a:gd name="connsiteY6" fmla="*/ 45971 h 134654"/>
                <a:gd name="connsiteX7" fmla="*/ 269272 w 952197"/>
                <a:gd name="connsiteY7" fmla="*/ 97165 h 134654"/>
                <a:gd name="connsiteX8" fmla="*/ 86 w 952197"/>
                <a:gd name="connsiteY8" fmla="*/ 134334 h 134654"/>
                <a:gd name="connsiteX0" fmla="*/ 5287 w 957398"/>
                <a:gd name="connsiteY0" fmla="*/ 134334 h 149247"/>
                <a:gd name="connsiteX1" fmla="*/ 248273 w 957398"/>
                <a:gd name="connsiteY1" fmla="*/ 76205 h 149247"/>
                <a:gd name="connsiteX2" fmla="*/ 505683 w 957398"/>
                <a:gd name="connsiteY2" fmla="*/ 13094 h 149247"/>
                <a:gd name="connsiteX3" fmla="*/ 646522 w 957398"/>
                <a:gd name="connsiteY3" fmla="*/ 222 h 149247"/>
                <a:gd name="connsiteX4" fmla="*/ 811586 w 957398"/>
                <a:gd name="connsiteY4" fmla="*/ 10703 h 149247"/>
                <a:gd name="connsiteX5" fmla="*/ 945818 w 957398"/>
                <a:gd name="connsiteY5" fmla="*/ 21672 h 149247"/>
                <a:gd name="connsiteX6" fmla="*/ 495203 w 957398"/>
                <a:gd name="connsiteY6" fmla="*/ 45971 h 149247"/>
                <a:gd name="connsiteX7" fmla="*/ 274473 w 957398"/>
                <a:gd name="connsiteY7" fmla="*/ 97165 h 149247"/>
                <a:gd name="connsiteX8" fmla="*/ 96309 w 957398"/>
                <a:gd name="connsiteY8" fmla="*/ 146946 h 149247"/>
                <a:gd name="connsiteX9" fmla="*/ 5287 w 957398"/>
                <a:gd name="connsiteY9" fmla="*/ 134334 h 149247"/>
                <a:gd name="connsiteX0" fmla="*/ 5287 w 957398"/>
                <a:gd name="connsiteY0" fmla="*/ 134334 h 149247"/>
                <a:gd name="connsiteX1" fmla="*/ 248273 w 957398"/>
                <a:gd name="connsiteY1" fmla="*/ 76205 h 149247"/>
                <a:gd name="connsiteX2" fmla="*/ 505683 w 957398"/>
                <a:gd name="connsiteY2" fmla="*/ 13094 h 149247"/>
                <a:gd name="connsiteX3" fmla="*/ 646522 w 957398"/>
                <a:gd name="connsiteY3" fmla="*/ 222 h 149247"/>
                <a:gd name="connsiteX4" fmla="*/ 811586 w 957398"/>
                <a:gd name="connsiteY4" fmla="*/ 10703 h 149247"/>
                <a:gd name="connsiteX5" fmla="*/ 945818 w 957398"/>
                <a:gd name="connsiteY5" fmla="*/ 21672 h 149247"/>
                <a:gd name="connsiteX6" fmla="*/ 495203 w 957398"/>
                <a:gd name="connsiteY6" fmla="*/ 45971 h 149247"/>
                <a:gd name="connsiteX7" fmla="*/ 287573 w 957398"/>
                <a:gd name="connsiteY7" fmla="*/ 99785 h 149247"/>
                <a:gd name="connsiteX8" fmla="*/ 96309 w 957398"/>
                <a:gd name="connsiteY8" fmla="*/ 146946 h 149247"/>
                <a:gd name="connsiteX9" fmla="*/ 5287 w 957398"/>
                <a:gd name="connsiteY9" fmla="*/ 134334 h 149247"/>
                <a:gd name="connsiteX0" fmla="*/ 5287 w 957398"/>
                <a:gd name="connsiteY0" fmla="*/ 123854 h 148236"/>
                <a:gd name="connsiteX1" fmla="*/ 248273 w 957398"/>
                <a:gd name="connsiteY1" fmla="*/ 76205 h 148236"/>
                <a:gd name="connsiteX2" fmla="*/ 505683 w 957398"/>
                <a:gd name="connsiteY2" fmla="*/ 13094 h 148236"/>
                <a:gd name="connsiteX3" fmla="*/ 646522 w 957398"/>
                <a:gd name="connsiteY3" fmla="*/ 222 h 148236"/>
                <a:gd name="connsiteX4" fmla="*/ 811586 w 957398"/>
                <a:gd name="connsiteY4" fmla="*/ 10703 h 148236"/>
                <a:gd name="connsiteX5" fmla="*/ 945818 w 957398"/>
                <a:gd name="connsiteY5" fmla="*/ 21672 h 148236"/>
                <a:gd name="connsiteX6" fmla="*/ 495203 w 957398"/>
                <a:gd name="connsiteY6" fmla="*/ 45971 h 148236"/>
                <a:gd name="connsiteX7" fmla="*/ 287573 w 957398"/>
                <a:gd name="connsiteY7" fmla="*/ 99785 h 148236"/>
                <a:gd name="connsiteX8" fmla="*/ 96309 w 957398"/>
                <a:gd name="connsiteY8" fmla="*/ 146946 h 148236"/>
                <a:gd name="connsiteX9" fmla="*/ 5287 w 957398"/>
                <a:gd name="connsiteY9" fmla="*/ 123854 h 148236"/>
                <a:gd name="connsiteX0" fmla="*/ 7282 w 959393"/>
                <a:gd name="connsiteY0" fmla="*/ 123854 h 150743"/>
                <a:gd name="connsiteX1" fmla="*/ 250268 w 959393"/>
                <a:gd name="connsiteY1" fmla="*/ 76205 h 150743"/>
                <a:gd name="connsiteX2" fmla="*/ 507678 w 959393"/>
                <a:gd name="connsiteY2" fmla="*/ 13094 h 150743"/>
                <a:gd name="connsiteX3" fmla="*/ 648517 w 959393"/>
                <a:gd name="connsiteY3" fmla="*/ 222 h 150743"/>
                <a:gd name="connsiteX4" fmla="*/ 813581 w 959393"/>
                <a:gd name="connsiteY4" fmla="*/ 10703 h 150743"/>
                <a:gd name="connsiteX5" fmla="*/ 947813 w 959393"/>
                <a:gd name="connsiteY5" fmla="*/ 21672 h 150743"/>
                <a:gd name="connsiteX6" fmla="*/ 497198 w 959393"/>
                <a:gd name="connsiteY6" fmla="*/ 45971 h 150743"/>
                <a:gd name="connsiteX7" fmla="*/ 289568 w 959393"/>
                <a:gd name="connsiteY7" fmla="*/ 99785 h 150743"/>
                <a:gd name="connsiteX8" fmla="*/ 82584 w 959393"/>
                <a:gd name="connsiteY8" fmla="*/ 149566 h 150743"/>
                <a:gd name="connsiteX9" fmla="*/ 7282 w 959393"/>
                <a:gd name="connsiteY9" fmla="*/ 123854 h 150743"/>
                <a:gd name="connsiteX0" fmla="*/ 7282 w 959393"/>
                <a:gd name="connsiteY0" fmla="*/ 126427 h 153316"/>
                <a:gd name="connsiteX1" fmla="*/ 250268 w 959393"/>
                <a:gd name="connsiteY1" fmla="*/ 78778 h 153316"/>
                <a:gd name="connsiteX2" fmla="*/ 507678 w 959393"/>
                <a:gd name="connsiteY2" fmla="*/ 15667 h 153316"/>
                <a:gd name="connsiteX3" fmla="*/ 622316 w 959393"/>
                <a:gd name="connsiteY3" fmla="*/ 175 h 153316"/>
                <a:gd name="connsiteX4" fmla="*/ 813581 w 959393"/>
                <a:gd name="connsiteY4" fmla="*/ 13276 h 153316"/>
                <a:gd name="connsiteX5" fmla="*/ 947813 w 959393"/>
                <a:gd name="connsiteY5" fmla="*/ 24245 h 153316"/>
                <a:gd name="connsiteX6" fmla="*/ 497198 w 959393"/>
                <a:gd name="connsiteY6" fmla="*/ 48544 h 153316"/>
                <a:gd name="connsiteX7" fmla="*/ 289568 w 959393"/>
                <a:gd name="connsiteY7" fmla="*/ 102358 h 153316"/>
                <a:gd name="connsiteX8" fmla="*/ 82584 w 959393"/>
                <a:gd name="connsiteY8" fmla="*/ 152139 h 153316"/>
                <a:gd name="connsiteX9" fmla="*/ 7282 w 959393"/>
                <a:gd name="connsiteY9" fmla="*/ 126427 h 153316"/>
                <a:gd name="connsiteX0" fmla="*/ 7282 w 1014190"/>
                <a:gd name="connsiteY0" fmla="*/ 126427 h 153316"/>
                <a:gd name="connsiteX1" fmla="*/ 250268 w 1014190"/>
                <a:gd name="connsiteY1" fmla="*/ 78778 h 153316"/>
                <a:gd name="connsiteX2" fmla="*/ 507678 w 1014190"/>
                <a:gd name="connsiteY2" fmla="*/ 15667 h 153316"/>
                <a:gd name="connsiteX3" fmla="*/ 622316 w 1014190"/>
                <a:gd name="connsiteY3" fmla="*/ 175 h 153316"/>
                <a:gd name="connsiteX4" fmla="*/ 813581 w 1014190"/>
                <a:gd name="connsiteY4" fmla="*/ 13276 h 153316"/>
                <a:gd name="connsiteX5" fmla="*/ 1005455 w 1014190"/>
                <a:gd name="connsiteY5" fmla="*/ 21625 h 153316"/>
                <a:gd name="connsiteX6" fmla="*/ 497198 w 1014190"/>
                <a:gd name="connsiteY6" fmla="*/ 48544 h 153316"/>
                <a:gd name="connsiteX7" fmla="*/ 289568 w 1014190"/>
                <a:gd name="connsiteY7" fmla="*/ 102358 h 153316"/>
                <a:gd name="connsiteX8" fmla="*/ 82584 w 1014190"/>
                <a:gd name="connsiteY8" fmla="*/ 152139 h 153316"/>
                <a:gd name="connsiteX9" fmla="*/ 7282 w 1014190"/>
                <a:gd name="connsiteY9" fmla="*/ 126427 h 153316"/>
                <a:gd name="connsiteX0" fmla="*/ 7282 w 1005455"/>
                <a:gd name="connsiteY0" fmla="*/ 126427 h 153316"/>
                <a:gd name="connsiteX1" fmla="*/ 250268 w 1005455"/>
                <a:gd name="connsiteY1" fmla="*/ 78778 h 153316"/>
                <a:gd name="connsiteX2" fmla="*/ 507678 w 1005455"/>
                <a:gd name="connsiteY2" fmla="*/ 15667 h 153316"/>
                <a:gd name="connsiteX3" fmla="*/ 622316 w 1005455"/>
                <a:gd name="connsiteY3" fmla="*/ 175 h 153316"/>
                <a:gd name="connsiteX4" fmla="*/ 813581 w 1005455"/>
                <a:gd name="connsiteY4" fmla="*/ 13276 h 153316"/>
                <a:gd name="connsiteX5" fmla="*/ 1005455 w 1005455"/>
                <a:gd name="connsiteY5" fmla="*/ 21625 h 153316"/>
                <a:gd name="connsiteX6" fmla="*/ 497198 w 1005455"/>
                <a:gd name="connsiteY6" fmla="*/ 48544 h 153316"/>
                <a:gd name="connsiteX7" fmla="*/ 289568 w 1005455"/>
                <a:gd name="connsiteY7" fmla="*/ 102358 h 153316"/>
                <a:gd name="connsiteX8" fmla="*/ 82584 w 1005455"/>
                <a:gd name="connsiteY8" fmla="*/ 152139 h 153316"/>
                <a:gd name="connsiteX9" fmla="*/ 7282 w 1005455"/>
                <a:gd name="connsiteY9" fmla="*/ 126427 h 153316"/>
                <a:gd name="connsiteX0" fmla="*/ 7282 w 1005455"/>
                <a:gd name="connsiteY0" fmla="*/ 126427 h 153316"/>
                <a:gd name="connsiteX1" fmla="*/ 250268 w 1005455"/>
                <a:gd name="connsiteY1" fmla="*/ 78778 h 153316"/>
                <a:gd name="connsiteX2" fmla="*/ 507678 w 1005455"/>
                <a:gd name="connsiteY2" fmla="*/ 15667 h 153316"/>
                <a:gd name="connsiteX3" fmla="*/ 622316 w 1005455"/>
                <a:gd name="connsiteY3" fmla="*/ 175 h 153316"/>
                <a:gd name="connsiteX4" fmla="*/ 813581 w 1005455"/>
                <a:gd name="connsiteY4" fmla="*/ 13276 h 153316"/>
                <a:gd name="connsiteX5" fmla="*/ 1005455 w 1005455"/>
                <a:gd name="connsiteY5" fmla="*/ 21625 h 153316"/>
                <a:gd name="connsiteX6" fmla="*/ 497198 w 1005455"/>
                <a:gd name="connsiteY6" fmla="*/ 48544 h 153316"/>
                <a:gd name="connsiteX7" fmla="*/ 289568 w 1005455"/>
                <a:gd name="connsiteY7" fmla="*/ 102358 h 153316"/>
                <a:gd name="connsiteX8" fmla="*/ 82584 w 1005455"/>
                <a:gd name="connsiteY8" fmla="*/ 152139 h 153316"/>
                <a:gd name="connsiteX9" fmla="*/ 7282 w 1005455"/>
                <a:gd name="connsiteY9"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48544 h 153316"/>
                <a:gd name="connsiteX8" fmla="*/ 28956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48544 h 153316"/>
                <a:gd name="connsiteX8" fmla="*/ 28956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48544 h 153316"/>
                <a:gd name="connsiteX8" fmla="*/ 28956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51164 h 153316"/>
                <a:gd name="connsiteX8" fmla="*/ 28956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51164 h 153316"/>
                <a:gd name="connsiteX8" fmla="*/ 28956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51164 h 153316"/>
                <a:gd name="connsiteX8" fmla="*/ 28432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51164 h 153316"/>
                <a:gd name="connsiteX8" fmla="*/ 284328 w 1005785"/>
                <a:gd name="connsiteY8" fmla="*/ 102358 h 153316"/>
                <a:gd name="connsiteX9" fmla="*/ 82584 w 1005785"/>
                <a:gd name="connsiteY9" fmla="*/ 152139 h 153316"/>
                <a:gd name="connsiteX10" fmla="*/ 7282 w 1005785"/>
                <a:gd name="connsiteY10" fmla="*/ 126427 h 153316"/>
                <a:gd name="connsiteX0" fmla="*/ 7282 w 1005785"/>
                <a:gd name="connsiteY0" fmla="*/ 126427 h 153316"/>
                <a:gd name="connsiteX1" fmla="*/ 250268 w 1005785"/>
                <a:gd name="connsiteY1" fmla="*/ 78778 h 153316"/>
                <a:gd name="connsiteX2" fmla="*/ 507678 w 1005785"/>
                <a:gd name="connsiteY2" fmla="*/ 15667 h 153316"/>
                <a:gd name="connsiteX3" fmla="*/ 622316 w 1005785"/>
                <a:gd name="connsiteY3" fmla="*/ 175 h 153316"/>
                <a:gd name="connsiteX4" fmla="*/ 813581 w 1005785"/>
                <a:gd name="connsiteY4" fmla="*/ 13276 h 153316"/>
                <a:gd name="connsiteX5" fmla="*/ 1005455 w 1005785"/>
                <a:gd name="connsiteY5" fmla="*/ 21625 h 153316"/>
                <a:gd name="connsiteX6" fmla="*/ 787380 w 1005785"/>
                <a:gd name="connsiteY6" fmla="*/ 42096 h 153316"/>
                <a:gd name="connsiteX7" fmla="*/ 497198 w 1005785"/>
                <a:gd name="connsiteY7" fmla="*/ 51164 h 153316"/>
                <a:gd name="connsiteX8" fmla="*/ 286948 w 1005785"/>
                <a:gd name="connsiteY8" fmla="*/ 110218 h 153316"/>
                <a:gd name="connsiteX9" fmla="*/ 82584 w 1005785"/>
                <a:gd name="connsiteY9" fmla="*/ 152139 h 153316"/>
                <a:gd name="connsiteX10" fmla="*/ 7282 w 1005785"/>
                <a:gd name="connsiteY10" fmla="*/ 126427 h 153316"/>
                <a:gd name="connsiteX0" fmla="*/ 9473 w 1007976"/>
                <a:gd name="connsiteY0" fmla="*/ 126427 h 158380"/>
                <a:gd name="connsiteX1" fmla="*/ 252459 w 1007976"/>
                <a:gd name="connsiteY1" fmla="*/ 78778 h 158380"/>
                <a:gd name="connsiteX2" fmla="*/ 509869 w 1007976"/>
                <a:gd name="connsiteY2" fmla="*/ 15667 h 158380"/>
                <a:gd name="connsiteX3" fmla="*/ 624507 w 1007976"/>
                <a:gd name="connsiteY3" fmla="*/ 175 h 158380"/>
                <a:gd name="connsiteX4" fmla="*/ 815772 w 1007976"/>
                <a:gd name="connsiteY4" fmla="*/ 13276 h 158380"/>
                <a:gd name="connsiteX5" fmla="*/ 1007646 w 1007976"/>
                <a:gd name="connsiteY5" fmla="*/ 21625 h 158380"/>
                <a:gd name="connsiteX6" fmla="*/ 789571 w 1007976"/>
                <a:gd name="connsiteY6" fmla="*/ 42096 h 158380"/>
                <a:gd name="connsiteX7" fmla="*/ 499389 w 1007976"/>
                <a:gd name="connsiteY7" fmla="*/ 51164 h 158380"/>
                <a:gd name="connsiteX8" fmla="*/ 289139 w 1007976"/>
                <a:gd name="connsiteY8" fmla="*/ 110218 h 158380"/>
                <a:gd name="connsiteX9" fmla="*/ 71674 w 1007976"/>
                <a:gd name="connsiteY9" fmla="*/ 157379 h 158380"/>
                <a:gd name="connsiteX10" fmla="*/ 9473 w 1007976"/>
                <a:gd name="connsiteY10" fmla="*/ 126427 h 158380"/>
                <a:gd name="connsiteX0" fmla="*/ 8084 w 1019687"/>
                <a:gd name="connsiteY0" fmla="*/ 129047 h 158478"/>
                <a:gd name="connsiteX1" fmla="*/ 264170 w 1019687"/>
                <a:gd name="connsiteY1" fmla="*/ 78778 h 158478"/>
                <a:gd name="connsiteX2" fmla="*/ 521580 w 1019687"/>
                <a:gd name="connsiteY2" fmla="*/ 15667 h 158478"/>
                <a:gd name="connsiteX3" fmla="*/ 636218 w 1019687"/>
                <a:gd name="connsiteY3" fmla="*/ 175 h 158478"/>
                <a:gd name="connsiteX4" fmla="*/ 827483 w 1019687"/>
                <a:gd name="connsiteY4" fmla="*/ 13276 h 158478"/>
                <a:gd name="connsiteX5" fmla="*/ 1019357 w 1019687"/>
                <a:gd name="connsiteY5" fmla="*/ 21625 h 158478"/>
                <a:gd name="connsiteX6" fmla="*/ 801282 w 1019687"/>
                <a:gd name="connsiteY6" fmla="*/ 42096 h 158478"/>
                <a:gd name="connsiteX7" fmla="*/ 511100 w 1019687"/>
                <a:gd name="connsiteY7" fmla="*/ 51164 h 158478"/>
                <a:gd name="connsiteX8" fmla="*/ 300850 w 1019687"/>
                <a:gd name="connsiteY8" fmla="*/ 110218 h 158478"/>
                <a:gd name="connsiteX9" fmla="*/ 83385 w 1019687"/>
                <a:gd name="connsiteY9" fmla="*/ 157379 h 158478"/>
                <a:gd name="connsiteX10" fmla="*/ 8084 w 1019687"/>
                <a:gd name="connsiteY10" fmla="*/ 129047 h 158478"/>
                <a:gd name="connsiteX0" fmla="*/ 7693 w 1019296"/>
                <a:gd name="connsiteY0" fmla="*/ 129047 h 161014"/>
                <a:gd name="connsiteX1" fmla="*/ 263779 w 1019296"/>
                <a:gd name="connsiteY1" fmla="*/ 78778 h 161014"/>
                <a:gd name="connsiteX2" fmla="*/ 521189 w 1019296"/>
                <a:gd name="connsiteY2" fmla="*/ 15667 h 161014"/>
                <a:gd name="connsiteX3" fmla="*/ 635827 w 1019296"/>
                <a:gd name="connsiteY3" fmla="*/ 175 h 161014"/>
                <a:gd name="connsiteX4" fmla="*/ 827092 w 1019296"/>
                <a:gd name="connsiteY4" fmla="*/ 13276 h 161014"/>
                <a:gd name="connsiteX5" fmla="*/ 1018966 w 1019296"/>
                <a:gd name="connsiteY5" fmla="*/ 21625 h 161014"/>
                <a:gd name="connsiteX6" fmla="*/ 800891 w 1019296"/>
                <a:gd name="connsiteY6" fmla="*/ 42096 h 161014"/>
                <a:gd name="connsiteX7" fmla="*/ 510709 w 1019296"/>
                <a:gd name="connsiteY7" fmla="*/ 51164 h 161014"/>
                <a:gd name="connsiteX8" fmla="*/ 300459 w 1019296"/>
                <a:gd name="connsiteY8" fmla="*/ 110218 h 161014"/>
                <a:gd name="connsiteX9" fmla="*/ 85614 w 1019296"/>
                <a:gd name="connsiteY9" fmla="*/ 159999 h 161014"/>
                <a:gd name="connsiteX10" fmla="*/ 7693 w 1019296"/>
                <a:gd name="connsiteY10" fmla="*/ 129047 h 161014"/>
                <a:gd name="connsiteX0" fmla="*/ 7693 w 1019296"/>
                <a:gd name="connsiteY0" fmla="*/ 129047 h 161014"/>
                <a:gd name="connsiteX1" fmla="*/ 263779 w 1019296"/>
                <a:gd name="connsiteY1" fmla="*/ 78778 h 161014"/>
                <a:gd name="connsiteX2" fmla="*/ 521189 w 1019296"/>
                <a:gd name="connsiteY2" fmla="*/ 15667 h 161014"/>
                <a:gd name="connsiteX3" fmla="*/ 635827 w 1019296"/>
                <a:gd name="connsiteY3" fmla="*/ 175 h 161014"/>
                <a:gd name="connsiteX4" fmla="*/ 827092 w 1019296"/>
                <a:gd name="connsiteY4" fmla="*/ 13276 h 161014"/>
                <a:gd name="connsiteX5" fmla="*/ 1018966 w 1019296"/>
                <a:gd name="connsiteY5" fmla="*/ 21625 h 161014"/>
                <a:gd name="connsiteX6" fmla="*/ 790411 w 1019296"/>
                <a:gd name="connsiteY6" fmla="*/ 47337 h 161014"/>
                <a:gd name="connsiteX7" fmla="*/ 510709 w 1019296"/>
                <a:gd name="connsiteY7" fmla="*/ 51164 h 161014"/>
                <a:gd name="connsiteX8" fmla="*/ 300459 w 1019296"/>
                <a:gd name="connsiteY8" fmla="*/ 110218 h 161014"/>
                <a:gd name="connsiteX9" fmla="*/ 85614 w 1019296"/>
                <a:gd name="connsiteY9" fmla="*/ 159999 h 161014"/>
                <a:gd name="connsiteX10" fmla="*/ 7693 w 1019296"/>
                <a:gd name="connsiteY10" fmla="*/ 129047 h 161014"/>
                <a:gd name="connsiteX0" fmla="*/ 7693 w 1055913"/>
                <a:gd name="connsiteY0" fmla="*/ 129047 h 161014"/>
                <a:gd name="connsiteX1" fmla="*/ 263779 w 1055913"/>
                <a:gd name="connsiteY1" fmla="*/ 78778 h 161014"/>
                <a:gd name="connsiteX2" fmla="*/ 521189 w 1055913"/>
                <a:gd name="connsiteY2" fmla="*/ 15667 h 161014"/>
                <a:gd name="connsiteX3" fmla="*/ 635827 w 1055913"/>
                <a:gd name="connsiteY3" fmla="*/ 175 h 161014"/>
                <a:gd name="connsiteX4" fmla="*/ 827092 w 1055913"/>
                <a:gd name="connsiteY4" fmla="*/ 13276 h 161014"/>
                <a:gd name="connsiteX5" fmla="*/ 1055646 w 1055913"/>
                <a:gd name="connsiteY5" fmla="*/ 26865 h 161014"/>
                <a:gd name="connsiteX6" fmla="*/ 790411 w 1055913"/>
                <a:gd name="connsiteY6" fmla="*/ 47337 h 161014"/>
                <a:gd name="connsiteX7" fmla="*/ 510709 w 1055913"/>
                <a:gd name="connsiteY7" fmla="*/ 51164 h 161014"/>
                <a:gd name="connsiteX8" fmla="*/ 300459 w 1055913"/>
                <a:gd name="connsiteY8" fmla="*/ 110218 h 161014"/>
                <a:gd name="connsiteX9" fmla="*/ 85614 w 1055913"/>
                <a:gd name="connsiteY9" fmla="*/ 159999 h 161014"/>
                <a:gd name="connsiteX10" fmla="*/ 7693 w 1055913"/>
                <a:gd name="connsiteY10" fmla="*/ 129047 h 161014"/>
                <a:gd name="connsiteX0" fmla="*/ 7693 w 1055913"/>
                <a:gd name="connsiteY0" fmla="*/ 129047 h 161014"/>
                <a:gd name="connsiteX1" fmla="*/ 263779 w 1055913"/>
                <a:gd name="connsiteY1" fmla="*/ 78778 h 161014"/>
                <a:gd name="connsiteX2" fmla="*/ 521189 w 1055913"/>
                <a:gd name="connsiteY2" fmla="*/ 15667 h 161014"/>
                <a:gd name="connsiteX3" fmla="*/ 635827 w 1055913"/>
                <a:gd name="connsiteY3" fmla="*/ 175 h 161014"/>
                <a:gd name="connsiteX4" fmla="*/ 827092 w 1055913"/>
                <a:gd name="connsiteY4" fmla="*/ 13276 h 161014"/>
                <a:gd name="connsiteX5" fmla="*/ 1055646 w 1055913"/>
                <a:gd name="connsiteY5" fmla="*/ 26865 h 161014"/>
                <a:gd name="connsiteX6" fmla="*/ 803511 w 1055913"/>
                <a:gd name="connsiteY6" fmla="*/ 49957 h 161014"/>
                <a:gd name="connsiteX7" fmla="*/ 510709 w 1055913"/>
                <a:gd name="connsiteY7" fmla="*/ 51164 h 161014"/>
                <a:gd name="connsiteX8" fmla="*/ 300459 w 1055913"/>
                <a:gd name="connsiteY8" fmla="*/ 110218 h 161014"/>
                <a:gd name="connsiteX9" fmla="*/ 85614 w 1055913"/>
                <a:gd name="connsiteY9" fmla="*/ 159999 h 161014"/>
                <a:gd name="connsiteX10" fmla="*/ 7693 w 1055913"/>
                <a:gd name="connsiteY10" fmla="*/ 129047 h 161014"/>
                <a:gd name="connsiteX0" fmla="*/ 7693 w 1055913"/>
                <a:gd name="connsiteY0" fmla="*/ 129047 h 161014"/>
                <a:gd name="connsiteX1" fmla="*/ 263779 w 1055913"/>
                <a:gd name="connsiteY1" fmla="*/ 78778 h 161014"/>
                <a:gd name="connsiteX2" fmla="*/ 521189 w 1055913"/>
                <a:gd name="connsiteY2" fmla="*/ 15667 h 161014"/>
                <a:gd name="connsiteX3" fmla="*/ 635827 w 1055913"/>
                <a:gd name="connsiteY3" fmla="*/ 175 h 161014"/>
                <a:gd name="connsiteX4" fmla="*/ 827092 w 1055913"/>
                <a:gd name="connsiteY4" fmla="*/ 13276 h 161014"/>
                <a:gd name="connsiteX5" fmla="*/ 1055646 w 1055913"/>
                <a:gd name="connsiteY5" fmla="*/ 26865 h 161014"/>
                <a:gd name="connsiteX6" fmla="*/ 803511 w 1055913"/>
                <a:gd name="connsiteY6" fmla="*/ 49957 h 161014"/>
                <a:gd name="connsiteX7" fmla="*/ 515950 w 1055913"/>
                <a:gd name="connsiteY7" fmla="*/ 61645 h 161014"/>
                <a:gd name="connsiteX8" fmla="*/ 300459 w 1055913"/>
                <a:gd name="connsiteY8" fmla="*/ 110218 h 161014"/>
                <a:gd name="connsiteX9" fmla="*/ 85614 w 1055913"/>
                <a:gd name="connsiteY9" fmla="*/ 159999 h 161014"/>
                <a:gd name="connsiteX10" fmla="*/ 7693 w 1055913"/>
                <a:gd name="connsiteY10" fmla="*/ 129047 h 161014"/>
                <a:gd name="connsiteX0" fmla="*/ 7693 w 1055913"/>
                <a:gd name="connsiteY0" fmla="*/ 129047 h 161014"/>
                <a:gd name="connsiteX1" fmla="*/ 263779 w 1055913"/>
                <a:gd name="connsiteY1" fmla="*/ 78778 h 161014"/>
                <a:gd name="connsiteX2" fmla="*/ 521189 w 1055913"/>
                <a:gd name="connsiteY2" fmla="*/ 15667 h 161014"/>
                <a:gd name="connsiteX3" fmla="*/ 635827 w 1055913"/>
                <a:gd name="connsiteY3" fmla="*/ 175 h 161014"/>
                <a:gd name="connsiteX4" fmla="*/ 827092 w 1055913"/>
                <a:gd name="connsiteY4" fmla="*/ 13276 h 161014"/>
                <a:gd name="connsiteX5" fmla="*/ 1055646 w 1055913"/>
                <a:gd name="connsiteY5" fmla="*/ 26865 h 161014"/>
                <a:gd name="connsiteX6" fmla="*/ 803511 w 1055913"/>
                <a:gd name="connsiteY6" fmla="*/ 49957 h 161014"/>
                <a:gd name="connsiteX7" fmla="*/ 515950 w 1055913"/>
                <a:gd name="connsiteY7" fmla="*/ 61645 h 161014"/>
                <a:gd name="connsiteX8" fmla="*/ 300459 w 1055913"/>
                <a:gd name="connsiteY8" fmla="*/ 110218 h 161014"/>
                <a:gd name="connsiteX9" fmla="*/ 85614 w 1055913"/>
                <a:gd name="connsiteY9" fmla="*/ 159999 h 161014"/>
                <a:gd name="connsiteX10" fmla="*/ 7693 w 1055913"/>
                <a:gd name="connsiteY10" fmla="*/ 129047 h 161014"/>
                <a:gd name="connsiteX0" fmla="*/ 14 w 1048234"/>
                <a:gd name="connsiteY0" fmla="*/ 129047 h 160933"/>
                <a:gd name="connsiteX1" fmla="*/ 256100 w 1048234"/>
                <a:gd name="connsiteY1" fmla="*/ 78778 h 160933"/>
                <a:gd name="connsiteX2" fmla="*/ 513510 w 1048234"/>
                <a:gd name="connsiteY2" fmla="*/ 15667 h 160933"/>
                <a:gd name="connsiteX3" fmla="*/ 628148 w 1048234"/>
                <a:gd name="connsiteY3" fmla="*/ 175 h 160933"/>
                <a:gd name="connsiteX4" fmla="*/ 819413 w 1048234"/>
                <a:gd name="connsiteY4" fmla="*/ 13276 h 160933"/>
                <a:gd name="connsiteX5" fmla="*/ 1047967 w 1048234"/>
                <a:gd name="connsiteY5" fmla="*/ 26865 h 160933"/>
                <a:gd name="connsiteX6" fmla="*/ 795832 w 1048234"/>
                <a:gd name="connsiteY6" fmla="*/ 49957 h 160933"/>
                <a:gd name="connsiteX7" fmla="*/ 508271 w 1048234"/>
                <a:gd name="connsiteY7" fmla="*/ 61645 h 160933"/>
                <a:gd name="connsiteX8" fmla="*/ 292780 w 1048234"/>
                <a:gd name="connsiteY8" fmla="*/ 110218 h 160933"/>
                <a:gd name="connsiteX9" fmla="*/ 77935 w 1048234"/>
                <a:gd name="connsiteY9" fmla="*/ 159999 h 160933"/>
                <a:gd name="connsiteX10" fmla="*/ 14 w 1048234"/>
                <a:gd name="connsiteY10" fmla="*/ 129047 h 160933"/>
                <a:gd name="connsiteX0" fmla="*/ 2512 w 1050732"/>
                <a:gd name="connsiteY0" fmla="*/ 129047 h 160836"/>
                <a:gd name="connsiteX1" fmla="*/ 42115 w 1050732"/>
                <a:gd name="connsiteY1" fmla="*/ 116960 h 160836"/>
                <a:gd name="connsiteX2" fmla="*/ 258598 w 1050732"/>
                <a:gd name="connsiteY2" fmla="*/ 78778 h 160836"/>
                <a:gd name="connsiteX3" fmla="*/ 516008 w 1050732"/>
                <a:gd name="connsiteY3" fmla="*/ 15667 h 160836"/>
                <a:gd name="connsiteX4" fmla="*/ 630646 w 1050732"/>
                <a:gd name="connsiteY4" fmla="*/ 175 h 160836"/>
                <a:gd name="connsiteX5" fmla="*/ 821911 w 1050732"/>
                <a:gd name="connsiteY5" fmla="*/ 13276 h 160836"/>
                <a:gd name="connsiteX6" fmla="*/ 1050465 w 1050732"/>
                <a:gd name="connsiteY6" fmla="*/ 26865 h 160836"/>
                <a:gd name="connsiteX7" fmla="*/ 798330 w 1050732"/>
                <a:gd name="connsiteY7" fmla="*/ 49957 h 160836"/>
                <a:gd name="connsiteX8" fmla="*/ 510769 w 1050732"/>
                <a:gd name="connsiteY8" fmla="*/ 61645 h 160836"/>
                <a:gd name="connsiteX9" fmla="*/ 295278 w 1050732"/>
                <a:gd name="connsiteY9" fmla="*/ 110218 h 160836"/>
                <a:gd name="connsiteX10" fmla="*/ 80433 w 1050732"/>
                <a:gd name="connsiteY10" fmla="*/ 159999 h 160836"/>
                <a:gd name="connsiteX11" fmla="*/ 2512 w 1050732"/>
                <a:gd name="connsiteY11" fmla="*/ 129047 h 160836"/>
                <a:gd name="connsiteX0" fmla="*/ 1545 w 1059290"/>
                <a:gd name="connsiteY0" fmla="*/ 126666 h 160782"/>
                <a:gd name="connsiteX1" fmla="*/ 50673 w 1059290"/>
                <a:gd name="connsiteY1" fmla="*/ 116960 h 160782"/>
                <a:gd name="connsiteX2" fmla="*/ 267156 w 1059290"/>
                <a:gd name="connsiteY2" fmla="*/ 78778 h 160782"/>
                <a:gd name="connsiteX3" fmla="*/ 524566 w 1059290"/>
                <a:gd name="connsiteY3" fmla="*/ 15667 h 160782"/>
                <a:gd name="connsiteX4" fmla="*/ 639204 w 1059290"/>
                <a:gd name="connsiteY4" fmla="*/ 175 h 160782"/>
                <a:gd name="connsiteX5" fmla="*/ 830469 w 1059290"/>
                <a:gd name="connsiteY5" fmla="*/ 13276 h 160782"/>
                <a:gd name="connsiteX6" fmla="*/ 1059023 w 1059290"/>
                <a:gd name="connsiteY6" fmla="*/ 26865 h 160782"/>
                <a:gd name="connsiteX7" fmla="*/ 806888 w 1059290"/>
                <a:gd name="connsiteY7" fmla="*/ 49957 h 160782"/>
                <a:gd name="connsiteX8" fmla="*/ 519327 w 1059290"/>
                <a:gd name="connsiteY8" fmla="*/ 61645 h 160782"/>
                <a:gd name="connsiteX9" fmla="*/ 303836 w 1059290"/>
                <a:gd name="connsiteY9" fmla="*/ 110218 h 160782"/>
                <a:gd name="connsiteX10" fmla="*/ 88991 w 1059290"/>
                <a:gd name="connsiteY10" fmla="*/ 159999 h 160782"/>
                <a:gd name="connsiteX11" fmla="*/ 1545 w 1059290"/>
                <a:gd name="connsiteY11" fmla="*/ 126666 h 160782"/>
                <a:gd name="connsiteX0" fmla="*/ 3330 w 1061075"/>
                <a:gd name="connsiteY0" fmla="*/ 126666 h 161214"/>
                <a:gd name="connsiteX1" fmla="*/ 21502 w 1061075"/>
                <a:gd name="connsiteY1" fmla="*/ 33616 h 161214"/>
                <a:gd name="connsiteX2" fmla="*/ 52458 w 1061075"/>
                <a:gd name="connsiteY2" fmla="*/ 116960 h 161214"/>
                <a:gd name="connsiteX3" fmla="*/ 268941 w 1061075"/>
                <a:gd name="connsiteY3" fmla="*/ 78778 h 161214"/>
                <a:gd name="connsiteX4" fmla="*/ 526351 w 1061075"/>
                <a:gd name="connsiteY4" fmla="*/ 15667 h 161214"/>
                <a:gd name="connsiteX5" fmla="*/ 640989 w 1061075"/>
                <a:gd name="connsiteY5" fmla="*/ 175 h 161214"/>
                <a:gd name="connsiteX6" fmla="*/ 832254 w 1061075"/>
                <a:gd name="connsiteY6" fmla="*/ 13276 h 161214"/>
                <a:gd name="connsiteX7" fmla="*/ 1060808 w 1061075"/>
                <a:gd name="connsiteY7" fmla="*/ 26865 h 161214"/>
                <a:gd name="connsiteX8" fmla="*/ 808673 w 1061075"/>
                <a:gd name="connsiteY8" fmla="*/ 49957 h 161214"/>
                <a:gd name="connsiteX9" fmla="*/ 521112 w 1061075"/>
                <a:gd name="connsiteY9" fmla="*/ 61645 h 161214"/>
                <a:gd name="connsiteX10" fmla="*/ 305621 w 1061075"/>
                <a:gd name="connsiteY10" fmla="*/ 110218 h 161214"/>
                <a:gd name="connsiteX11" fmla="*/ 90776 w 1061075"/>
                <a:gd name="connsiteY11" fmla="*/ 159999 h 161214"/>
                <a:gd name="connsiteX12" fmla="*/ 3330 w 1061075"/>
                <a:gd name="connsiteY12" fmla="*/ 126666 h 161214"/>
                <a:gd name="connsiteX0" fmla="*/ 2885 w 1065393"/>
                <a:gd name="connsiteY0" fmla="*/ 126666 h 161214"/>
                <a:gd name="connsiteX1" fmla="*/ 25820 w 1065393"/>
                <a:gd name="connsiteY1" fmla="*/ 33616 h 161214"/>
                <a:gd name="connsiteX2" fmla="*/ 56776 w 1065393"/>
                <a:gd name="connsiteY2" fmla="*/ 116960 h 161214"/>
                <a:gd name="connsiteX3" fmla="*/ 273259 w 1065393"/>
                <a:gd name="connsiteY3" fmla="*/ 78778 h 161214"/>
                <a:gd name="connsiteX4" fmla="*/ 530669 w 1065393"/>
                <a:gd name="connsiteY4" fmla="*/ 15667 h 161214"/>
                <a:gd name="connsiteX5" fmla="*/ 645307 w 1065393"/>
                <a:gd name="connsiteY5" fmla="*/ 175 h 161214"/>
                <a:gd name="connsiteX6" fmla="*/ 836572 w 1065393"/>
                <a:gd name="connsiteY6" fmla="*/ 13276 h 161214"/>
                <a:gd name="connsiteX7" fmla="*/ 1065126 w 1065393"/>
                <a:gd name="connsiteY7" fmla="*/ 26865 h 161214"/>
                <a:gd name="connsiteX8" fmla="*/ 812991 w 1065393"/>
                <a:gd name="connsiteY8" fmla="*/ 49957 h 161214"/>
                <a:gd name="connsiteX9" fmla="*/ 525430 w 1065393"/>
                <a:gd name="connsiteY9" fmla="*/ 61645 h 161214"/>
                <a:gd name="connsiteX10" fmla="*/ 309939 w 1065393"/>
                <a:gd name="connsiteY10" fmla="*/ 110218 h 161214"/>
                <a:gd name="connsiteX11" fmla="*/ 95094 w 1065393"/>
                <a:gd name="connsiteY11" fmla="*/ 159999 h 161214"/>
                <a:gd name="connsiteX12" fmla="*/ 2885 w 1065393"/>
                <a:gd name="connsiteY12" fmla="*/ 126666 h 161214"/>
                <a:gd name="connsiteX0" fmla="*/ 630 w 1063138"/>
                <a:gd name="connsiteY0" fmla="*/ 152593 h 187812"/>
                <a:gd name="connsiteX1" fmla="*/ 52140 w 1063138"/>
                <a:gd name="connsiteY1" fmla="*/ 12 h 187812"/>
                <a:gd name="connsiteX2" fmla="*/ 54521 w 1063138"/>
                <a:gd name="connsiteY2" fmla="*/ 142887 h 187812"/>
                <a:gd name="connsiteX3" fmla="*/ 271004 w 1063138"/>
                <a:gd name="connsiteY3" fmla="*/ 104705 h 187812"/>
                <a:gd name="connsiteX4" fmla="*/ 528414 w 1063138"/>
                <a:gd name="connsiteY4" fmla="*/ 41594 h 187812"/>
                <a:gd name="connsiteX5" fmla="*/ 643052 w 1063138"/>
                <a:gd name="connsiteY5" fmla="*/ 26102 h 187812"/>
                <a:gd name="connsiteX6" fmla="*/ 834317 w 1063138"/>
                <a:gd name="connsiteY6" fmla="*/ 39203 h 187812"/>
                <a:gd name="connsiteX7" fmla="*/ 1062871 w 1063138"/>
                <a:gd name="connsiteY7" fmla="*/ 52792 h 187812"/>
                <a:gd name="connsiteX8" fmla="*/ 810736 w 1063138"/>
                <a:gd name="connsiteY8" fmla="*/ 75884 h 187812"/>
                <a:gd name="connsiteX9" fmla="*/ 523175 w 1063138"/>
                <a:gd name="connsiteY9" fmla="*/ 87572 h 187812"/>
                <a:gd name="connsiteX10" fmla="*/ 307684 w 1063138"/>
                <a:gd name="connsiteY10" fmla="*/ 136145 h 187812"/>
                <a:gd name="connsiteX11" fmla="*/ 92839 w 1063138"/>
                <a:gd name="connsiteY11" fmla="*/ 185926 h 187812"/>
                <a:gd name="connsiteX12" fmla="*/ 630 w 1063138"/>
                <a:gd name="connsiteY12" fmla="*/ 152593 h 187812"/>
                <a:gd name="connsiteX0" fmla="*/ 630 w 1063138"/>
                <a:gd name="connsiteY0" fmla="*/ 153105 h 188324"/>
                <a:gd name="connsiteX1" fmla="*/ 52140 w 1063138"/>
                <a:gd name="connsiteY1" fmla="*/ 524 h 188324"/>
                <a:gd name="connsiteX2" fmla="*/ 28327 w 1063138"/>
                <a:gd name="connsiteY2" fmla="*/ 110062 h 188324"/>
                <a:gd name="connsiteX3" fmla="*/ 54521 w 1063138"/>
                <a:gd name="connsiteY3" fmla="*/ 143399 h 188324"/>
                <a:gd name="connsiteX4" fmla="*/ 271004 w 1063138"/>
                <a:gd name="connsiteY4" fmla="*/ 105217 h 188324"/>
                <a:gd name="connsiteX5" fmla="*/ 528414 w 1063138"/>
                <a:gd name="connsiteY5" fmla="*/ 42106 h 188324"/>
                <a:gd name="connsiteX6" fmla="*/ 643052 w 1063138"/>
                <a:gd name="connsiteY6" fmla="*/ 26614 h 188324"/>
                <a:gd name="connsiteX7" fmla="*/ 834317 w 1063138"/>
                <a:gd name="connsiteY7" fmla="*/ 39715 h 188324"/>
                <a:gd name="connsiteX8" fmla="*/ 1062871 w 1063138"/>
                <a:gd name="connsiteY8" fmla="*/ 53304 h 188324"/>
                <a:gd name="connsiteX9" fmla="*/ 810736 w 1063138"/>
                <a:gd name="connsiteY9" fmla="*/ 76396 h 188324"/>
                <a:gd name="connsiteX10" fmla="*/ 523175 w 1063138"/>
                <a:gd name="connsiteY10" fmla="*/ 88084 h 188324"/>
                <a:gd name="connsiteX11" fmla="*/ 307684 w 1063138"/>
                <a:gd name="connsiteY11" fmla="*/ 136657 h 188324"/>
                <a:gd name="connsiteX12" fmla="*/ 92839 w 1063138"/>
                <a:gd name="connsiteY12" fmla="*/ 186438 h 188324"/>
                <a:gd name="connsiteX13" fmla="*/ 630 w 1063138"/>
                <a:gd name="connsiteY13" fmla="*/ 153105 h 188324"/>
                <a:gd name="connsiteX0" fmla="*/ 837 w 1063345"/>
                <a:gd name="connsiteY0" fmla="*/ 155474 h 190732"/>
                <a:gd name="connsiteX1" fmla="*/ 47585 w 1063345"/>
                <a:gd name="connsiteY1" fmla="*/ 512 h 190732"/>
                <a:gd name="connsiteX2" fmla="*/ 28534 w 1063345"/>
                <a:gd name="connsiteY2" fmla="*/ 112431 h 190732"/>
                <a:gd name="connsiteX3" fmla="*/ 54728 w 1063345"/>
                <a:gd name="connsiteY3" fmla="*/ 145768 h 190732"/>
                <a:gd name="connsiteX4" fmla="*/ 271211 w 1063345"/>
                <a:gd name="connsiteY4" fmla="*/ 107586 h 190732"/>
                <a:gd name="connsiteX5" fmla="*/ 528621 w 1063345"/>
                <a:gd name="connsiteY5" fmla="*/ 44475 h 190732"/>
                <a:gd name="connsiteX6" fmla="*/ 643259 w 1063345"/>
                <a:gd name="connsiteY6" fmla="*/ 28983 h 190732"/>
                <a:gd name="connsiteX7" fmla="*/ 834524 w 1063345"/>
                <a:gd name="connsiteY7" fmla="*/ 42084 h 190732"/>
                <a:gd name="connsiteX8" fmla="*/ 1063078 w 1063345"/>
                <a:gd name="connsiteY8" fmla="*/ 55673 h 190732"/>
                <a:gd name="connsiteX9" fmla="*/ 810943 w 1063345"/>
                <a:gd name="connsiteY9" fmla="*/ 78765 h 190732"/>
                <a:gd name="connsiteX10" fmla="*/ 523382 w 1063345"/>
                <a:gd name="connsiteY10" fmla="*/ 90453 h 190732"/>
                <a:gd name="connsiteX11" fmla="*/ 307891 w 1063345"/>
                <a:gd name="connsiteY11" fmla="*/ 139026 h 190732"/>
                <a:gd name="connsiteX12" fmla="*/ 93046 w 1063345"/>
                <a:gd name="connsiteY12" fmla="*/ 188807 h 190732"/>
                <a:gd name="connsiteX13" fmla="*/ 837 w 1063345"/>
                <a:gd name="connsiteY13" fmla="*/ 155474 h 190732"/>
                <a:gd name="connsiteX0" fmla="*/ 878 w 1061005"/>
                <a:gd name="connsiteY0" fmla="*/ 134042 h 189635"/>
                <a:gd name="connsiteX1" fmla="*/ 45245 w 1061005"/>
                <a:gd name="connsiteY1" fmla="*/ 512 h 189635"/>
                <a:gd name="connsiteX2" fmla="*/ 26194 w 1061005"/>
                <a:gd name="connsiteY2" fmla="*/ 112431 h 189635"/>
                <a:gd name="connsiteX3" fmla="*/ 52388 w 1061005"/>
                <a:gd name="connsiteY3" fmla="*/ 145768 h 189635"/>
                <a:gd name="connsiteX4" fmla="*/ 268871 w 1061005"/>
                <a:gd name="connsiteY4" fmla="*/ 107586 h 189635"/>
                <a:gd name="connsiteX5" fmla="*/ 526281 w 1061005"/>
                <a:gd name="connsiteY5" fmla="*/ 44475 h 189635"/>
                <a:gd name="connsiteX6" fmla="*/ 640919 w 1061005"/>
                <a:gd name="connsiteY6" fmla="*/ 28983 h 189635"/>
                <a:gd name="connsiteX7" fmla="*/ 832184 w 1061005"/>
                <a:gd name="connsiteY7" fmla="*/ 42084 h 189635"/>
                <a:gd name="connsiteX8" fmla="*/ 1060738 w 1061005"/>
                <a:gd name="connsiteY8" fmla="*/ 55673 h 189635"/>
                <a:gd name="connsiteX9" fmla="*/ 808603 w 1061005"/>
                <a:gd name="connsiteY9" fmla="*/ 78765 h 189635"/>
                <a:gd name="connsiteX10" fmla="*/ 521042 w 1061005"/>
                <a:gd name="connsiteY10" fmla="*/ 90453 h 189635"/>
                <a:gd name="connsiteX11" fmla="*/ 305551 w 1061005"/>
                <a:gd name="connsiteY11" fmla="*/ 139026 h 189635"/>
                <a:gd name="connsiteX12" fmla="*/ 90706 w 1061005"/>
                <a:gd name="connsiteY12" fmla="*/ 188807 h 189635"/>
                <a:gd name="connsiteX13" fmla="*/ 878 w 1061005"/>
                <a:gd name="connsiteY13" fmla="*/ 134042 h 189635"/>
                <a:gd name="connsiteX0" fmla="*/ 878 w 1061005"/>
                <a:gd name="connsiteY0" fmla="*/ 145948 h 190036"/>
                <a:gd name="connsiteX1" fmla="*/ 45245 w 1061005"/>
                <a:gd name="connsiteY1" fmla="*/ 512 h 190036"/>
                <a:gd name="connsiteX2" fmla="*/ 26194 w 1061005"/>
                <a:gd name="connsiteY2" fmla="*/ 112431 h 190036"/>
                <a:gd name="connsiteX3" fmla="*/ 52388 w 1061005"/>
                <a:gd name="connsiteY3" fmla="*/ 145768 h 190036"/>
                <a:gd name="connsiteX4" fmla="*/ 268871 w 1061005"/>
                <a:gd name="connsiteY4" fmla="*/ 107586 h 190036"/>
                <a:gd name="connsiteX5" fmla="*/ 526281 w 1061005"/>
                <a:gd name="connsiteY5" fmla="*/ 44475 h 190036"/>
                <a:gd name="connsiteX6" fmla="*/ 640919 w 1061005"/>
                <a:gd name="connsiteY6" fmla="*/ 28983 h 190036"/>
                <a:gd name="connsiteX7" fmla="*/ 832184 w 1061005"/>
                <a:gd name="connsiteY7" fmla="*/ 42084 h 190036"/>
                <a:gd name="connsiteX8" fmla="*/ 1060738 w 1061005"/>
                <a:gd name="connsiteY8" fmla="*/ 55673 h 190036"/>
                <a:gd name="connsiteX9" fmla="*/ 808603 w 1061005"/>
                <a:gd name="connsiteY9" fmla="*/ 78765 h 190036"/>
                <a:gd name="connsiteX10" fmla="*/ 521042 w 1061005"/>
                <a:gd name="connsiteY10" fmla="*/ 90453 h 190036"/>
                <a:gd name="connsiteX11" fmla="*/ 305551 w 1061005"/>
                <a:gd name="connsiteY11" fmla="*/ 139026 h 190036"/>
                <a:gd name="connsiteX12" fmla="*/ 90706 w 1061005"/>
                <a:gd name="connsiteY12" fmla="*/ 188807 h 190036"/>
                <a:gd name="connsiteX13" fmla="*/ 878 w 1061005"/>
                <a:gd name="connsiteY13" fmla="*/ 145948 h 190036"/>
                <a:gd name="connsiteX0" fmla="*/ 878 w 1061005"/>
                <a:gd name="connsiteY0" fmla="*/ 145960 h 190048"/>
                <a:gd name="connsiteX1" fmla="*/ 45245 w 1061005"/>
                <a:gd name="connsiteY1" fmla="*/ 524 h 190048"/>
                <a:gd name="connsiteX2" fmla="*/ 19051 w 1061005"/>
                <a:gd name="connsiteY2" fmla="*/ 110062 h 190048"/>
                <a:gd name="connsiteX3" fmla="*/ 52388 w 1061005"/>
                <a:gd name="connsiteY3" fmla="*/ 145780 h 190048"/>
                <a:gd name="connsiteX4" fmla="*/ 268871 w 1061005"/>
                <a:gd name="connsiteY4" fmla="*/ 107598 h 190048"/>
                <a:gd name="connsiteX5" fmla="*/ 526281 w 1061005"/>
                <a:gd name="connsiteY5" fmla="*/ 44487 h 190048"/>
                <a:gd name="connsiteX6" fmla="*/ 640919 w 1061005"/>
                <a:gd name="connsiteY6" fmla="*/ 28995 h 190048"/>
                <a:gd name="connsiteX7" fmla="*/ 832184 w 1061005"/>
                <a:gd name="connsiteY7" fmla="*/ 42096 h 190048"/>
                <a:gd name="connsiteX8" fmla="*/ 1060738 w 1061005"/>
                <a:gd name="connsiteY8" fmla="*/ 55685 h 190048"/>
                <a:gd name="connsiteX9" fmla="*/ 808603 w 1061005"/>
                <a:gd name="connsiteY9" fmla="*/ 78777 h 190048"/>
                <a:gd name="connsiteX10" fmla="*/ 521042 w 1061005"/>
                <a:gd name="connsiteY10" fmla="*/ 90465 h 190048"/>
                <a:gd name="connsiteX11" fmla="*/ 305551 w 1061005"/>
                <a:gd name="connsiteY11" fmla="*/ 139038 h 190048"/>
                <a:gd name="connsiteX12" fmla="*/ 90706 w 1061005"/>
                <a:gd name="connsiteY12" fmla="*/ 188819 h 190048"/>
                <a:gd name="connsiteX13" fmla="*/ 878 w 1061005"/>
                <a:gd name="connsiteY13" fmla="*/ 145960 h 1900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61005" h="190048">
                  <a:moveTo>
                    <a:pt x="878" y="145960"/>
                  </a:moveTo>
                  <a:cubicBezTo>
                    <a:pt x="-6699" y="114578"/>
                    <a:pt x="37057" y="2142"/>
                    <a:pt x="45245" y="524"/>
                  </a:cubicBezTo>
                  <a:cubicBezTo>
                    <a:pt x="52242" y="-7840"/>
                    <a:pt x="18654" y="86250"/>
                    <a:pt x="19051" y="110062"/>
                  </a:cubicBezTo>
                  <a:cubicBezTo>
                    <a:pt x="19448" y="133875"/>
                    <a:pt x="14323" y="145397"/>
                    <a:pt x="52388" y="145780"/>
                  </a:cubicBezTo>
                  <a:cubicBezTo>
                    <a:pt x="90453" y="146163"/>
                    <a:pt x="189889" y="124480"/>
                    <a:pt x="268871" y="107598"/>
                  </a:cubicBezTo>
                  <a:cubicBezTo>
                    <a:pt x="347853" y="90716"/>
                    <a:pt x="464273" y="57587"/>
                    <a:pt x="526281" y="44487"/>
                  </a:cubicBezTo>
                  <a:cubicBezTo>
                    <a:pt x="588289" y="31387"/>
                    <a:pt x="589935" y="30704"/>
                    <a:pt x="640919" y="28995"/>
                  </a:cubicBezTo>
                  <a:cubicBezTo>
                    <a:pt x="691903" y="27286"/>
                    <a:pt x="782301" y="38521"/>
                    <a:pt x="832184" y="42096"/>
                  </a:cubicBezTo>
                  <a:cubicBezTo>
                    <a:pt x="882067" y="45671"/>
                    <a:pt x="1069035" y="51755"/>
                    <a:pt x="1060738" y="55685"/>
                  </a:cubicBezTo>
                  <a:cubicBezTo>
                    <a:pt x="1052441" y="59615"/>
                    <a:pt x="893313" y="74290"/>
                    <a:pt x="808603" y="78777"/>
                  </a:cubicBezTo>
                  <a:cubicBezTo>
                    <a:pt x="723893" y="83264"/>
                    <a:pt x="607504" y="75182"/>
                    <a:pt x="521042" y="90465"/>
                  </a:cubicBezTo>
                  <a:cubicBezTo>
                    <a:pt x="434580" y="105748"/>
                    <a:pt x="364173" y="126576"/>
                    <a:pt x="305551" y="139038"/>
                  </a:cubicBezTo>
                  <a:cubicBezTo>
                    <a:pt x="246929" y="154120"/>
                    <a:pt x="161770" y="190484"/>
                    <a:pt x="90706" y="188819"/>
                  </a:cubicBezTo>
                  <a:cubicBezTo>
                    <a:pt x="45842" y="195014"/>
                    <a:pt x="8455" y="177342"/>
                    <a:pt x="878" y="145960"/>
                  </a:cubicBezTo>
                  <a:close/>
                </a:path>
              </a:pathLst>
            </a:custGeom>
            <a:solidFill>
              <a:srgbClr val="FFFF00"/>
            </a:solid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5" name="Rektangel 14">
              <a:extLst>
                <a:ext uri="{FF2B5EF4-FFF2-40B4-BE49-F238E27FC236}">
                  <a16:creationId xmlns:a16="http://schemas.microsoft.com/office/drawing/2014/main" id="{B9FA0D8C-3DA6-4067-B755-0FAA3822E2D7}"/>
                </a:ext>
              </a:extLst>
            </p:cNvPr>
            <p:cNvSpPr/>
            <p:nvPr/>
          </p:nvSpPr>
          <p:spPr>
            <a:xfrm>
              <a:off x="1224000" y="1080000"/>
              <a:ext cx="1188909" cy="1159971"/>
            </a:xfrm>
            <a:prstGeom prst="rect">
              <a:avLst/>
            </a:prstGeom>
            <a:solidFill>
              <a:schemeClr val="bg1"/>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6" name="Ellipse 54">
              <a:extLst>
                <a:ext uri="{FF2B5EF4-FFF2-40B4-BE49-F238E27FC236}">
                  <a16:creationId xmlns:a16="http://schemas.microsoft.com/office/drawing/2014/main" id="{834FCB22-FAC0-43AE-ABBE-CB3BE975CBC4}"/>
                </a:ext>
              </a:extLst>
            </p:cNvPr>
            <p:cNvSpPr/>
            <p:nvPr/>
          </p:nvSpPr>
          <p:spPr>
            <a:xfrm>
              <a:off x="2255529" y="2449629"/>
              <a:ext cx="1314584" cy="164775"/>
            </a:xfrm>
            <a:custGeom>
              <a:avLst/>
              <a:gdLst>
                <a:gd name="connsiteX0" fmla="*/ 0 w 921863"/>
                <a:gd name="connsiteY0" fmla="*/ 98842 h 197684"/>
                <a:gd name="connsiteX1" fmla="*/ 460932 w 921863"/>
                <a:gd name="connsiteY1" fmla="*/ 0 h 197684"/>
                <a:gd name="connsiteX2" fmla="*/ 921864 w 921863"/>
                <a:gd name="connsiteY2" fmla="*/ 98842 h 197684"/>
                <a:gd name="connsiteX3" fmla="*/ 460932 w 921863"/>
                <a:gd name="connsiteY3" fmla="*/ 197684 h 197684"/>
                <a:gd name="connsiteX4" fmla="*/ 0 w 921863"/>
                <a:gd name="connsiteY4" fmla="*/ 98842 h 197684"/>
                <a:gd name="connsiteX0" fmla="*/ 0 w 948064"/>
                <a:gd name="connsiteY0" fmla="*/ 117202 h 218147"/>
                <a:gd name="connsiteX1" fmla="*/ 460932 w 948064"/>
                <a:gd name="connsiteY1" fmla="*/ 18360 h 218147"/>
                <a:gd name="connsiteX2" fmla="*/ 948064 w 948064"/>
                <a:gd name="connsiteY2" fmla="*/ 33360 h 218147"/>
                <a:gd name="connsiteX3" fmla="*/ 460932 w 948064"/>
                <a:gd name="connsiteY3" fmla="*/ 216044 h 218147"/>
                <a:gd name="connsiteX4" fmla="*/ 0 w 948064"/>
                <a:gd name="connsiteY4" fmla="*/ 117202 h 218147"/>
                <a:gd name="connsiteX0" fmla="*/ 0 w 982125"/>
                <a:gd name="connsiteY0" fmla="*/ 131063 h 220016"/>
                <a:gd name="connsiteX1" fmla="*/ 494993 w 982125"/>
                <a:gd name="connsiteY1" fmla="*/ 19121 h 220016"/>
                <a:gd name="connsiteX2" fmla="*/ 982125 w 982125"/>
                <a:gd name="connsiteY2" fmla="*/ 34121 h 220016"/>
                <a:gd name="connsiteX3" fmla="*/ 494993 w 982125"/>
                <a:gd name="connsiteY3" fmla="*/ 216805 h 220016"/>
                <a:gd name="connsiteX4" fmla="*/ 0 w 982125"/>
                <a:gd name="connsiteY4" fmla="*/ 131063 h 220016"/>
                <a:gd name="connsiteX0" fmla="*/ 0 w 982125"/>
                <a:gd name="connsiteY0" fmla="*/ 121219 h 209248"/>
                <a:gd name="connsiteX1" fmla="*/ 497613 w 982125"/>
                <a:gd name="connsiteY1" fmla="*/ 38097 h 209248"/>
                <a:gd name="connsiteX2" fmla="*/ 982125 w 982125"/>
                <a:gd name="connsiteY2" fmla="*/ 24277 h 209248"/>
                <a:gd name="connsiteX3" fmla="*/ 494993 w 982125"/>
                <a:gd name="connsiteY3" fmla="*/ 206961 h 209248"/>
                <a:gd name="connsiteX4" fmla="*/ 0 w 982125"/>
                <a:gd name="connsiteY4" fmla="*/ 121219 h 209248"/>
                <a:gd name="connsiteX0" fmla="*/ 0 w 982125"/>
                <a:gd name="connsiteY0" fmla="*/ 141124 h 229153"/>
                <a:gd name="connsiteX1" fmla="*/ 497613 w 982125"/>
                <a:gd name="connsiteY1" fmla="*/ 58002 h 229153"/>
                <a:gd name="connsiteX2" fmla="*/ 982125 w 982125"/>
                <a:gd name="connsiteY2" fmla="*/ 44182 h 229153"/>
                <a:gd name="connsiteX3" fmla="*/ 494993 w 982125"/>
                <a:gd name="connsiteY3" fmla="*/ 226866 h 229153"/>
                <a:gd name="connsiteX4" fmla="*/ 0 w 982125"/>
                <a:gd name="connsiteY4" fmla="*/ 141124 h 229153"/>
                <a:gd name="connsiteX0" fmla="*/ 1 w 976886"/>
                <a:gd name="connsiteY0" fmla="*/ 110366 h 208263"/>
                <a:gd name="connsiteX1" fmla="*/ 492374 w 976886"/>
                <a:gd name="connsiteY1" fmla="*/ 37724 h 208263"/>
                <a:gd name="connsiteX2" fmla="*/ 976886 w 976886"/>
                <a:gd name="connsiteY2" fmla="*/ 23904 h 208263"/>
                <a:gd name="connsiteX3" fmla="*/ 489754 w 976886"/>
                <a:gd name="connsiteY3" fmla="*/ 206588 h 208263"/>
                <a:gd name="connsiteX4" fmla="*/ 1 w 976886"/>
                <a:gd name="connsiteY4" fmla="*/ 110366 h 208263"/>
                <a:gd name="connsiteX0" fmla="*/ 1 w 980601"/>
                <a:gd name="connsiteY0" fmla="*/ 113282 h 211179"/>
                <a:gd name="connsiteX1" fmla="*/ 492374 w 980601"/>
                <a:gd name="connsiteY1" fmla="*/ 40640 h 211179"/>
                <a:gd name="connsiteX2" fmla="*/ 709965 w 980601"/>
                <a:gd name="connsiteY2" fmla="*/ 1629 h 211179"/>
                <a:gd name="connsiteX3" fmla="*/ 976886 w 980601"/>
                <a:gd name="connsiteY3" fmla="*/ 26820 h 211179"/>
                <a:gd name="connsiteX4" fmla="*/ 489754 w 980601"/>
                <a:gd name="connsiteY4" fmla="*/ 209504 h 211179"/>
                <a:gd name="connsiteX5" fmla="*/ 1 w 980601"/>
                <a:gd name="connsiteY5" fmla="*/ 113282 h 211179"/>
                <a:gd name="connsiteX0" fmla="*/ 7825 w 988425"/>
                <a:gd name="connsiteY0" fmla="*/ 113282 h 211001"/>
                <a:gd name="connsiteX1" fmla="*/ 217359 w 988425"/>
                <a:gd name="connsiteY1" fmla="*/ 109051 h 211001"/>
                <a:gd name="connsiteX2" fmla="*/ 500198 w 988425"/>
                <a:gd name="connsiteY2" fmla="*/ 40640 h 211001"/>
                <a:gd name="connsiteX3" fmla="*/ 717789 w 988425"/>
                <a:gd name="connsiteY3" fmla="*/ 1629 h 211001"/>
                <a:gd name="connsiteX4" fmla="*/ 984710 w 988425"/>
                <a:gd name="connsiteY4" fmla="*/ 26820 h 211001"/>
                <a:gd name="connsiteX5" fmla="*/ 497578 w 988425"/>
                <a:gd name="connsiteY5" fmla="*/ 209504 h 211001"/>
                <a:gd name="connsiteX6" fmla="*/ 7825 w 988425"/>
                <a:gd name="connsiteY6" fmla="*/ 113282 h 211001"/>
                <a:gd name="connsiteX0" fmla="*/ 26358 w 1006958"/>
                <a:gd name="connsiteY0" fmla="*/ 113282 h 211001"/>
                <a:gd name="connsiteX1" fmla="*/ 83928 w 1006958"/>
                <a:gd name="connsiteY1" fmla="*/ 109051 h 211001"/>
                <a:gd name="connsiteX2" fmla="*/ 235892 w 1006958"/>
                <a:gd name="connsiteY2" fmla="*/ 109051 h 211001"/>
                <a:gd name="connsiteX3" fmla="*/ 518731 w 1006958"/>
                <a:gd name="connsiteY3" fmla="*/ 40640 h 211001"/>
                <a:gd name="connsiteX4" fmla="*/ 736322 w 1006958"/>
                <a:gd name="connsiteY4" fmla="*/ 1629 h 211001"/>
                <a:gd name="connsiteX5" fmla="*/ 1003243 w 1006958"/>
                <a:gd name="connsiteY5" fmla="*/ 26820 h 211001"/>
                <a:gd name="connsiteX6" fmla="*/ 516111 w 1006958"/>
                <a:gd name="connsiteY6" fmla="*/ 209504 h 211001"/>
                <a:gd name="connsiteX7" fmla="*/ 26358 w 1006958"/>
                <a:gd name="connsiteY7" fmla="*/ 113282 h 211001"/>
                <a:gd name="connsiteX0" fmla="*/ 26358 w 1006958"/>
                <a:gd name="connsiteY0" fmla="*/ 113282 h 211001"/>
                <a:gd name="connsiteX1" fmla="*/ 83928 w 1006958"/>
                <a:gd name="connsiteY1" fmla="*/ 109051 h 211001"/>
                <a:gd name="connsiteX2" fmla="*/ 235892 w 1006958"/>
                <a:gd name="connsiteY2" fmla="*/ 109051 h 211001"/>
                <a:gd name="connsiteX3" fmla="*/ 364274 w 1006958"/>
                <a:gd name="connsiteY3" fmla="*/ 82850 h 211001"/>
                <a:gd name="connsiteX4" fmla="*/ 518731 w 1006958"/>
                <a:gd name="connsiteY4" fmla="*/ 40640 h 211001"/>
                <a:gd name="connsiteX5" fmla="*/ 736322 w 1006958"/>
                <a:gd name="connsiteY5" fmla="*/ 1629 h 211001"/>
                <a:gd name="connsiteX6" fmla="*/ 1003243 w 1006958"/>
                <a:gd name="connsiteY6" fmla="*/ 26820 h 211001"/>
                <a:gd name="connsiteX7" fmla="*/ 516111 w 1006958"/>
                <a:gd name="connsiteY7" fmla="*/ 209504 h 211001"/>
                <a:gd name="connsiteX8" fmla="*/ 26358 w 1006958"/>
                <a:gd name="connsiteY8" fmla="*/ 113282 h 211001"/>
                <a:gd name="connsiteX0" fmla="*/ 26358 w 1006958"/>
                <a:gd name="connsiteY0" fmla="*/ 113282 h 211001"/>
                <a:gd name="connsiteX1" fmla="*/ 83928 w 1006958"/>
                <a:gd name="connsiteY1" fmla="*/ 109051 h 211001"/>
                <a:gd name="connsiteX2" fmla="*/ 235892 w 1006958"/>
                <a:gd name="connsiteY2" fmla="*/ 109051 h 211001"/>
                <a:gd name="connsiteX3" fmla="*/ 364274 w 1006958"/>
                <a:gd name="connsiteY3" fmla="*/ 82850 h 211001"/>
                <a:gd name="connsiteX4" fmla="*/ 518731 w 1006958"/>
                <a:gd name="connsiteY4" fmla="*/ 35400 h 211001"/>
                <a:gd name="connsiteX5" fmla="*/ 736322 w 1006958"/>
                <a:gd name="connsiteY5" fmla="*/ 1629 h 211001"/>
                <a:gd name="connsiteX6" fmla="*/ 1003243 w 1006958"/>
                <a:gd name="connsiteY6" fmla="*/ 26820 h 211001"/>
                <a:gd name="connsiteX7" fmla="*/ 516111 w 1006958"/>
                <a:gd name="connsiteY7" fmla="*/ 209504 h 211001"/>
                <a:gd name="connsiteX8" fmla="*/ 26358 w 1006958"/>
                <a:gd name="connsiteY8" fmla="*/ 113282 h 211001"/>
                <a:gd name="connsiteX0" fmla="*/ 26358 w 1003243"/>
                <a:gd name="connsiteY0" fmla="*/ 111954 h 209673"/>
                <a:gd name="connsiteX1" fmla="*/ 83928 w 1003243"/>
                <a:gd name="connsiteY1" fmla="*/ 107723 h 209673"/>
                <a:gd name="connsiteX2" fmla="*/ 235892 w 1003243"/>
                <a:gd name="connsiteY2" fmla="*/ 107723 h 209673"/>
                <a:gd name="connsiteX3" fmla="*/ 364274 w 1003243"/>
                <a:gd name="connsiteY3" fmla="*/ 81522 h 209673"/>
                <a:gd name="connsiteX4" fmla="*/ 518731 w 1003243"/>
                <a:gd name="connsiteY4" fmla="*/ 34072 h 209673"/>
                <a:gd name="connsiteX5" fmla="*/ 736322 w 1003243"/>
                <a:gd name="connsiteY5" fmla="*/ 301 h 209673"/>
                <a:gd name="connsiteX6" fmla="*/ 1003243 w 1003243"/>
                <a:gd name="connsiteY6" fmla="*/ 25492 h 209673"/>
                <a:gd name="connsiteX7" fmla="*/ 516111 w 1003243"/>
                <a:gd name="connsiteY7" fmla="*/ 208176 h 209673"/>
                <a:gd name="connsiteX8" fmla="*/ 26358 w 1003243"/>
                <a:gd name="connsiteY8" fmla="*/ 111954 h 209673"/>
                <a:gd name="connsiteX0" fmla="*/ 27482 w 1004367"/>
                <a:gd name="connsiteY0" fmla="*/ 111954 h 114277"/>
                <a:gd name="connsiteX1" fmla="*/ 85052 w 1004367"/>
                <a:gd name="connsiteY1" fmla="*/ 107723 h 114277"/>
                <a:gd name="connsiteX2" fmla="*/ 237016 w 1004367"/>
                <a:gd name="connsiteY2" fmla="*/ 107723 h 114277"/>
                <a:gd name="connsiteX3" fmla="*/ 365398 w 1004367"/>
                <a:gd name="connsiteY3" fmla="*/ 81522 h 114277"/>
                <a:gd name="connsiteX4" fmla="*/ 519855 w 1004367"/>
                <a:gd name="connsiteY4" fmla="*/ 34072 h 114277"/>
                <a:gd name="connsiteX5" fmla="*/ 737446 w 1004367"/>
                <a:gd name="connsiteY5" fmla="*/ 301 h 114277"/>
                <a:gd name="connsiteX6" fmla="*/ 1004367 w 1004367"/>
                <a:gd name="connsiteY6" fmla="*/ 25492 h 114277"/>
                <a:gd name="connsiteX7" fmla="*/ 532955 w 1004367"/>
                <a:gd name="connsiteY7" fmla="*/ 66693 h 114277"/>
                <a:gd name="connsiteX8" fmla="*/ 27482 w 1004367"/>
                <a:gd name="connsiteY8" fmla="*/ 111954 h 114277"/>
                <a:gd name="connsiteX0" fmla="*/ 27482 w 1004403"/>
                <a:gd name="connsiteY0" fmla="*/ 111848 h 114171"/>
                <a:gd name="connsiteX1" fmla="*/ 85052 w 1004403"/>
                <a:gd name="connsiteY1" fmla="*/ 107617 h 114171"/>
                <a:gd name="connsiteX2" fmla="*/ 237016 w 1004403"/>
                <a:gd name="connsiteY2" fmla="*/ 107617 h 114171"/>
                <a:gd name="connsiteX3" fmla="*/ 365398 w 1004403"/>
                <a:gd name="connsiteY3" fmla="*/ 81416 h 114171"/>
                <a:gd name="connsiteX4" fmla="*/ 519855 w 1004403"/>
                <a:gd name="connsiteY4" fmla="*/ 33966 h 114171"/>
                <a:gd name="connsiteX5" fmla="*/ 737446 w 1004403"/>
                <a:gd name="connsiteY5" fmla="*/ 195 h 114171"/>
                <a:gd name="connsiteX6" fmla="*/ 1004367 w 1004403"/>
                <a:gd name="connsiteY6" fmla="*/ 25386 h 114171"/>
                <a:gd name="connsiteX7" fmla="*/ 740068 w 1004403"/>
                <a:gd name="connsiteY7" fmla="*/ 39495 h 114171"/>
                <a:gd name="connsiteX8" fmla="*/ 532955 w 1004403"/>
                <a:gd name="connsiteY8" fmla="*/ 66587 h 114171"/>
                <a:gd name="connsiteX9" fmla="*/ 27482 w 1004403"/>
                <a:gd name="connsiteY9" fmla="*/ 111848 h 114171"/>
                <a:gd name="connsiteX0" fmla="*/ 27482 w 1027944"/>
                <a:gd name="connsiteY0" fmla="*/ 111820 h 114143"/>
                <a:gd name="connsiteX1" fmla="*/ 85052 w 1027944"/>
                <a:gd name="connsiteY1" fmla="*/ 107589 h 114143"/>
                <a:gd name="connsiteX2" fmla="*/ 237016 w 1027944"/>
                <a:gd name="connsiteY2" fmla="*/ 107589 h 114143"/>
                <a:gd name="connsiteX3" fmla="*/ 365398 w 1027944"/>
                <a:gd name="connsiteY3" fmla="*/ 81388 h 114143"/>
                <a:gd name="connsiteX4" fmla="*/ 519855 w 1027944"/>
                <a:gd name="connsiteY4" fmla="*/ 33938 h 114143"/>
                <a:gd name="connsiteX5" fmla="*/ 737446 w 1027944"/>
                <a:gd name="connsiteY5" fmla="*/ 167 h 114143"/>
                <a:gd name="connsiteX6" fmla="*/ 1004367 w 1027944"/>
                <a:gd name="connsiteY6" fmla="*/ 25358 h 114143"/>
                <a:gd name="connsiteX7" fmla="*/ 988973 w 1027944"/>
                <a:gd name="connsiteY7" fmla="*/ 34227 h 114143"/>
                <a:gd name="connsiteX8" fmla="*/ 740068 w 1027944"/>
                <a:gd name="connsiteY8" fmla="*/ 39467 h 114143"/>
                <a:gd name="connsiteX9" fmla="*/ 532955 w 1027944"/>
                <a:gd name="connsiteY9" fmla="*/ 66559 h 114143"/>
                <a:gd name="connsiteX10" fmla="*/ 27482 w 1027944"/>
                <a:gd name="connsiteY10" fmla="*/ 111820 h 114143"/>
                <a:gd name="connsiteX0" fmla="*/ 27482 w 1084887"/>
                <a:gd name="connsiteY0" fmla="*/ 111779 h 114102"/>
                <a:gd name="connsiteX1" fmla="*/ 85052 w 1084887"/>
                <a:gd name="connsiteY1" fmla="*/ 107548 h 114102"/>
                <a:gd name="connsiteX2" fmla="*/ 237016 w 1084887"/>
                <a:gd name="connsiteY2" fmla="*/ 107548 h 114102"/>
                <a:gd name="connsiteX3" fmla="*/ 365398 w 1084887"/>
                <a:gd name="connsiteY3" fmla="*/ 81347 h 114102"/>
                <a:gd name="connsiteX4" fmla="*/ 519855 w 1084887"/>
                <a:gd name="connsiteY4" fmla="*/ 33897 h 114102"/>
                <a:gd name="connsiteX5" fmla="*/ 737446 w 1084887"/>
                <a:gd name="connsiteY5" fmla="*/ 126 h 114102"/>
                <a:gd name="connsiteX6" fmla="*/ 1075108 w 1084887"/>
                <a:gd name="connsiteY6" fmla="*/ 33177 h 114102"/>
                <a:gd name="connsiteX7" fmla="*/ 988973 w 1084887"/>
                <a:gd name="connsiteY7" fmla="*/ 34186 h 114102"/>
                <a:gd name="connsiteX8" fmla="*/ 740068 w 1084887"/>
                <a:gd name="connsiteY8" fmla="*/ 39426 h 114102"/>
                <a:gd name="connsiteX9" fmla="*/ 532955 w 1084887"/>
                <a:gd name="connsiteY9" fmla="*/ 66518 h 114102"/>
                <a:gd name="connsiteX10" fmla="*/ 27482 w 1084887"/>
                <a:gd name="connsiteY10" fmla="*/ 111779 h 114102"/>
                <a:gd name="connsiteX0" fmla="*/ 27482 w 1084887"/>
                <a:gd name="connsiteY0" fmla="*/ 111779 h 114102"/>
                <a:gd name="connsiteX1" fmla="*/ 85052 w 1084887"/>
                <a:gd name="connsiteY1" fmla="*/ 107548 h 114102"/>
                <a:gd name="connsiteX2" fmla="*/ 237016 w 1084887"/>
                <a:gd name="connsiteY2" fmla="*/ 107548 h 114102"/>
                <a:gd name="connsiteX3" fmla="*/ 370638 w 1084887"/>
                <a:gd name="connsiteY3" fmla="*/ 81347 h 114102"/>
                <a:gd name="connsiteX4" fmla="*/ 519855 w 1084887"/>
                <a:gd name="connsiteY4" fmla="*/ 33897 h 114102"/>
                <a:gd name="connsiteX5" fmla="*/ 737446 w 1084887"/>
                <a:gd name="connsiteY5" fmla="*/ 126 h 114102"/>
                <a:gd name="connsiteX6" fmla="*/ 1075108 w 1084887"/>
                <a:gd name="connsiteY6" fmla="*/ 33177 h 114102"/>
                <a:gd name="connsiteX7" fmla="*/ 988973 w 1084887"/>
                <a:gd name="connsiteY7" fmla="*/ 34186 h 114102"/>
                <a:gd name="connsiteX8" fmla="*/ 740068 w 1084887"/>
                <a:gd name="connsiteY8" fmla="*/ 39426 h 114102"/>
                <a:gd name="connsiteX9" fmla="*/ 532955 w 1084887"/>
                <a:gd name="connsiteY9" fmla="*/ 66518 h 114102"/>
                <a:gd name="connsiteX10" fmla="*/ 27482 w 1084887"/>
                <a:gd name="connsiteY10" fmla="*/ 111779 h 114102"/>
                <a:gd name="connsiteX0" fmla="*/ 4686 w 1062091"/>
                <a:gd name="connsiteY0" fmla="*/ 111779 h 150448"/>
                <a:gd name="connsiteX1" fmla="*/ 62256 w 1062091"/>
                <a:gd name="connsiteY1" fmla="*/ 107548 h 150448"/>
                <a:gd name="connsiteX2" fmla="*/ 214220 w 1062091"/>
                <a:gd name="connsiteY2" fmla="*/ 107548 h 150448"/>
                <a:gd name="connsiteX3" fmla="*/ 347842 w 1062091"/>
                <a:gd name="connsiteY3" fmla="*/ 81347 h 150448"/>
                <a:gd name="connsiteX4" fmla="*/ 497059 w 1062091"/>
                <a:gd name="connsiteY4" fmla="*/ 33897 h 150448"/>
                <a:gd name="connsiteX5" fmla="*/ 714650 w 1062091"/>
                <a:gd name="connsiteY5" fmla="*/ 126 h 150448"/>
                <a:gd name="connsiteX6" fmla="*/ 1052312 w 1062091"/>
                <a:gd name="connsiteY6" fmla="*/ 33177 h 150448"/>
                <a:gd name="connsiteX7" fmla="*/ 966177 w 1062091"/>
                <a:gd name="connsiteY7" fmla="*/ 34186 h 150448"/>
                <a:gd name="connsiteX8" fmla="*/ 717272 w 1062091"/>
                <a:gd name="connsiteY8" fmla="*/ 39426 h 150448"/>
                <a:gd name="connsiteX9" fmla="*/ 510159 w 1062091"/>
                <a:gd name="connsiteY9" fmla="*/ 66518 h 150448"/>
                <a:gd name="connsiteX10" fmla="*/ 174919 w 1062091"/>
                <a:gd name="connsiteY10" fmla="*/ 149468 h 150448"/>
                <a:gd name="connsiteX11" fmla="*/ 4686 w 1062091"/>
                <a:gd name="connsiteY11" fmla="*/ 111779 h 150448"/>
                <a:gd name="connsiteX0" fmla="*/ 1583 w 1058988"/>
                <a:gd name="connsiteY0" fmla="*/ 111779 h 152572"/>
                <a:gd name="connsiteX1" fmla="*/ 59153 w 1058988"/>
                <a:gd name="connsiteY1" fmla="*/ 107548 h 152572"/>
                <a:gd name="connsiteX2" fmla="*/ 211117 w 1058988"/>
                <a:gd name="connsiteY2" fmla="*/ 107548 h 152572"/>
                <a:gd name="connsiteX3" fmla="*/ 344739 w 1058988"/>
                <a:gd name="connsiteY3" fmla="*/ 81347 h 152572"/>
                <a:gd name="connsiteX4" fmla="*/ 493956 w 1058988"/>
                <a:gd name="connsiteY4" fmla="*/ 33897 h 152572"/>
                <a:gd name="connsiteX5" fmla="*/ 711547 w 1058988"/>
                <a:gd name="connsiteY5" fmla="*/ 126 h 152572"/>
                <a:gd name="connsiteX6" fmla="*/ 1049209 w 1058988"/>
                <a:gd name="connsiteY6" fmla="*/ 33177 h 152572"/>
                <a:gd name="connsiteX7" fmla="*/ 963074 w 1058988"/>
                <a:gd name="connsiteY7" fmla="*/ 34186 h 152572"/>
                <a:gd name="connsiteX8" fmla="*/ 714169 w 1058988"/>
                <a:gd name="connsiteY8" fmla="*/ 39426 h 152572"/>
                <a:gd name="connsiteX9" fmla="*/ 507056 w 1058988"/>
                <a:gd name="connsiteY9" fmla="*/ 66518 h 152572"/>
                <a:gd name="connsiteX10" fmla="*/ 171816 w 1058988"/>
                <a:gd name="connsiteY10" fmla="*/ 149468 h 152572"/>
                <a:gd name="connsiteX11" fmla="*/ 30333 w 1058988"/>
                <a:gd name="connsiteY11" fmla="*/ 133748 h 152572"/>
                <a:gd name="connsiteX12" fmla="*/ 1583 w 1058988"/>
                <a:gd name="connsiteY12" fmla="*/ 111779 h 152572"/>
                <a:gd name="connsiteX0" fmla="*/ 1583 w 1058988"/>
                <a:gd name="connsiteY0" fmla="*/ 111779 h 149474"/>
                <a:gd name="connsiteX1" fmla="*/ 59153 w 1058988"/>
                <a:gd name="connsiteY1" fmla="*/ 107548 h 149474"/>
                <a:gd name="connsiteX2" fmla="*/ 211117 w 1058988"/>
                <a:gd name="connsiteY2" fmla="*/ 107548 h 149474"/>
                <a:gd name="connsiteX3" fmla="*/ 344739 w 1058988"/>
                <a:gd name="connsiteY3" fmla="*/ 81347 h 149474"/>
                <a:gd name="connsiteX4" fmla="*/ 493956 w 1058988"/>
                <a:gd name="connsiteY4" fmla="*/ 33897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507056 w 1058988"/>
                <a:gd name="connsiteY9" fmla="*/ 66518 h 149474"/>
                <a:gd name="connsiteX10" fmla="*/ 171816 w 1058988"/>
                <a:gd name="connsiteY10" fmla="*/ 149468 h 149474"/>
                <a:gd name="connsiteX11" fmla="*/ 30333 w 1058988"/>
                <a:gd name="connsiteY11" fmla="*/ 133748 h 149474"/>
                <a:gd name="connsiteX12" fmla="*/ 1583 w 1058988"/>
                <a:gd name="connsiteY12"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44739 w 1058988"/>
                <a:gd name="connsiteY3" fmla="*/ 81347 h 149474"/>
                <a:gd name="connsiteX4" fmla="*/ 493956 w 1058988"/>
                <a:gd name="connsiteY4" fmla="*/ 33897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507056 w 1058988"/>
                <a:gd name="connsiteY9" fmla="*/ 66518 h 149474"/>
                <a:gd name="connsiteX10" fmla="*/ 305438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34259 w 1058988"/>
                <a:gd name="connsiteY3" fmla="*/ 78727 h 149474"/>
                <a:gd name="connsiteX4" fmla="*/ 493956 w 1058988"/>
                <a:gd name="connsiteY4" fmla="*/ 33897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507056 w 1058988"/>
                <a:gd name="connsiteY9" fmla="*/ 66518 h 149474"/>
                <a:gd name="connsiteX10" fmla="*/ 305438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34259 w 1058988"/>
                <a:gd name="connsiteY3" fmla="*/ 78727 h 149474"/>
                <a:gd name="connsiteX4" fmla="*/ 499196 w 1058988"/>
                <a:gd name="connsiteY4" fmla="*/ 39137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507056 w 1058988"/>
                <a:gd name="connsiteY9" fmla="*/ 66518 h 149474"/>
                <a:gd name="connsiteX10" fmla="*/ 305438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34259 w 1058988"/>
                <a:gd name="connsiteY3" fmla="*/ 78727 h 149474"/>
                <a:gd name="connsiteX4" fmla="*/ 504436 w 1058988"/>
                <a:gd name="connsiteY4" fmla="*/ 31276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507056 w 1058988"/>
                <a:gd name="connsiteY9" fmla="*/ 66518 h 149474"/>
                <a:gd name="connsiteX10" fmla="*/ 305438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34259 w 1058988"/>
                <a:gd name="connsiteY3" fmla="*/ 78727 h 149474"/>
                <a:gd name="connsiteX4" fmla="*/ 504436 w 1058988"/>
                <a:gd name="connsiteY4" fmla="*/ 31276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499196 w 1058988"/>
                <a:gd name="connsiteY9" fmla="*/ 66518 h 149474"/>
                <a:gd name="connsiteX10" fmla="*/ 305438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9474"/>
                <a:gd name="connsiteX1" fmla="*/ 59153 w 1058988"/>
                <a:gd name="connsiteY1" fmla="*/ 107548 h 149474"/>
                <a:gd name="connsiteX2" fmla="*/ 211117 w 1058988"/>
                <a:gd name="connsiteY2" fmla="*/ 107548 h 149474"/>
                <a:gd name="connsiteX3" fmla="*/ 334259 w 1058988"/>
                <a:gd name="connsiteY3" fmla="*/ 78727 h 149474"/>
                <a:gd name="connsiteX4" fmla="*/ 504436 w 1058988"/>
                <a:gd name="connsiteY4" fmla="*/ 31276 h 149474"/>
                <a:gd name="connsiteX5" fmla="*/ 711547 w 1058988"/>
                <a:gd name="connsiteY5" fmla="*/ 126 h 149474"/>
                <a:gd name="connsiteX6" fmla="*/ 1049209 w 1058988"/>
                <a:gd name="connsiteY6" fmla="*/ 33177 h 149474"/>
                <a:gd name="connsiteX7" fmla="*/ 963074 w 1058988"/>
                <a:gd name="connsiteY7" fmla="*/ 34186 h 149474"/>
                <a:gd name="connsiteX8" fmla="*/ 714169 w 1058988"/>
                <a:gd name="connsiteY8" fmla="*/ 39426 h 149474"/>
                <a:gd name="connsiteX9" fmla="*/ 499196 w 1058988"/>
                <a:gd name="connsiteY9" fmla="*/ 66518 h 149474"/>
                <a:gd name="connsiteX10" fmla="*/ 294957 w 1058988"/>
                <a:gd name="connsiteY10" fmla="*/ 123267 h 149474"/>
                <a:gd name="connsiteX11" fmla="*/ 171816 w 1058988"/>
                <a:gd name="connsiteY11" fmla="*/ 149468 h 149474"/>
                <a:gd name="connsiteX12" fmla="*/ 30333 w 1058988"/>
                <a:gd name="connsiteY12" fmla="*/ 133748 h 149474"/>
                <a:gd name="connsiteX13" fmla="*/ 1583 w 1058988"/>
                <a:gd name="connsiteY13" fmla="*/ 111779 h 149474"/>
                <a:gd name="connsiteX0" fmla="*/ 1583 w 1058988"/>
                <a:gd name="connsiteY0" fmla="*/ 111779 h 146856"/>
                <a:gd name="connsiteX1" fmla="*/ 59153 w 1058988"/>
                <a:gd name="connsiteY1" fmla="*/ 107548 h 146856"/>
                <a:gd name="connsiteX2" fmla="*/ 211117 w 1058988"/>
                <a:gd name="connsiteY2" fmla="*/ 107548 h 146856"/>
                <a:gd name="connsiteX3" fmla="*/ 334259 w 1058988"/>
                <a:gd name="connsiteY3" fmla="*/ 78727 h 146856"/>
                <a:gd name="connsiteX4" fmla="*/ 504436 w 1058988"/>
                <a:gd name="connsiteY4" fmla="*/ 31276 h 146856"/>
                <a:gd name="connsiteX5" fmla="*/ 711547 w 1058988"/>
                <a:gd name="connsiteY5" fmla="*/ 126 h 146856"/>
                <a:gd name="connsiteX6" fmla="*/ 1049209 w 1058988"/>
                <a:gd name="connsiteY6" fmla="*/ 33177 h 146856"/>
                <a:gd name="connsiteX7" fmla="*/ 963074 w 1058988"/>
                <a:gd name="connsiteY7" fmla="*/ 34186 h 146856"/>
                <a:gd name="connsiteX8" fmla="*/ 714169 w 1058988"/>
                <a:gd name="connsiteY8" fmla="*/ 39426 h 146856"/>
                <a:gd name="connsiteX9" fmla="*/ 499196 w 1058988"/>
                <a:gd name="connsiteY9" fmla="*/ 66518 h 146856"/>
                <a:gd name="connsiteX10" fmla="*/ 294957 w 1058988"/>
                <a:gd name="connsiteY10" fmla="*/ 123267 h 146856"/>
                <a:gd name="connsiteX11" fmla="*/ 190156 w 1058988"/>
                <a:gd name="connsiteY11" fmla="*/ 146848 h 146856"/>
                <a:gd name="connsiteX12" fmla="*/ 30333 w 1058988"/>
                <a:gd name="connsiteY12" fmla="*/ 133748 h 146856"/>
                <a:gd name="connsiteX13" fmla="*/ 1583 w 1058988"/>
                <a:gd name="connsiteY13" fmla="*/ 111779 h 146856"/>
                <a:gd name="connsiteX0" fmla="*/ 1077 w 1058482"/>
                <a:gd name="connsiteY0" fmla="*/ 111779 h 146856"/>
                <a:gd name="connsiteX1" fmla="*/ 50787 w 1058482"/>
                <a:gd name="connsiteY1" fmla="*/ 104928 h 146856"/>
                <a:gd name="connsiteX2" fmla="*/ 210611 w 1058482"/>
                <a:gd name="connsiteY2" fmla="*/ 107548 h 146856"/>
                <a:gd name="connsiteX3" fmla="*/ 333753 w 1058482"/>
                <a:gd name="connsiteY3" fmla="*/ 78727 h 146856"/>
                <a:gd name="connsiteX4" fmla="*/ 503930 w 1058482"/>
                <a:gd name="connsiteY4" fmla="*/ 31276 h 146856"/>
                <a:gd name="connsiteX5" fmla="*/ 711041 w 1058482"/>
                <a:gd name="connsiteY5" fmla="*/ 126 h 146856"/>
                <a:gd name="connsiteX6" fmla="*/ 1048703 w 1058482"/>
                <a:gd name="connsiteY6" fmla="*/ 33177 h 146856"/>
                <a:gd name="connsiteX7" fmla="*/ 962568 w 1058482"/>
                <a:gd name="connsiteY7" fmla="*/ 34186 h 146856"/>
                <a:gd name="connsiteX8" fmla="*/ 713663 w 1058482"/>
                <a:gd name="connsiteY8" fmla="*/ 39426 h 146856"/>
                <a:gd name="connsiteX9" fmla="*/ 498690 w 1058482"/>
                <a:gd name="connsiteY9" fmla="*/ 66518 h 146856"/>
                <a:gd name="connsiteX10" fmla="*/ 294451 w 1058482"/>
                <a:gd name="connsiteY10" fmla="*/ 123267 h 146856"/>
                <a:gd name="connsiteX11" fmla="*/ 189650 w 1058482"/>
                <a:gd name="connsiteY11" fmla="*/ 146848 h 146856"/>
                <a:gd name="connsiteX12" fmla="*/ 29827 w 1058482"/>
                <a:gd name="connsiteY12" fmla="*/ 133748 h 146856"/>
                <a:gd name="connsiteX13" fmla="*/ 1077 w 1058482"/>
                <a:gd name="connsiteY13" fmla="*/ 111779 h 146856"/>
                <a:gd name="connsiteX0" fmla="*/ 1077 w 1058482"/>
                <a:gd name="connsiteY0" fmla="*/ 111779 h 146856"/>
                <a:gd name="connsiteX1" fmla="*/ 50787 w 1058482"/>
                <a:gd name="connsiteY1" fmla="*/ 104928 h 146856"/>
                <a:gd name="connsiteX2" fmla="*/ 126768 w 1058482"/>
                <a:gd name="connsiteY2" fmla="*/ 112787 h 146856"/>
                <a:gd name="connsiteX3" fmla="*/ 210611 w 1058482"/>
                <a:gd name="connsiteY3" fmla="*/ 107548 h 146856"/>
                <a:gd name="connsiteX4" fmla="*/ 333753 w 1058482"/>
                <a:gd name="connsiteY4" fmla="*/ 78727 h 146856"/>
                <a:gd name="connsiteX5" fmla="*/ 503930 w 1058482"/>
                <a:gd name="connsiteY5" fmla="*/ 31276 h 146856"/>
                <a:gd name="connsiteX6" fmla="*/ 711041 w 1058482"/>
                <a:gd name="connsiteY6" fmla="*/ 126 h 146856"/>
                <a:gd name="connsiteX7" fmla="*/ 1048703 w 1058482"/>
                <a:gd name="connsiteY7" fmla="*/ 33177 h 146856"/>
                <a:gd name="connsiteX8" fmla="*/ 962568 w 1058482"/>
                <a:gd name="connsiteY8" fmla="*/ 34186 h 146856"/>
                <a:gd name="connsiteX9" fmla="*/ 713663 w 1058482"/>
                <a:gd name="connsiteY9" fmla="*/ 39426 h 146856"/>
                <a:gd name="connsiteX10" fmla="*/ 498690 w 1058482"/>
                <a:gd name="connsiteY10" fmla="*/ 66518 h 146856"/>
                <a:gd name="connsiteX11" fmla="*/ 294451 w 1058482"/>
                <a:gd name="connsiteY11" fmla="*/ 123267 h 146856"/>
                <a:gd name="connsiteX12" fmla="*/ 189650 w 1058482"/>
                <a:gd name="connsiteY12" fmla="*/ 146848 h 146856"/>
                <a:gd name="connsiteX13" fmla="*/ 29827 w 1058482"/>
                <a:gd name="connsiteY13" fmla="*/ 133748 h 146856"/>
                <a:gd name="connsiteX14" fmla="*/ 1077 w 1058482"/>
                <a:gd name="connsiteY14" fmla="*/ 111779 h 146856"/>
                <a:gd name="connsiteX0" fmla="*/ 1077 w 1058482"/>
                <a:gd name="connsiteY0" fmla="*/ 111779 h 146856"/>
                <a:gd name="connsiteX1" fmla="*/ 50787 w 1058482"/>
                <a:gd name="connsiteY1" fmla="*/ 104928 h 146856"/>
                <a:gd name="connsiteX2" fmla="*/ 126768 w 1058482"/>
                <a:gd name="connsiteY2" fmla="*/ 112787 h 146856"/>
                <a:gd name="connsiteX3" fmla="*/ 210611 w 1058482"/>
                <a:gd name="connsiteY3" fmla="*/ 107548 h 146856"/>
                <a:gd name="connsiteX4" fmla="*/ 333753 w 1058482"/>
                <a:gd name="connsiteY4" fmla="*/ 78727 h 146856"/>
                <a:gd name="connsiteX5" fmla="*/ 503930 w 1058482"/>
                <a:gd name="connsiteY5" fmla="*/ 31276 h 146856"/>
                <a:gd name="connsiteX6" fmla="*/ 747722 w 1058482"/>
                <a:gd name="connsiteY6" fmla="*/ 126 h 146856"/>
                <a:gd name="connsiteX7" fmla="*/ 1048703 w 1058482"/>
                <a:gd name="connsiteY7" fmla="*/ 33177 h 146856"/>
                <a:gd name="connsiteX8" fmla="*/ 962568 w 1058482"/>
                <a:gd name="connsiteY8" fmla="*/ 34186 h 146856"/>
                <a:gd name="connsiteX9" fmla="*/ 713663 w 1058482"/>
                <a:gd name="connsiteY9" fmla="*/ 39426 h 146856"/>
                <a:gd name="connsiteX10" fmla="*/ 498690 w 1058482"/>
                <a:gd name="connsiteY10" fmla="*/ 66518 h 146856"/>
                <a:gd name="connsiteX11" fmla="*/ 294451 w 1058482"/>
                <a:gd name="connsiteY11" fmla="*/ 123267 h 146856"/>
                <a:gd name="connsiteX12" fmla="*/ 189650 w 1058482"/>
                <a:gd name="connsiteY12" fmla="*/ 146848 h 146856"/>
                <a:gd name="connsiteX13" fmla="*/ 29827 w 1058482"/>
                <a:gd name="connsiteY13" fmla="*/ 133748 h 146856"/>
                <a:gd name="connsiteX14" fmla="*/ 1077 w 1058482"/>
                <a:gd name="connsiteY14" fmla="*/ 111779 h 146856"/>
                <a:gd name="connsiteX0" fmla="*/ 1077 w 1058482"/>
                <a:gd name="connsiteY0" fmla="*/ 111779 h 146856"/>
                <a:gd name="connsiteX1" fmla="*/ 50787 w 1058482"/>
                <a:gd name="connsiteY1" fmla="*/ 104928 h 146856"/>
                <a:gd name="connsiteX2" fmla="*/ 126768 w 1058482"/>
                <a:gd name="connsiteY2" fmla="*/ 112787 h 146856"/>
                <a:gd name="connsiteX3" fmla="*/ 210611 w 1058482"/>
                <a:gd name="connsiteY3" fmla="*/ 107548 h 146856"/>
                <a:gd name="connsiteX4" fmla="*/ 333753 w 1058482"/>
                <a:gd name="connsiteY4" fmla="*/ 78727 h 146856"/>
                <a:gd name="connsiteX5" fmla="*/ 503930 w 1058482"/>
                <a:gd name="connsiteY5" fmla="*/ 31276 h 146856"/>
                <a:gd name="connsiteX6" fmla="*/ 747722 w 1058482"/>
                <a:gd name="connsiteY6" fmla="*/ 126 h 146856"/>
                <a:gd name="connsiteX7" fmla="*/ 1048703 w 1058482"/>
                <a:gd name="connsiteY7" fmla="*/ 33177 h 146856"/>
                <a:gd name="connsiteX8" fmla="*/ 962568 w 1058482"/>
                <a:gd name="connsiteY8" fmla="*/ 34186 h 146856"/>
                <a:gd name="connsiteX9" fmla="*/ 713663 w 1058482"/>
                <a:gd name="connsiteY9" fmla="*/ 39426 h 146856"/>
                <a:gd name="connsiteX10" fmla="*/ 498690 w 1058482"/>
                <a:gd name="connsiteY10" fmla="*/ 66518 h 146856"/>
                <a:gd name="connsiteX11" fmla="*/ 294451 w 1058482"/>
                <a:gd name="connsiteY11" fmla="*/ 123267 h 146856"/>
                <a:gd name="connsiteX12" fmla="*/ 189650 w 1058482"/>
                <a:gd name="connsiteY12" fmla="*/ 146848 h 146856"/>
                <a:gd name="connsiteX13" fmla="*/ 29827 w 1058482"/>
                <a:gd name="connsiteY13" fmla="*/ 133748 h 146856"/>
                <a:gd name="connsiteX14" fmla="*/ 1077 w 1058482"/>
                <a:gd name="connsiteY14" fmla="*/ 111779 h 146856"/>
                <a:gd name="connsiteX0" fmla="*/ 34 w 1314614"/>
                <a:gd name="connsiteY0" fmla="*/ 164166 h 164553"/>
                <a:gd name="connsiteX1" fmla="*/ 306919 w 1314614"/>
                <a:gd name="connsiteY1" fmla="*/ 104928 h 164553"/>
                <a:gd name="connsiteX2" fmla="*/ 382900 w 1314614"/>
                <a:gd name="connsiteY2" fmla="*/ 112787 h 164553"/>
                <a:gd name="connsiteX3" fmla="*/ 466743 w 1314614"/>
                <a:gd name="connsiteY3" fmla="*/ 107548 h 164553"/>
                <a:gd name="connsiteX4" fmla="*/ 589885 w 1314614"/>
                <a:gd name="connsiteY4" fmla="*/ 78727 h 164553"/>
                <a:gd name="connsiteX5" fmla="*/ 760062 w 1314614"/>
                <a:gd name="connsiteY5" fmla="*/ 31276 h 164553"/>
                <a:gd name="connsiteX6" fmla="*/ 1003854 w 1314614"/>
                <a:gd name="connsiteY6" fmla="*/ 126 h 164553"/>
                <a:gd name="connsiteX7" fmla="*/ 1304835 w 1314614"/>
                <a:gd name="connsiteY7" fmla="*/ 33177 h 164553"/>
                <a:gd name="connsiteX8" fmla="*/ 1218700 w 1314614"/>
                <a:gd name="connsiteY8" fmla="*/ 34186 h 164553"/>
                <a:gd name="connsiteX9" fmla="*/ 969795 w 1314614"/>
                <a:gd name="connsiteY9" fmla="*/ 39426 h 164553"/>
                <a:gd name="connsiteX10" fmla="*/ 754822 w 1314614"/>
                <a:gd name="connsiteY10" fmla="*/ 66518 h 164553"/>
                <a:gd name="connsiteX11" fmla="*/ 550583 w 1314614"/>
                <a:gd name="connsiteY11" fmla="*/ 123267 h 164553"/>
                <a:gd name="connsiteX12" fmla="*/ 445782 w 1314614"/>
                <a:gd name="connsiteY12" fmla="*/ 146848 h 164553"/>
                <a:gd name="connsiteX13" fmla="*/ 285959 w 1314614"/>
                <a:gd name="connsiteY13" fmla="*/ 133748 h 164553"/>
                <a:gd name="connsiteX14" fmla="*/ 34 w 1314614"/>
                <a:gd name="connsiteY14" fmla="*/ 164166 h 164553"/>
                <a:gd name="connsiteX0" fmla="*/ 7 w 1314587"/>
                <a:gd name="connsiteY0" fmla="*/ 164166 h 164677"/>
                <a:gd name="connsiteX1" fmla="*/ 294986 w 1314587"/>
                <a:gd name="connsiteY1" fmla="*/ 100165 h 164677"/>
                <a:gd name="connsiteX2" fmla="*/ 382873 w 1314587"/>
                <a:gd name="connsiteY2" fmla="*/ 112787 h 164677"/>
                <a:gd name="connsiteX3" fmla="*/ 466716 w 1314587"/>
                <a:gd name="connsiteY3" fmla="*/ 107548 h 164677"/>
                <a:gd name="connsiteX4" fmla="*/ 589858 w 1314587"/>
                <a:gd name="connsiteY4" fmla="*/ 78727 h 164677"/>
                <a:gd name="connsiteX5" fmla="*/ 760035 w 1314587"/>
                <a:gd name="connsiteY5" fmla="*/ 31276 h 164677"/>
                <a:gd name="connsiteX6" fmla="*/ 1003827 w 1314587"/>
                <a:gd name="connsiteY6" fmla="*/ 126 h 164677"/>
                <a:gd name="connsiteX7" fmla="*/ 1304808 w 1314587"/>
                <a:gd name="connsiteY7" fmla="*/ 33177 h 164677"/>
                <a:gd name="connsiteX8" fmla="*/ 1218673 w 1314587"/>
                <a:gd name="connsiteY8" fmla="*/ 34186 h 164677"/>
                <a:gd name="connsiteX9" fmla="*/ 969768 w 1314587"/>
                <a:gd name="connsiteY9" fmla="*/ 39426 h 164677"/>
                <a:gd name="connsiteX10" fmla="*/ 754795 w 1314587"/>
                <a:gd name="connsiteY10" fmla="*/ 66518 h 164677"/>
                <a:gd name="connsiteX11" fmla="*/ 550556 w 1314587"/>
                <a:gd name="connsiteY11" fmla="*/ 123267 h 164677"/>
                <a:gd name="connsiteX12" fmla="*/ 445755 w 1314587"/>
                <a:gd name="connsiteY12" fmla="*/ 146848 h 164677"/>
                <a:gd name="connsiteX13" fmla="*/ 285932 w 1314587"/>
                <a:gd name="connsiteY13" fmla="*/ 133748 h 164677"/>
                <a:gd name="connsiteX14" fmla="*/ 7 w 1314587"/>
                <a:gd name="connsiteY14" fmla="*/ 164166 h 164677"/>
                <a:gd name="connsiteX0" fmla="*/ 7 w 1314587"/>
                <a:gd name="connsiteY0" fmla="*/ 164166 h 164677"/>
                <a:gd name="connsiteX1" fmla="*/ 294986 w 1314587"/>
                <a:gd name="connsiteY1" fmla="*/ 100165 h 164677"/>
                <a:gd name="connsiteX2" fmla="*/ 382873 w 1314587"/>
                <a:gd name="connsiteY2" fmla="*/ 112787 h 164677"/>
                <a:gd name="connsiteX3" fmla="*/ 466716 w 1314587"/>
                <a:gd name="connsiteY3" fmla="*/ 107548 h 164677"/>
                <a:gd name="connsiteX4" fmla="*/ 589858 w 1314587"/>
                <a:gd name="connsiteY4" fmla="*/ 78727 h 164677"/>
                <a:gd name="connsiteX5" fmla="*/ 760035 w 1314587"/>
                <a:gd name="connsiteY5" fmla="*/ 31276 h 164677"/>
                <a:gd name="connsiteX6" fmla="*/ 1003827 w 1314587"/>
                <a:gd name="connsiteY6" fmla="*/ 126 h 164677"/>
                <a:gd name="connsiteX7" fmla="*/ 1304808 w 1314587"/>
                <a:gd name="connsiteY7" fmla="*/ 33177 h 164677"/>
                <a:gd name="connsiteX8" fmla="*/ 1218673 w 1314587"/>
                <a:gd name="connsiteY8" fmla="*/ 34186 h 164677"/>
                <a:gd name="connsiteX9" fmla="*/ 969768 w 1314587"/>
                <a:gd name="connsiteY9" fmla="*/ 39426 h 164677"/>
                <a:gd name="connsiteX10" fmla="*/ 754795 w 1314587"/>
                <a:gd name="connsiteY10" fmla="*/ 66518 h 164677"/>
                <a:gd name="connsiteX11" fmla="*/ 550556 w 1314587"/>
                <a:gd name="connsiteY11" fmla="*/ 123267 h 164677"/>
                <a:gd name="connsiteX12" fmla="*/ 445755 w 1314587"/>
                <a:gd name="connsiteY12" fmla="*/ 146848 h 164677"/>
                <a:gd name="connsiteX13" fmla="*/ 285932 w 1314587"/>
                <a:gd name="connsiteY13" fmla="*/ 133748 h 164677"/>
                <a:gd name="connsiteX14" fmla="*/ 7 w 1314587"/>
                <a:gd name="connsiteY14" fmla="*/ 164166 h 164677"/>
                <a:gd name="connsiteX0" fmla="*/ 15 w 1314595"/>
                <a:gd name="connsiteY0" fmla="*/ 164166 h 164516"/>
                <a:gd name="connsiteX1" fmla="*/ 294994 w 1314595"/>
                <a:gd name="connsiteY1" fmla="*/ 100165 h 164516"/>
                <a:gd name="connsiteX2" fmla="*/ 382881 w 1314595"/>
                <a:gd name="connsiteY2" fmla="*/ 112787 h 164516"/>
                <a:gd name="connsiteX3" fmla="*/ 466724 w 1314595"/>
                <a:gd name="connsiteY3" fmla="*/ 107548 h 164516"/>
                <a:gd name="connsiteX4" fmla="*/ 589866 w 1314595"/>
                <a:gd name="connsiteY4" fmla="*/ 78727 h 164516"/>
                <a:gd name="connsiteX5" fmla="*/ 760043 w 1314595"/>
                <a:gd name="connsiteY5" fmla="*/ 31276 h 164516"/>
                <a:gd name="connsiteX6" fmla="*/ 1003835 w 1314595"/>
                <a:gd name="connsiteY6" fmla="*/ 126 h 164516"/>
                <a:gd name="connsiteX7" fmla="*/ 1304816 w 1314595"/>
                <a:gd name="connsiteY7" fmla="*/ 33177 h 164516"/>
                <a:gd name="connsiteX8" fmla="*/ 1218681 w 1314595"/>
                <a:gd name="connsiteY8" fmla="*/ 34186 h 164516"/>
                <a:gd name="connsiteX9" fmla="*/ 969776 w 1314595"/>
                <a:gd name="connsiteY9" fmla="*/ 39426 h 164516"/>
                <a:gd name="connsiteX10" fmla="*/ 754803 w 1314595"/>
                <a:gd name="connsiteY10" fmla="*/ 66518 h 164516"/>
                <a:gd name="connsiteX11" fmla="*/ 550564 w 1314595"/>
                <a:gd name="connsiteY11" fmla="*/ 123267 h 164516"/>
                <a:gd name="connsiteX12" fmla="*/ 445763 w 1314595"/>
                <a:gd name="connsiteY12" fmla="*/ 146848 h 164516"/>
                <a:gd name="connsiteX13" fmla="*/ 281178 w 1314595"/>
                <a:gd name="connsiteY13" fmla="*/ 128985 h 164516"/>
                <a:gd name="connsiteX14" fmla="*/ 15 w 1314595"/>
                <a:gd name="connsiteY14" fmla="*/ 164166 h 164516"/>
                <a:gd name="connsiteX0" fmla="*/ 21 w 1314601"/>
                <a:gd name="connsiteY0" fmla="*/ 164166 h 164775"/>
                <a:gd name="connsiteX1" fmla="*/ 295000 w 1314601"/>
                <a:gd name="connsiteY1" fmla="*/ 100165 h 164775"/>
                <a:gd name="connsiteX2" fmla="*/ 382887 w 1314601"/>
                <a:gd name="connsiteY2" fmla="*/ 112787 h 164775"/>
                <a:gd name="connsiteX3" fmla="*/ 466730 w 1314601"/>
                <a:gd name="connsiteY3" fmla="*/ 107548 h 164775"/>
                <a:gd name="connsiteX4" fmla="*/ 589872 w 1314601"/>
                <a:gd name="connsiteY4" fmla="*/ 78727 h 164775"/>
                <a:gd name="connsiteX5" fmla="*/ 760049 w 1314601"/>
                <a:gd name="connsiteY5" fmla="*/ 31276 h 164775"/>
                <a:gd name="connsiteX6" fmla="*/ 1003841 w 1314601"/>
                <a:gd name="connsiteY6" fmla="*/ 126 h 164775"/>
                <a:gd name="connsiteX7" fmla="*/ 1304822 w 1314601"/>
                <a:gd name="connsiteY7" fmla="*/ 33177 h 164775"/>
                <a:gd name="connsiteX8" fmla="*/ 1218687 w 1314601"/>
                <a:gd name="connsiteY8" fmla="*/ 34186 h 164775"/>
                <a:gd name="connsiteX9" fmla="*/ 969782 w 1314601"/>
                <a:gd name="connsiteY9" fmla="*/ 39426 h 164775"/>
                <a:gd name="connsiteX10" fmla="*/ 754809 w 1314601"/>
                <a:gd name="connsiteY10" fmla="*/ 66518 h 164775"/>
                <a:gd name="connsiteX11" fmla="*/ 550570 w 1314601"/>
                <a:gd name="connsiteY11" fmla="*/ 123267 h 164775"/>
                <a:gd name="connsiteX12" fmla="*/ 445769 w 1314601"/>
                <a:gd name="connsiteY12" fmla="*/ 146848 h 164775"/>
                <a:gd name="connsiteX13" fmla="*/ 278803 w 1314601"/>
                <a:gd name="connsiteY13" fmla="*/ 136129 h 164775"/>
                <a:gd name="connsiteX14" fmla="*/ 21 w 1314601"/>
                <a:gd name="connsiteY14" fmla="*/ 164166 h 164775"/>
                <a:gd name="connsiteX0" fmla="*/ 21 w 1314601"/>
                <a:gd name="connsiteY0" fmla="*/ 164166 h 164775"/>
                <a:gd name="connsiteX1" fmla="*/ 295000 w 1314601"/>
                <a:gd name="connsiteY1" fmla="*/ 100165 h 164775"/>
                <a:gd name="connsiteX2" fmla="*/ 382887 w 1314601"/>
                <a:gd name="connsiteY2" fmla="*/ 112787 h 164775"/>
                <a:gd name="connsiteX3" fmla="*/ 466730 w 1314601"/>
                <a:gd name="connsiteY3" fmla="*/ 107548 h 164775"/>
                <a:gd name="connsiteX4" fmla="*/ 589872 w 1314601"/>
                <a:gd name="connsiteY4" fmla="*/ 78727 h 164775"/>
                <a:gd name="connsiteX5" fmla="*/ 760049 w 1314601"/>
                <a:gd name="connsiteY5" fmla="*/ 31276 h 164775"/>
                <a:gd name="connsiteX6" fmla="*/ 1003841 w 1314601"/>
                <a:gd name="connsiteY6" fmla="*/ 126 h 164775"/>
                <a:gd name="connsiteX7" fmla="*/ 1304822 w 1314601"/>
                <a:gd name="connsiteY7" fmla="*/ 33177 h 164775"/>
                <a:gd name="connsiteX8" fmla="*/ 1218687 w 1314601"/>
                <a:gd name="connsiteY8" fmla="*/ 34186 h 164775"/>
                <a:gd name="connsiteX9" fmla="*/ 969782 w 1314601"/>
                <a:gd name="connsiteY9" fmla="*/ 39426 h 164775"/>
                <a:gd name="connsiteX10" fmla="*/ 754809 w 1314601"/>
                <a:gd name="connsiteY10" fmla="*/ 66518 h 164775"/>
                <a:gd name="connsiteX11" fmla="*/ 550570 w 1314601"/>
                <a:gd name="connsiteY11" fmla="*/ 123267 h 164775"/>
                <a:gd name="connsiteX12" fmla="*/ 424337 w 1314601"/>
                <a:gd name="connsiteY12" fmla="*/ 153992 h 164775"/>
                <a:gd name="connsiteX13" fmla="*/ 278803 w 1314601"/>
                <a:gd name="connsiteY13" fmla="*/ 136129 h 164775"/>
                <a:gd name="connsiteX14" fmla="*/ 21 w 1314601"/>
                <a:gd name="connsiteY14" fmla="*/ 164166 h 164775"/>
                <a:gd name="connsiteX0" fmla="*/ 4 w 1314584"/>
                <a:gd name="connsiteY0" fmla="*/ 164166 h 164775"/>
                <a:gd name="connsiteX1" fmla="*/ 285458 w 1314584"/>
                <a:gd name="connsiteY1" fmla="*/ 100165 h 164775"/>
                <a:gd name="connsiteX2" fmla="*/ 382870 w 1314584"/>
                <a:gd name="connsiteY2" fmla="*/ 112787 h 164775"/>
                <a:gd name="connsiteX3" fmla="*/ 466713 w 1314584"/>
                <a:gd name="connsiteY3" fmla="*/ 107548 h 164775"/>
                <a:gd name="connsiteX4" fmla="*/ 589855 w 1314584"/>
                <a:gd name="connsiteY4" fmla="*/ 78727 h 164775"/>
                <a:gd name="connsiteX5" fmla="*/ 760032 w 1314584"/>
                <a:gd name="connsiteY5" fmla="*/ 31276 h 164775"/>
                <a:gd name="connsiteX6" fmla="*/ 1003824 w 1314584"/>
                <a:gd name="connsiteY6" fmla="*/ 126 h 164775"/>
                <a:gd name="connsiteX7" fmla="*/ 1304805 w 1314584"/>
                <a:gd name="connsiteY7" fmla="*/ 33177 h 164775"/>
                <a:gd name="connsiteX8" fmla="*/ 1218670 w 1314584"/>
                <a:gd name="connsiteY8" fmla="*/ 34186 h 164775"/>
                <a:gd name="connsiteX9" fmla="*/ 969765 w 1314584"/>
                <a:gd name="connsiteY9" fmla="*/ 39426 h 164775"/>
                <a:gd name="connsiteX10" fmla="*/ 754792 w 1314584"/>
                <a:gd name="connsiteY10" fmla="*/ 66518 h 164775"/>
                <a:gd name="connsiteX11" fmla="*/ 550553 w 1314584"/>
                <a:gd name="connsiteY11" fmla="*/ 123267 h 164775"/>
                <a:gd name="connsiteX12" fmla="*/ 424320 w 1314584"/>
                <a:gd name="connsiteY12" fmla="*/ 153992 h 164775"/>
                <a:gd name="connsiteX13" fmla="*/ 278786 w 1314584"/>
                <a:gd name="connsiteY13" fmla="*/ 136129 h 164775"/>
                <a:gd name="connsiteX14" fmla="*/ 4 w 1314584"/>
                <a:gd name="connsiteY14" fmla="*/ 164166 h 16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314584" h="164775">
                  <a:moveTo>
                    <a:pt x="4" y="164166"/>
                  </a:moveTo>
                  <a:cubicBezTo>
                    <a:pt x="1116" y="158172"/>
                    <a:pt x="260061" y="115158"/>
                    <a:pt x="285458" y="100165"/>
                  </a:cubicBezTo>
                  <a:cubicBezTo>
                    <a:pt x="306843" y="99023"/>
                    <a:pt x="356233" y="112350"/>
                    <a:pt x="382870" y="112787"/>
                  </a:cubicBezTo>
                  <a:cubicBezTo>
                    <a:pt x="409507" y="113224"/>
                    <a:pt x="432652" y="111915"/>
                    <a:pt x="466713" y="107548"/>
                  </a:cubicBezTo>
                  <a:cubicBezTo>
                    <a:pt x="500774" y="103181"/>
                    <a:pt x="542715" y="90129"/>
                    <a:pt x="589855" y="78727"/>
                  </a:cubicBezTo>
                  <a:cubicBezTo>
                    <a:pt x="636995" y="67325"/>
                    <a:pt x="691037" y="44376"/>
                    <a:pt x="760032" y="31276"/>
                  </a:cubicBezTo>
                  <a:cubicBezTo>
                    <a:pt x="829027" y="18176"/>
                    <a:pt x="883772" y="-191"/>
                    <a:pt x="1003824" y="126"/>
                  </a:cubicBezTo>
                  <a:cubicBezTo>
                    <a:pt x="1084576" y="-2177"/>
                    <a:pt x="1267251" y="27937"/>
                    <a:pt x="1304805" y="33177"/>
                  </a:cubicBezTo>
                  <a:cubicBezTo>
                    <a:pt x="1342359" y="38417"/>
                    <a:pt x="1262720" y="31835"/>
                    <a:pt x="1218670" y="34186"/>
                  </a:cubicBezTo>
                  <a:cubicBezTo>
                    <a:pt x="1174620" y="36538"/>
                    <a:pt x="1041401" y="33601"/>
                    <a:pt x="969765" y="39426"/>
                  </a:cubicBezTo>
                  <a:cubicBezTo>
                    <a:pt x="898129" y="45251"/>
                    <a:pt x="824661" y="52545"/>
                    <a:pt x="754792" y="66518"/>
                  </a:cubicBezTo>
                  <a:cubicBezTo>
                    <a:pt x="684923" y="80491"/>
                    <a:pt x="606426" y="109442"/>
                    <a:pt x="550553" y="123267"/>
                  </a:cubicBezTo>
                  <a:cubicBezTo>
                    <a:pt x="494680" y="137092"/>
                    <a:pt x="468424" y="151372"/>
                    <a:pt x="424320" y="153992"/>
                  </a:cubicBezTo>
                  <a:cubicBezTo>
                    <a:pt x="351853" y="154280"/>
                    <a:pt x="307158" y="142411"/>
                    <a:pt x="278786" y="136129"/>
                  </a:cubicBezTo>
                  <a:cubicBezTo>
                    <a:pt x="250414" y="129848"/>
                    <a:pt x="-1108" y="170160"/>
                    <a:pt x="4" y="164166"/>
                  </a:cubicBezTo>
                  <a:close/>
                </a:path>
              </a:pathLst>
            </a:cu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7" name="Rutediagram: Forbindelse 16">
              <a:extLst>
                <a:ext uri="{FF2B5EF4-FFF2-40B4-BE49-F238E27FC236}">
                  <a16:creationId xmlns:a16="http://schemas.microsoft.com/office/drawing/2014/main" id="{6B788B7F-74C6-44D4-9F4C-1997CDB94721}"/>
                </a:ext>
              </a:extLst>
            </p:cNvPr>
            <p:cNvSpPr/>
            <p:nvPr/>
          </p:nvSpPr>
          <p:spPr>
            <a:xfrm>
              <a:off x="1271358" y="1126204"/>
              <a:ext cx="1080000" cy="1080120"/>
            </a:xfrm>
            <a:prstGeom prst="flowChartConnector">
              <a:avLst/>
            </a:prstGeom>
            <a:solidFill>
              <a:srgbClr val="FF7C53"/>
            </a:solidFill>
            <a:ln w="22225">
              <a:solidFill>
                <a:srgbClr val="92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8" name="Rutediagram: Forbindelse 17">
              <a:extLst>
                <a:ext uri="{FF2B5EF4-FFF2-40B4-BE49-F238E27FC236}">
                  <a16:creationId xmlns:a16="http://schemas.microsoft.com/office/drawing/2014/main" id="{13E69A41-06C6-40FC-8F76-BEC5C9E31677}"/>
                </a:ext>
              </a:extLst>
            </p:cNvPr>
            <p:cNvSpPr/>
            <p:nvPr/>
          </p:nvSpPr>
          <p:spPr>
            <a:xfrm>
              <a:off x="1389510" y="1259306"/>
              <a:ext cx="828000" cy="828000"/>
            </a:xfrm>
            <a:prstGeom prst="flowChartConnector">
              <a:avLst/>
            </a:prstGeom>
            <a:gradFill>
              <a:gsLst>
                <a:gs pos="30000">
                  <a:srgbClr val="C00000"/>
                </a:gs>
                <a:gs pos="74000">
                  <a:srgbClr val="680000"/>
                </a:gs>
                <a:gs pos="83000">
                  <a:srgbClr val="8A0000"/>
                </a:gs>
                <a:gs pos="100000">
                  <a:srgbClr val="680000"/>
                </a:gs>
              </a:gsLst>
              <a:path path="circle">
                <a:fillToRect l="50000" t="50000" r="50000" b="50000"/>
              </a:path>
            </a:gradFill>
            <a:ln w="25400">
              <a:solidFill>
                <a:srgbClr val="FFD9CD"/>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9" name="Ellipse 58">
              <a:extLst>
                <a:ext uri="{FF2B5EF4-FFF2-40B4-BE49-F238E27FC236}">
                  <a16:creationId xmlns:a16="http://schemas.microsoft.com/office/drawing/2014/main" id="{CCE3A648-7B35-42DA-9D95-D83D2664E4FA}"/>
                </a:ext>
              </a:extLst>
            </p:cNvPr>
            <p:cNvSpPr/>
            <p:nvPr/>
          </p:nvSpPr>
          <p:spPr>
            <a:xfrm rot="20866657">
              <a:off x="1462621" y="1747543"/>
              <a:ext cx="794785" cy="335880"/>
            </a:xfrm>
            <a:custGeom>
              <a:avLst/>
              <a:gdLst>
                <a:gd name="connsiteX0" fmla="*/ 0 w 561019"/>
                <a:gd name="connsiteY0" fmla="*/ 176753 h 353505"/>
                <a:gd name="connsiteX1" fmla="*/ 280510 w 561019"/>
                <a:gd name="connsiteY1" fmla="*/ 0 h 353505"/>
                <a:gd name="connsiteX2" fmla="*/ 561020 w 561019"/>
                <a:gd name="connsiteY2" fmla="*/ 176753 h 353505"/>
                <a:gd name="connsiteX3" fmla="*/ 280510 w 561019"/>
                <a:gd name="connsiteY3" fmla="*/ 353506 h 353505"/>
                <a:gd name="connsiteX4" fmla="*/ 0 w 561019"/>
                <a:gd name="connsiteY4" fmla="*/ 176753 h 353505"/>
                <a:gd name="connsiteX0" fmla="*/ 4 w 561024"/>
                <a:gd name="connsiteY0" fmla="*/ 176753 h 342563"/>
                <a:gd name="connsiteX1" fmla="*/ 280514 w 561024"/>
                <a:gd name="connsiteY1" fmla="*/ 0 h 342563"/>
                <a:gd name="connsiteX2" fmla="*/ 561024 w 561024"/>
                <a:gd name="connsiteY2" fmla="*/ 176753 h 342563"/>
                <a:gd name="connsiteX3" fmla="*/ 285912 w 561024"/>
                <a:gd name="connsiteY3" fmla="*/ 342563 h 342563"/>
                <a:gd name="connsiteX4" fmla="*/ 4 w 561024"/>
                <a:gd name="connsiteY4" fmla="*/ 176753 h 342563"/>
                <a:gd name="connsiteX0" fmla="*/ 4 w 537887"/>
                <a:gd name="connsiteY0" fmla="*/ 181771 h 342573"/>
                <a:gd name="connsiteX1" fmla="*/ 257377 w 537887"/>
                <a:gd name="connsiteY1" fmla="*/ 6 h 342573"/>
                <a:gd name="connsiteX2" fmla="*/ 537887 w 537887"/>
                <a:gd name="connsiteY2" fmla="*/ 176759 h 342573"/>
                <a:gd name="connsiteX3" fmla="*/ 262775 w 537887"/>
                <a:gd name="connsiteY3" fmla="*/ 342569 h 342573"/>
                <a:gd name="connsiteX4" fmla="*/ 4 w 537887"/>
                <a:gd name="connsiteY4" fmla="*/ 181771 h 342573"/>
                <a:gd name="connsiteX0" fmla="*/ 4 w 517256"/>
                <a:gd name="connsiteY0" fmla="*/ 181904 h 342790"/>
                <a:gd name="connsiteX1" fmla="*/ 257377 w 517256"/>
                <a:gd name="connsiteY1" fmla="*/ 139 h 342790"/>
                <a:gd name="connsiteX2" fmla="*/ 517256 w 517256"/>
                <a:gd name="connsiteY2" fmla="*/ 160312 h 342790"/>
                <a:gd name="connsiteX3" fmla="*/ 262775 w 517256"/>
                <a:gd name="connsiteY3" fmla="*/ 342702 h 342790"/>
                <a:gd name="connsiteX4" fmla="*/ 4 w 517256"/>
                <a:gd name="connsiteY4" fmla="*/ 181904 h 342790"/>
                <a:gd name="connsiteX0" fmla="*/ 4 w 506074"/>
                <a:gd name="connsiteY0" fmla="*/ 172121 h 342633"/>
                <a:gd name="connsiteX1" fmla="*/ 246195 w 506074"/>
                <a:gd name="connsiteY1" fmla="*/ 45 h 342633"/>
                <a:gd name="connsiteX2" fmla="*/ 506074 w 506074"/>
                <a:gd name="connsiteY2" fmla="*/ 160218 h 342633"/>
                <a:gd name="connsiteX3" fmla="*/ 251593 w 506074"/>
                <a:gd name="connsiteY3" fmla="*/ 342608 h 342633"/>
                <a:gd name="connsiteX4" fmla="*/ 4 w 506074"/>
                <a:gd name="connsiteY4" fmla="*/ 172121 h 342633"/>
                <a:gd name="connsiteX0" fmla="*/ 3 w 522559"/>
                <a:gd name="connsiteY0" fmla="*/ 150358 h 342606"/>
                <a:gd name="connsiteX1" fmla="*/ 262680 w 522559"/>
                <a:gd name="connsiteY1" fmla="*/ 21 h 342606"/>
                <a:gd name="connsiteX2" fmla="*/ 522559 w 522559"/>
                <a:gd name="connsiteY2" fmla="*/ 160194 h 342606"/>
                <a:gd name="connsiteX3" fmla="*/ 268078 w 522559"/>
                <a:gd name="connsiteY3" fmla="*/ 342584 h 342606"/>
                <a:gd name="connsiteX4" fmla="*/ 3 w 522559"/>
                <a:gd name="connsiteY4" fmla="*/ 150358 h 342606"/>
                <a:gd name="connsiteX0" fmla="*/ 3 w 536248"/>
                <a:gd name="connsiteY0" fmla="*/ 150397 h 342642"/>
                <a:gd name="connsiteX1" fmla="*/ 262680 w 536248"/>
                <a:gd name="connsiteY1" fmla="*/ 60 h 342642"/>
                <a:gd name="connsiteX2" fmla="*/ 536248 w 536248"/>
                <a:gd name="connsiteY2" fmla="*/ 138975 h 342642"/>
                <a:gd name="connsiteX3" fmla="*/ 268078 w 536248"/>
                <a:gd name="connsiteY3" fmla="*/ 342623 h 342642"/>
                <a:gd name="connsiteX4" fmla="*/ 3 w 536248"/>
                <a:gd name="connsiteY4" fmla="*/ 150397 h 342642"/>
                <a:gd name="connsiteX0" fmla="*/ 3 w 536248"/>
                <a:gd name="connsiteY0" fmla="*/ 150397 h 345127"/>
                <a:gd name="connsiteX1" fmla="*/ 262680 w 536248"/>
                <a:gd name="connsiteY1" fmla="*/ 60 h 345127"/>
                <a:gd name="connsiteX2" fmla="*/ 536248 w 536248"/>
                <a:gd name="connsiteY2" fmla="*/ 138975 h 345127"/>
                <a:gd name="connsiteX3" fmla="*/ 268078 w 536248"/>
                <a:gd name="connsiteY3" fmla="*/ 342623 h 345127"/>
                <a:gd name="connsiteX4" fmla="*/ 3 w 536248"/>
                <a:gd name="connsiteY4" fmla="*/ 150397 h 345127"/>
                <a:gd name="connsiteX0" fmla="*/ 3 w 536248"/>
                <a:gd name="connsiteY0" fmla="*/ 150397 h 342962"/>
                <a:gd name="connsiteX1" fmla="*/ 262680 w 536248"/>
                <a:gd name="connsiteY1" fmla="*/ 60 h 342962"/>
                <a:gd name="connsiteX2" fmla="*/ 536248 w 536248"/>
                <a:gd name="connsiteY2" fmla="*/ 138975 h 342962"/>
                <a:gd name="connsiteX3" fmla="*/ 268078 w 536248"/>
                <a:gd name="connsiteY3" fmla="*/ 342623 h 342962"/>
                <a:gd name="connsiteX4" fmla="*/ 3 w 536248"/>
                <a:gd name="connsiteY4" fmla="*/ 150397 h 342962"/>
                <a:gd name="connsiteX0" fmla="*/ 4 w 536249"/>
                <a:gd name="connsiteY0" fmla="*/ 151263 h 343828"/>
                <a:gd name="connsiteX1" fmla="*/ 262681 w 536249"/>
                <a:gd name="connsiteY1" fmla="*/ 926 h 343828"/>
                <a:gd name="connsiteX2" fmla="*/ 536249 w 536249"/>
                <a:gd name="connsiteY2" fmla="*/ 139841 h 343828"/>
                <a:gd name="connsiteX3" fmla="*/ 268079 w 536249"/>
                <a:gd name="connsiteY3" fmla="*/ 343489 h 343828"/>
                <a:gd name="connsiteX4" fmla="*/ 4 w 536249"/>
                <a:gd name="connsiteY4" fmla="*/ 151263 h 343828"/>
                <a:gd name="connsiteX0" fmla="*/ 4 w 536249"/>
                <a:gd name="connsiteY0" fmla="*/ 150889 h 343454"/>
                <a:gd name="connsiteX1" fmla="*/ 262681 w 536249"/>
                <a:gd name="connsiteY1" fmla="*/ 552 h 343454"/>
                <a:gd name="connsiteX2" fmla="*/ 536249 w 536249"/>
                <a:gd name="connsiteY2" fmla="*/ 139467 h 343454"/>
                <a:gd name="connsiteX3" fmla="*/ 268079 w 536249"/>
                <a:gd name="connsiteY3" fmla="*/ 343115 h 343454"/>
                <a:gd name="connsiteX4" fmla="*/ 4 w 536249"/>
                <a:gd name="connsiteY4" fmla="*/ 150889 h 343454"/>
                <a:gd name="connsiteX0" fmla="*/ 4 w 536249"/>
                <a:gd name="connsiteY0" fmla="*/ 150658 h 343223"/>
                <a:gd name="connsiteX1" fmla="*/ 262681 w 536249"/>
                <a:gd name="connsiteY1" fmla="*/ 321 h 343223"/>
                <a:gd name="connsiteX2" fmla="*/ 536249 w 536249"/>
                <a:gd name="connsiteY2" fmla="*/ 139236 h 343223"/>
                <a:gd name="connsiteX3" fmla="*/ 268079 w 536249"/>
                <a:gd name="connsiteY3" fmla="*/ 342884 h 343223"/>
                <a:gd name="connsiteX4" fmla="*/ 4 w 536249"/>
                <a:gd name="connsiteY4" fmla="*/ 150658 h 343223"/>
                <a:gd name="connsiteX0" fmla="*/ 35 w 536280"/>
                <a:gd name="connsiteY0" fmla="*/ 147401 h 339965"/>
                <a:gd name="connsiteX1" fmla="*/ 249890 w 536280"/>
                <a:gd name="connsiteY1" fmla="*/ 342 h 339965"/>
                <a:gd name="connsiteX2" fmla="*/ 536280 w 536280"/>
                <a:gd name="connsiteY2" fmla="*/ 135979 h 339965"/>
                <a:gd name="connsiteX3" fmla="*/ 268110 w 536280"/>
                <a:gd name="connsiteY3" fmla="*/ 339627 h 339965"/>
                <a:gd name="connsiteX4" fmla="*/ 35 w 536280"/>
                <a:gd name="connsiteY4" fmla="*/ 147401 h 339965"/>
                <a:gd name="connsiteX0" fmla="*/ 17 w 536262"/>
                <a:gd name="connsiteY0" fmla="*/ 146157 h 338720"/>
                <a:gd name="connsiteX1" fmla="*/ 255656 w 536262"/>
                <a:gd name="connsiteY1" fmla="*/ 351 h 338720"/>
                <a:gd name="connsiteX2" fmla="*/ 536262 w 536262"/>
                <a:gd name="connsiteY2" fmla="*/ 134735 h 338720"/>
                <a:gd name="connsiteX3" fmla="*/ 268092 w 536262"/>
                <a:gd name="connsiteY3" fmla="*/ 338383 h 338720"/>
                <a:gd name="connsiteX4" fmla="*/ 17 w 536262"/>
                <a:gd name="connsiteY4" fmla="*/ 146157 h 338720"/>
                <a:gd name="connsiteX0" fmla="*/ 532 w 536777"/>
                <a:gd name="connsiteY0" fmla="*/ 146361 h 338924"/>
                <a:gd name="connsiteX1" fmla="*/ 256171 w 536777"/>
                <a:gd name="connsiteY1" fmla="*/ 555 h 338924"/>
                <a:gd name="connsiteX2" fmla="*/ 536777 w 536777"/>
                <a:gd name="connsiteY2" fmla="*/ 134939 h 338924"/>
                <a:gd name="connsiteX3" fmla="*/ 268607 w 536777"/>
                <a:gd name="connsiteY3" fmla="*/ 338587 h 338924"/>
                <a:gd name="connsiteX4" fmla="*/ 532 w 536777"/>
                <a:gd name="connsiteY4" fmla="*/ 146361 h 338924"/>
                <a:gd name="connsiteX0" fmla="*/ 213 w 536458"/>
                <a:gd name="connsiteY0" fmla="*/ 74237 h 266770"/>
                <a:gd name="connsiteX1" fmla="*/ 260821 w 536458"/>
                <a:gd name="connsiteY1" fmla="*/ 14946 h 266770"/>
                <a:gd name="connsiteX2" fmla="*/ 536458 w 536458"/>
                <a:gd name="connsiteY2" fmla="*/ 62815 h 266770"/>
                <a:gd name="connsiteX3" fmla="*/ 268288 w 536458"/>
                <a:gd name="connsiteY3" fmla="*/ 266463 h 266770"/>
                <a:gd name="connsiteX4" fmla="*/ 213 w 536458"/>
                <a:gd name="connsiteY4" fmla="*/ 74237 h 266770"/>
                <a:gd name="connsiteX0" fmla="*/ 376 w 536621"/>
                <a:gd name="connsiteY0" fmla="*/ 103503 h 296050"/>
                <a:gd name="connsiteX1" fmla="*/ 258187 w 536621"/>
                <a:gd name="connsiteY1" fmla="*/ 2362 h 296050"/>
                <a:gd name="connsiteX2" fmla="*/ 536621 w 536621"/>
                <a:gd name="connsiteY2" fmla="*/ 92081 h 296050"/>
                <a:gd name="connsiteX3" fmla="*/ 268451 w 536621"/>
                <a:gd name="connsiteY3" fmla="*/ 295729 h 296050"/>
                <a:gd name="connsiteX4" fmla="*/ 376 w 536621"/>
                <a:gd name="connsiteY4" fmla="*/ 103503 h 296050"/>
                <a:gd name="connsiteX0" fmla="*/ 10 w 570414"/>
                <a:gd name="connsiteY0" fmla="*/ 15744 h 365366"/>
                <a:gd name="connsiteX1" fmla="*/ 291980 w 570414"/>
                <a:gd name="connsiteY1" fmla="*/ 69131 h 365366"/>
                <a:gd name="connsiteX2" fmla="*/ 570414 w 570414"/>
                <a:gd name="connsiteY2" fmla="*/ 158850 h 365366"/>
                <a:gd name="connsiteX3" fmla="*/ 302244 w 570414"/>
                <a:gd name="connsiteY3" fmla="*/ 362498 h 365366"/>
                <a:gd name="connsiteX4" fmla="*/ 10 w 570414"/>
                <a:gd name="connsiteY4" fmla="*/ 15744 h 365366"/>
                <a:gd name="connsiteX0" fmla="*/ 11 w 602869"/>
                <a:gd name="connsiteY0" fmla="*/ 13877 h 360787"/>
                <a:gd name="connsiteX1" fmla="*/ 291981 w 602869"/>
                <a:gd name="connsiteY1" fmla="*/ 67264 h 360787"/>
                <a:gd name="connsiteX2" fmla="*/ 602869 w 602869"/>
                <a:gd name="connsiteY2" fmla="*/ 54598 h 360787"/>
                <a:gd name="connsiteX3" fmla="*/ 302245 w 602869"/>
                <a:gd name="connsiteY3" fmla="*/ 360631 h 360787"/>
                <a:gd name="connsiteX4" fmla="*/ 11 w 602869"/>
                <a:gd name="connsiteY4" fmla="*/ 13877 h 360787"/>
                <a:gd name="connsiteX0" fmla="*/ 1 w 602859"/>
                <a:gd name="connsiteY0" fmla="*/ 6489 h 353399"/>
                <a:gd name="connsiteX1" fmla="*/ 303840 w 602859"/>
                <a:gd name="connsiteY1" fmla="*/ 121175 h 353399"/>
                <a:gd name="connsiteX2" fmla="*/ 602859 w 602859"/>
                <a:gd name="connsiteY2" fmla="*/ 47210 h 353399"/>
                <a:gd name="connsiteX3" fmla="*/ 302235 w 602859"/>
                <a:gd name="connsiteY3" fmla="*/ 353243 h 353399"/>
                <a:gd name="connsiteX4" fmla="*/ 1 w 602859"/>
                <a:gd name="connsiteY4" fmla="*/ 6489 h 353399"/>
                <a:gd name="connsiteX0" fmla="*/ 1 w 602859"/>
                <a:gd name="connsiteY0" fmla="*/ 6489 h 353671"/>
                <a:gd name="connsiteX1" fmla="*/ 303840 w 602859"/>
                <a:gd name="connsiteY1" fmla="*/ 121175 h 353671"/>
                <a:gd name="connsiteX2" fmla="*/ 602859 w 602859"/>
                <a:gd name="connsiteY2" fmla="*/ 47210 h 353671"/>
                <a:gd name="connsiteX3" fmla="*/ 302235 w 602859"/>
                <a:gd name="connsiteY3" fmla="*/ 353243 h 353671"/>
                <a:gd name="connsiteX4" fmla="*/ 1 w 602859"/>
                <a:gd name="connsiteY4" fmla="*/ 6489 h 353671"/>
                <a:gd name="connsiteX0" fmla="*/ 1 w 607146"/>
                <a:gd name="connsiteY0" fmla="*/ 6448 h 353306"/>
                <a:gd name="connsiteX1" fmla="*/ 303840 w 607146"/>
                <a:gd name="connsiteY1" fmla="*/ 121134 h 353306"/>
                <a:gd name="connsiteX2" fmla="*/ 607146 w 607146"/>
                <a:gd name="connsiteY2" fmla="*/ 40125 h 353306"/>
                <a:gd name="connsiteX3" fmla="*/ 302235 w 607146"/>
                <a:gd name="connsiteY3" fmla="*/ 353202 h 353306"/>
                <a:gd name="connsiteX4" fmla="*/ 1 w 607146"/>
                <a:gd name="connsiteY4" fmla="*/ 6448 h 353306"/>
                <a:gd name="connsiteX0" fmla="*/ 1 w 607146"/>
                <a:gd name="connsiteY0" fmla="*/ 6448 h 353877"/>
                <a:gd name="connsiteX1" fmla="*/ 303840 w 607146"/>
                <a:gd name="connsiteY1" fmla="*/ 121134 h 353877"/>
                <a:gd name="connsiteX2" fmla="*/ 607146 w 607146"/>
                <a:gd name="connsiteY2" fmla="*/ 40125 h 353877"/>
                <a:gd name="connsiteX3" fmla="*/ 302235 w 607146"/>
                <a:gd name="connsiteY3" fmla="*/ 353202 h 353877"/>
                <a:gd name="connsiteX4" fmla="*/ 1 w 607146"/>
                <a:gd name="connsiteY4" fmla="*/ 6448 h 353877"/>
                <a:gd name="connsiteX0" fmla="*/ 1 w 599316"/>
                <a:gd name="connsiteY0" fmla="*/ 43489 h 342525"/>
                <a:gd name="connsiteX1" fmla="*/ 296010 w 599316"/>
                <a:gd name="connsiteY1" fmla="*/ 110441 h 342525"/>
                <a:gd name="connsiteX2" fmla="*/ 599316 w 599316"/>
                <a:gd name="connsiteY2" fmla="*/ 29432 h 342525"/>
                <a:gd name="connsiteX3" fmla="*/ 294405 w 599316"/>
                <a:gd name="connsiteY3" fmla="*/ 342509 h 342525"/>
                <a:gd name="connsiteX4" fmla="*/ 1 w 599316"/>
                <a:gd name="connsiteY4" fmla="*/ 43489 h 342525"/>
                <a:gd name="connsiteX0" fmla="*/ 7016 w 606331"/>
                <a:gd name="connsiteY0" fmla="*/ 43489 h 351923"/>
                <a:gd name="connsiteX1" fmla="*/ 303025 w 606331"/>
                <a:gd name="connsiteY1" fmla="*/ 110441 h 351923"/>
                <a:gd name="connsiteX2" fmla="*/ 606331 w 606331"/>
                <a:gd name="connsiteY2" fmla="*/ 29432 h 351923"/>
                <a:gd name="connsiteX3" fmla="*/ 301420 w 606331"/>
                <a:gd name="connsiteY3" fmla="*/ 342509 h 351923"/>
                <a:gd name="connsiteX4" fmla="*/ 110019 w 606331"/>
                <a:gd name="connsiteY4" fmla="*/ 250039 h 351923"/>
                <a:gd name="connsiteX5" fmla="*/ 7016 w 606331"/>
                <a:gd name="connsiteY5" fmla="*/ 43489 h 351923"/>
                <a:gd name="connsiteX0" fmla="*/ 7016 w 609711"/>
                <a:gd name="connsiteY0" fmla="*/ 17271 h 316328"/>
                <a:gd name="connsiteX1" fmla="*/ 303025 w 609711"/>
                <a:gd name="connsiteY1" fmla="*/ 84223 h 316328"/>
                <a:gd name="connsiteX2" fmla="*/ 606331 w 609711"/>
                <a:gd name="connsiteY2" fmla="*/ 3214 h 316328"/>
                <a:gd name="connsiteX3" fmla="*/ 484556 w 609711"/>
                <a:gd name="connsiteY3" fmla="*/ 231698 h 316328"/>
                <a:gd name="connsiteX4" fmla="*/ 301420 w 609711"/>
                <a:gd name="connsiteY4" fmla="*/ 316291 h 316328"/>
                <a:gd name="connsiteX5" fmla="*/ 110019 w 609711"/>
                <a:gd name="connsiteY5" fmla="*/ 223821 h 316328"/>
                <a:gd name="connsiteX6" fmla="*/ 7016 w 609711"/>
                <a:gd name="connsiteY6" fmla="*/ 17271 h 316328"/>
                <a:gd name="connsiteX0" fmla="*/ 9892 w 612587"/>
                <a:gd name="connsiteY0" fmla="*/ 17271 h 316328"/>
                <a:gd name="connsiteX1" fmla="*/ 305901 w 612587"/>
                <a:gd name="connsiteY1" fmla="*/ 84223 h 316328"/>
                <a:gd name="connsiteX2" fmla="*/ 609207 w 612587"/>
                <a:gd name="connsiteY2" fmla="*/ 3214 h 316328"/>
                <a:gd name="connsiteX3" fmla="*/ 487432 w 612587"/>
                <a:gd name="connsiteY3" fmla="*/ 231698 h 316328"/>
                <a:gd name="connsiteX4" fmla="*/ 304296 w 612587"/>
                <a:gd name="connsiteY4" fmla="*/ 316291 h 316328"/>
                <a:gd name="connsiteX5" fmla="*/ 112895 w 612587"/>
                <a:gd name="connsiteY5" fmla="*/ 223821 h 316328"/>
                <a:gd name="connsiteX6" fmla="*/ 9892 w 612587"/>
                <a:gd name="connsiteY6" fmla="*/ 17271 h 316328"/>
                <a:gd name="connsiteX0" fmla="*/ 9892 w 615102"/>
                <a:gd name="connsiteY0" fmla="*/ 32742 h 331799"/>
                <a:gd name="connsiteX1" fmla="*/ 305901 w 615102"/>
                <a:gd name="connsiteY1" fmla="*/ 99694 h 331799"/>
                <a:gd name="connsiteX2" fmla="*/ 611799 w 615102"/>
                <a:gd name="connsiteY2" fmla="*/ 2884 h 331799"/>
                <a:gd name="connsiteX3" fmla="*/ 487432 w 615102"/>
                <a:gd name="connsiteY3" fmla="*/ 247169 h 331799"/>
                <a:gd name="connsiteX4" fmla="*/ 304296 w 615102"/>
                <a:gd name="connsiteY4" fmla="*/ 331762 h 331799"/>
                <a:gd name="connsiteX5" fmla="*/ 112895 w 615102"/>
                <a:gd name="connsiteY5" fmla="*/ 239292 h 331799"/>
                <a:gd name="connsiteX6" fmla="*/ 9892 w 615102"/>
                <a:gd name="connsiteY6" fmla="*/ 32742 h 331799"/>
                <a:gd name="connsiteX0" fmla="*/ 9892 w 615102"/>
                <a:gd name="connsiteY0" fmla="*/ 29858 h 328915"/>
                <a:gd name="connsiteX1" fmla="*/ 305901 w 615102"/>
                <a:gd name="connsiteY1" fmla="*/ 96810 h 328915"/>
                <a:gd name="connsiteX2" fmla="*/ 611799 w 615102"/>
                <a:gd name="connsiteY2" fmla="*/ 0 h 328915"/>
                <a:gd name="connsiteX3" fmla="*/ 487432 w 615102"/>
                <a:gd name="connsiteY3" fmla="*/ 244285 h 328915"/>
                <a:gd name="connsiteX4" fmla="*/ 304296 w 615102"/>
                <a:gd name="connsiteY4" fmla="*/ 328878 h 328915"/>
                <a:gd name="connsiteX5" fmla="*/ 112895 w 615102"/>
                <a:gd name="connsiteY5" fmla="*/ 236408 h 328915"/>
                <a:gd name="connsiteX6" fmla="*/ 9892 w 615102"/>
                <a:gd name="connsiteY6" fmla="*/ 29858 h 328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5102" h="328915">
                  <a:moveTo>
                    <a:pt x="9892" y="29858"/>
                  </a:moveTo>
                  <a:cubicBezTo>
                    <a:pt x="50537" y="50375"/>
                    <a:pt x="205583" y="101786"/>
                    <a:pt x="305901" y="96810"/>
                  </a:cubicBezTo>
                  <a:cubicBezTo>
                    <a:pt x="406219" y="91834"/>
                    <a:pt x="572922" y="59807"/>
                    <a:pt x="611799" y="0"/>
                  </a:cubicBezTo>
                  <a:cubicBezTo>
                    <a:pt x="634077" y="22297"/>
                    <a:pt x="538250" y="192106"/>
                    <a:pt x="487432" y="244285"/>
                  </a:cubicBezTo>
                  <a:cubicBezTo>
                    <a:pt x="436614" y="296464"/>
                    <a:pt x="366719" y="330191"/>
                    <a:pt x="304296" y="328878"/>
                  </a:cubicBezTo>
                  <a:cubicBezTo>
                    <a:pt x="241873" y="327565"/>
                    <a:pt x="161962" y="286245"/>
                    <a:pt x="112895" y="236408"/>
                  </a:cubicBezTo>
                  <a:cubicBezTo>
                    <a:pt x="63828" y="186571"/>
                    <a:pt x="-30753" y="9341"/>
                    <a:pt x="9892" y="29858"/>
                  </a:cubicBezTo>
                  <a:close/>
                </a:path>
              </a:pathLst>
            </a:custGeom>
            <a:solidFill>
              <a:srgbClr val="FDDF03"/>
            </a:solidFill>
            <a:ln w="15875">
              <a:solidFill>
                <a:srgbClr val="FFD9CD"/>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0" name="Ellipse 19">
              <a:extLst>
                <a:ext uri="{FF2B5EF4-FFF2-40B4-BE49-F238E27FC236}">
                  <a16:creationId xmlns:a16="http://schemas.microsoft.com/office/drawing/2014/main" id="{E3593E24-48BF-4B15-8872-F05CEAB78DDF}"/>
                </a:ext>
              </a:extLst>
            </p:cNvPr>
            <p:cNvSpPr/>
            <p:nvPr/>
          </p:nvSpPr>
          <p:spPr>
            <a:xfrm rot="816241">
              <a:off x="1786068" y="1864989"/>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1" name="Ellipse 20">
              <a:extLst>
                <a:ext uri="{FF2B5EF4-FFF2-40B4-BE49-F238E27FC236}">
                  <a16:creationId xmlns:a16="http://schemas.microsoft.com/office/drawing/2014/main" id="{98431904-A3A3-4F73-8932-974F9D71599B}"/>
                </a:ext>
              </a:extLst>
            </p:cNvPr>
            <p:cNvSpPr/>
            <p:nvPr/>
          </p:nvSpPr>
          <p:spPr>
            <a:xfrm rot="484277">
              <a:off x="1504471" y="189076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2" name="Ellipse 21">
              <a:extLst>
                <a:ext uri="{FF2B5EF4-FFF2-40B4-BE49-F238E27FC236}">
                  <a16:creationId xmlns:a16="http://schemas.microsoft.com/office/drawing/2014/main" id="{2FA6EC62-AB9E-4DA8-A3DC-0E7A2726E233}"/>
                </a:ext>
              </a:extLst>
            </p:cNvPr>
            <p:cNvSpPr/>
            <p:nvPr/>
          </p:nvSpPr>
          <p:spPr>
            <a:xfrm rot="20890777">
              <a:off x="1885608" y="186979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3" name="Ellipse 22">
              <a:extLst>
                <a:ext uri="{FF2B5EF4-FFF2-40B4-BE49-F238E27FC236}">
                  <a16:creationId xmlns:a16="http://schemas.microsoft.com/office/drawing/2014/main" id="{8042EF14-9581-4263-8931-24EBA400CBA4}"/>
                </a:ext>
              </a:extLst>
            </p:cNvPr>
            <p:cNvSpPr/>
            <p:nvPr/>
          </p:nvSpPr>
          <p:spPr>
            <a:xfrm rot="18105112">
              <a:off x="2103956" y="179572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4" name="Ellipse 23">
              <a:extLst>
                <a:ext uri="{FF2B5EF4-FFF2-40B4-BE49-F238E27FC236}">
                  <a16:creationId xmlns:a16="http://schemas.microsoft.com/office/drawing/2014/main" id="{351F8C4E-A748-47BD-8C6F-DC20DF98F7EF}"/>
                </a:ext>
              </a:extLst>
            </p:cNvPr>
            <p:cNvSpPr/>
            <p:nvPr/>
          </p:nvSpPr>
          <p:spPr>
            <a:xfrm rot="20744300">
              <a:off x="1886214" y="1943727"/>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5" name="Ellipse 24">
              <a:extLst>
                <a:ext uri="{FF2B5EF4-FFF2-40B4-BE49-F238E27FC236}">
                  <a16:creationId xmlns:a16="http://schemas.microsoft.com/office/drawing/2014/main" id="{6B66367B-EA20-4E36-8CD8-E4BBAC2531B9}"/>
                </a:ext>
              </a:extLst>
            </p:cNvPr>
            <p:cNvSpPr/>
            <p:nvPr/>
          </p:nvSpPr>
          <p:spPr>
            <a:xfrm rot="20159942">
              <a:off x="2031919" y="1837737"/>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6" name="Ellipse 25">
              <a:extLst>
                <a:ext uri="{FF2B5EF4-FFF2-40B4-BE49-F238E27FC236}">
                  <a16:creationId xmlns:a16="http://schemas.microsoft.com/office/drawing/2014/main" id="{D5A4CD0D-0504-4703-82F9-87F6D31D2929}"/>
                </a:ext>
              </a:extLst>
            </p:cNvPr>
            <p:cNvSpPr/>
            <p:nvPr/>
          </p:nvSpPr>
          <p:spPr>
            <a:xfrm rot="20159942">
              <a:off x="2060698" y="1775342"/>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7" name="Rutediagram: Forbindelse 26">
              <a:extLst>
                <a:ext uri="{FF2B5EF4-FFF2-40B4-BE49-F238E27FC236}">
                  <a16:creationId xmlns:a16="http://schemas.microsoft.com/office/drawing/2014/main" id="{03AAA364-4D34-4DD8-88B2-AAED22D6A79F}"/>
                </a:ext>
              </a:extLst>
            </p:cNvPr>
            <p:cNvSpPr/>
            <p:nvPr/>
          </p:nvSpPr>
          <p:spPr>
            <a:xfrm>
              <a:off x="1282477" y="1149938"/>
              <a:ext cx="1054630" cy="1031023"/>
            </a:xfrm>
            <a:prstGeom prst="flowChartConnector">
              <a:avLst/>
            </a:prstGeom>
            <a:noFill/>
            <a:ln w="3175">
              <a:solidFill>
                <a:srgbClr val="FFD9CD">
                  <a:alpha val="35000"/>
                </a:srgb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8" name="Rutediagram: Forbindelse 27">
              <a:extLst>
                <a:ext uri="{FF2B5EF4-FFF2-40B4-BE49-F238E27FC236}">
                  <a16:creationId xmlns:a16="http://schemas.microsoft.com/office/drawing/2014/main" id="{9F1303E4-E418-4B35-8BB0-C8AF42853170}"/>
                </a:ext>
              </a:extLst>
            </p:cNvPr>
            <p:cNvSpPr/>
            <p:nvPr/>
          </p:nvSpPr>
          <p:spPr>
            <a:xfrm>
              <a:off x="1312074" y="1170436"/>
              <a:ext cx="1004410" cy="981927"/>
            </a:xfrm>
            <a:prstGeom prst="flowChartConnector">
              <a:avLst/>
            </a:prstGeom>
            <a:noFill/>
            <a:ln w="3175">
              <a:solidFill>
                <a:srgbClr val="FFD9CD">
                  <a:alpha val="35000"/>
                </a:srgb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9" name="Rutediagram: Forbindelse 28">
              <a:extLst>
                <a:ext uri="{FF2B5EF4-FFF2-40B4-BE49-F238E27FC236}">
                  <a16:creationId xmlns:a16="http://schemas.microsoft.com/office/drawing/2014/main" id="{600CA168-82B9-4E50-AC84-ED1BB377E9AC}"/>
                </a:ext>
              </a:extLst>
            </p:cNvPr>
            <p:cNvSpPr/>
            <p:nvPr/>
          </p:nvSpPr>
          <p:spPr>
            <a:xfrm>
              <a:off x="1339290" y="1199849"/>
              <a:ext cx="954190" cy="932831"/>
            </a:xfrm>
            <a:prstGeom prst="flowChartConnector">
              <a:avLst/>
            </a:prstGeom>
            <a:noFill/>
            <a:ln w="3175">
              <a:solidFill>
                <a:srgbClr val="FFD9CD">
                  <a:alpha val="35000"/>
                </a:srgb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0" name="Ellipse 58">
              <a:extLst>
                <a:ext uri="{FF2B5EF4-FFF2-40B4-BE49-F238E27FC236}">
                  <a16:creationId xmlns:a16="http://schemas.microsoft.com/office/drawing/2014/main" id="{1EEE992C-614F-40F1-8DDF-0C8635C61047}"/>
                </a:ext>
              </a:extLst>
            </p:cNvPr>
            <p:cNvSpPr/>
            <p:nvPr/>
          </p:nvSpPr>
          <p:spPr>
            <a:xfrm rot="10043408">
              <a:off x="1344045" y="1266909"/>
              <a:ext cx="828395" cy="403734"/>
            </a:xfrm>
            <a:custGeom>
              <a:avLst/>
              <a:gdLst>
                <a:gd name="connsiteX0" fmla="*/ 0 w 561019"/>
                <a:gd name="connsiteY0" fmla="*/ 176753 h 353505"/>
                <a:gd name="connsiteX1" fmla="*/ 280510 w 561019"/>
                <a:gd name="connsiteY1" fmla="*/ 0 h 353505"/>
                <a:gd name="connsiteX2" fmla="*/ 561020 w 561019"/>
                <a:gd name="connsiteY2" fmla="*/ 176753 h 353505"/>
                <a:gd name="connsiteX3" fmla="*/ 280510 w 561019"/>
                <a:gd name="connsiteY3" fmla="*/ 353506 h 353505"/>
                <a:gd name="connsiteX4" fmla="*/ 0 w 561019"/>
                <a:gd name="connsiteY4" fmla="*/ 176753 h 353505"/>
                <a:gd name="connsiteX0" fmla="*/ 4 w 561024"/>
                <a:gd name="connsiteY0" fmla="*/ 176753 h 342563"/>
                <a:gd name="connsiteX1" fmla="*/ 280514 w 561024"/>
                <a:gd name="connsiteY1" fmla="*/ 0 h 342563"/>
                <a:gd name="connsiteX2" fmla="*/ 561024 w 561024"/>
                <a:gd name="connsiteY2" fmla="*/ 176753 h 342563"/>
                <a:gd name="connsiteX3" fmla="*/ 285912 w 561024"/>
                <a:gd name="connsiteY3" fmla="*/ 342563 h 342563"/>
                <a:gd name="connsiteX4" fmla="*/ 4 w 561024"/>
                <a:gd name="connsiteY4" fmla="*/ 176753 h 342563"/>
                <a:gd name="connsiteX0" fmla="*/ 4 w 537887"/>
                <a:gd name="connsiteY0" fmla="*/ 181771 h 342573"/>
                <a:gd name="connsiteX1" fmla="*/ 257377 w 537887"/>
                <a:gd name="connsiteY1" fmla="*/ 6 h 342573"/>
                <a:gd name="connsiteX2" fmla="*/ 537887 w 537887"/>
                <a:gd name="connsiteY2" fmla="*/ 176759 h 342573"/>
                <a:gd name="connsiteX3" fmla="*/ 262775 w 537887"/>
                <a:gd name="connsiteY3" fmla="*/ 342569 h 342573"/>
                <a:gd name="connsiteX4" fmla="*/ 4 w 537887"/>
                <a:gd name="connsiteY4" fmla="*/ 181771 h 342573"/>
                <a:gd name="connsiteX0" fmla="*/ 4 w 517256"/>
                <a:gd name="connsiteY0" fmla="*/ 181904 h 342790"/>
                <a:gd name="connsiteX1" fmla="*/ 257377 w 517256"/>
                <a:gd name="connsiteY1" fmla="*/ 139 h 342790"/>
                <a:gd name="connsiteX2" fmla="*/ 517256 w 517256"/>
                <a:gd name="connsiteY2" fmla="*/ 160312 h 342790"/>
                <a:gd name="connsiteX3" fmla="*/ 262775 w 517256"/>
                <a:gd name="connsiteY3" fmla="*/ 342702 h 342790"/>
                <a:gd name="connsiteX4" fmla="*/ 4 w 517256"/>
                <a:gd name="connsiteY4" fmla="*/ 181904 h 342790"/>
                <a:gd name="connsiteX0" fmla="*/ 4 w 506074"/>
                <a:gd name="connsiteY0" fmla="*/ 172121 h 342633"/>
                <a:gd name="connsiteX1" fmla="*/ 246195 w 506074"/>
                <a:gd name="connsiteY1" fmla="*/ 45 h 342633"/>
                <a:gd name="connsiteX2" fmla="*/ 506074 w 506074"/>
                <a:gd name="connsiteY2" fmla="*/ 160218 h 342633"/>
                <a:gd name="connsiteX3" fmla="*/ 251593 w 506074"/>
                <a:gd name="connsiteY3" fmla="*/ 342608 h 342633"/>
                <a:gd name="connsiteX4" fmla="*/ 4 w 506074"/>
                <a:gd name="connsiteY4" fmla="*/ 172121 h 342633"/>
                <a:gd name="connsiteX0" fmla="*/ 3 w 522559"/>
                <a:gd name="connsiteY0" fmla="*/ 150358 h 342606"/>
                <a:gd name="connsiteX1" fmla="*/ 262680 w 522559"/>
                <a:gd name="connsiteY1" fmla="*/ 21 h 342606"/>
                <a:gd name="connsiteX2" fmla="*/ 522559 w 522559"/>
                <a:gd name="connsiteY2" fmla="*/ 160194 h 342606"/>
                <a:gd name="connsiteX3" fmla="*/ 268078 w 522559"/>
                <a:gd name="connsiteY3" fmla="*/ 342584 h 342606"/>
                <a:gd name="connsiteX4" fmla="*/ 3 w 522559"/>
                <a:gd name="connsiteY4" fmla="*/ 150358 h 342606"/>
                <a:gd name="connsiteX0" fmla="*/ 3 w 536248"/>
                <a:gd name="connsiteY0" fmla="*/ 150397 h 342642"/>
                <a:gd name="connsiteX1" fmla="*/ 262680 w 536248"/>
                <a:gd name="connsiteY1" fmla="*/ 60 h 342642"/>
                <a:gd name="connsiteX2" fmla="*/ 536248 w 536248"/>
                <a:gd name="connsiteY2" fmla="*/ 138975 h 342642"/>
                <a:gd name="connsiteX3" fmla="*/ 268078 w 536248"/>
                <a:gd name="connsiteY3" fmla="*/ 342623 h 342642"/>
                <a:gd name="connsiteX4" fmla="*/ 3 w 536248"/>
                <a:gd name="connsiteY4" fmla="*/ 150397 h 342642"/>
                <a:gd name="connsiteX0" fmla="*/ 3 w 536248"/>
                <a:gd name="connsiteY0" fmla="*/ 150397 h 345127"/>
                <a:gd name="connsiteX1" fmla="*/ 262680 w 536248"/>
                <a:gd name="connsiteY1" fmla="*/ 60 h 345127"/>
                <a:gd name="connsiteX2" fmla="*/ 536248 w 536248"/>
                <a:gd name="connsiteY2" fmla="*/ 138975 h 345127"/>
                <a:gd name="connsiteX3" fmla="*/ 268078 w 536248"/>
                <a:gd name="connsiteY3" fmla="*/ 342623 h 345127"/>
                <a:gd name="connsiteX4" fmla="*/ 3 w 536248"/>
                <a:gd name="connsiteY4" fmla="*/ 150397 h 345127"/>
                <a:gd name="connsiteX0" fmla="*/ 3 w 536248"/>
                <a:gd name="connsiteY0" fmla="*/ 150397 h 342962"/>
                <a:gd name="connsiteX1" fmla="*/ 262680 w 536248"/>
                <a:gd name="connsiteY1" fmla="*/ 60 h 342962"/>
                <a:gd name="connsiteX2" fmla="*/ 536248 w 536248"/>
                <a:gd name="connsiteY2" fmla="*/ 138975 h 342962"/>
                <a:gd name="connsiteX3" fmla="*/ 268078 w 536248"/>
                <a:gd name="connsiteY3" fmla="*/ 342623 h 342962"/>
                <a:gd name="connsiteX4" fmla="*/ 3 w 536248"/>
                <a:gd name="connsiteY4" fmla="*/ 150397 h 342962"/>
                <a:gd name="connsiteX0" fmla="*/ 4 w 536249"/>
                <a:gd name="connsiteY0" fmla="*/ 151263 h 343828"/>
                <a:gd name="connsiteX1" fmla="*/ 262681 w 536249"/>
                <a:gd name="connsiteY1" fmla="*/ 926 h 343828"/>
                <a:gd name="connsiteX2" fmla="*/ 536249 w 536249"/>
                <a:gd name="connsiteY2" fmla="*/ 139841 h 343828"/>
                <a:gd name="connsiteX3" fmla="*/ 268079 w 536249"/>
                <a:gd name="connsiteY3" fmla="*/ 343489 h 343828"/>
                <a:gd name="connsiteX4" fmla="*/ 4 w 536249"/>
                <a:gd name="connsiteY4" fmla="*/ 151263 h 343828"/>
                <a:gd name="connsiteX0" fmla="*/ 4 w 536249"/>
                <a:gd name="connsiteY0" fmla="*/ 150889 h 343454"/>
                <a:gd name="connsiteX1" fmla="*/ 262681 w 536249"/>
                <a:gd name="connsiteY1" fmla="*/ 552 h 343454"/>
                <a:gd name="connsiteX2" fmla="*/ 536249 w 536249"/>
                <a:gd name="connsiteY2" fmla="*/ 139467 h 343454"/>
                <a:gd name="connsiteX3" fmla="*/ 268079 w 536249"/>
                <a:gd name="connsiteY3" fmla="*/ 343115 h 343454"/>
                <a:gd name="connsiteX4" fmla="*/ 4 w 536249"/>
                <a:gd name="connsiteY4" fmla="*/ 150889 h 343454"/>
                <a:gd name="connsiteX0" fmla="*/ 4 w 536249"/>
                <a:gd name="connsiteY0" fmla="*/ 150658 h 343223"/>
                <a:gd name="connsiteX1" fmla="*/ 262681 w 536249"/>
                <a:gd name="connsiteY1" fmla="*/ 321 h 343223"/>
                <a:gd name="connsiteX2" fmla="*/ 536249 w 536249"/>
                <a:gd name="connsiteY2" fmla="*/ 139236 h 343223"/>
                <a:gd name="connsiteX3" fmla="*/ 268079 w 536249"/>
                <a:gd name="connsiteY3" fmla="*/ 342884 h 343223"/>
                <a:gd name="connsiteX4" fmla="*/ 4 w 536249"/>
                <a:gd name="connsiteY4" fmla="*/ 150658 h 343223"/>
                <a:gd name="connsiteX0" fmla="*/ 35 w 536280"/>
                <a:gd name="connsiteY0" fmla="*/ 147401 h 339965"/>
                <a:gd name="connsiteX1" fmla="*/ 249890 w 536280"/>
                <a:gd name="connsiteY1" fmla="*/ 342 h 339965"/>
                <a:gd name="connsiteX2" fmla="*/ 536280 w 536280"/>
                <a:gd name="connsiteY2" fmla="*/ 135979 h 339965"/>
                <a:gd name="connsiteX3" fmla="*/ 268110 w 536280"/>
                <a:gd name="connsiteY3" fmla="*/ 339627 h 339965"/>
                <a:gd name="connsiteX4" fmla="*/ 35 w 536280"/>
                <a:gd name="connsiteY4" fmla="*/ 147401 h 339965"/>
                <a:gd name="connsiteX0" fmla="*/ 17 w 536262"/>
                <a:gd name="connsiteY0" fmla="*/ 146157 h 338720"/>
                <a:gd name="connsiteX1" fmla="*/ 255656 w 536262"/>
                <a:gd name="connsiteY1" fmla="*/ 351 h 338720"/>
                <a:gd name="connsiteX2" fmla="*/ 536262 w 536262"/>
                <a:gd name="connsiteY2" fmla="*/ 134735 h 338720"/>
                <a:gd name="connsiteX3" fmla="*/ 268092 w 536262"/>
                <a:gd name="connsiteY3" fmla="*/ 338383 h 338720"/>
                <a:gd name="connsiteX4" fmla="*/ 17 w 536262"/>
                <a:gd name="connsiteY4" fmla="*/ 146157 h 338720"/>
                <a:gd name="connsiteX0" fmla="*/ 532 w 536777"/>
                <a:gd name="connsiteY0" fmla="*/ 146361 h 338924"/>
                <a:gd name="connsiteX1" fmla="*/ 256171 w 536777"/>
                <a:gd name="connsiteY1" fmla="*/ 555 h 338924"/>
                <a:gd name="connsiteX2" fmla="*/ 536777 w 536777"/>
                <a:gd name="connsiteY2" fmla="*/ 134939 h 338924"/>
                <a:gd name="connsiteX3" fmla="*/ 268607 w 536777"/>
                <a:gd name="connsiteY3" fmla="*/ 338587 h 338924"/>
                <a:gd name="connsiteX4" fmla="*/ 532 w 536777"/>
                <a:gd name="connsiteY4" fmla="*/ 146361 h 338924"/>
                <a:gd name="connsiteX0" fmla="*/ 213 w 536458"/>
                <a:gd name="connsiteY0" fmla="*/ 74237 h 266770"/>
                <a:gd name="connsiteX1" fmla="*/ 260821 w 536458"/>
                <a:gd name="connsiteY1" fmla="*/ 14946 h 266770"/>
                <a:gd name="connsiteX2" fmla="*/ 536458 w 536458"/>
                <a:gd name="connsiteY2" fmla="*/ 62815 h 266770"/>
                <a:gd name="connsiteX3" fmla="*/ 268288 w 536458"/>
                <a:gd name="connsiteY3" fmla="*/ 266463 h 266770"/>
                <a:gd name="connsiteX4" fmla="*/ 213 w 536458"/>
                <a:gd name="connsiteY4" fmla="*/ 74237 h 266770"/>
                <a:gd name="connsiteX0" fmla="*/ 376 w 536621"/>
                <a:gd name="connsiteY0" fmla="*/ 103503 h 296050"/>
                <a:gd name="connsiteX1" fmla="*/ 258187 w 536621"/>
                <a:gd name="connsiteY1" fmla="*/ 2362 h 296050"/>
                <a:gd name="connsiteX2" fmla="*/ 536621 w 536621"/>
                <a:gd name="connsiteY2" fmla="*/ 92081 h 296050"/>
                <a:gd name="connsiteX3" fmla="*/ 268451 w 536621"/>
                <a:gd name="connsiteY3" fmla="*/ 295729 h 296050"/>
                <a:gd name="connsiteX4" fmla="*/ 376 w 536621"/>
                <a:gd name="connsiteY4" fmla="*/ 103503 h 296050"/>
                <a:gd name="connsiteX0" fmla="*/ 10 w 570414"/>
                <a:gd name="connsiteY0" fmla="*/ 15744 h 365366"/>
                <a:gd name="connsiteX1" fmla="*/ 291980 w 570414"/>
                <a:gd name="connsiteY1" fmla="*/ 69131 h 365366"/>
                <a:gd name="connsiteX2" fmla="*/ 570414 w 570414"/>
                <a:gd name="connsiteY2" fmla="*/ 158850 h 365366"/>
                <a:gd name="connsiteX3" fmla="*/ 302244 w 570414"/>
                <a:gd name="connsiteY3" fmla="*/ 362498 h 365366"/>
                <a:gd name="connsiteX4" fmla="*/ 10 w 570414"/>
                <a:gd name="connsiteY4" fmla="*/ 15744 h 365366"/>
                <a:gd name="connsiteX0" fmla="*/ 11 w 602869"/>
                <a:gd name="connsiteY0" fmla="*/ 13877 h 360787"/>
                <a:gd name="connsiteX1" fmla="*/ 291981 w 602869"/>
                <a:gd name="connsiteY1" fmla="*/ 67264 h 360787"/>
                <a:gd name="connsiteX2" fmla="*/ 602869 w 602869"/>
                <a:gd name="connsiteY2" fmla="*/ 54598 h 360787"/>
                <a:gd name="connsiteX3" fmla="*/ 302245 w 602869"/>
                <a:gd name="connsiteY3" fmla="*/ 360631 h 360787"/>
                <a:gd name="connsiteX4" fmla="*/ 11 w 602869"/>
                <a:gd name="connsiteY4" fmla="*/ 13877 h 360787"/>
                <a:gd name="connsiteX0" fmla="*/ 1 w 602859"/>
                <a:gd name="connsiteY0" fmla="*/ 6489 h 353399"/>
                <a:gd name="connsiteX1" fmla="*/ 303840 w 602859"/>
                <a:gd name="connsiteY1" fmla="*/ 121175 h 353399"/>
                <a:gd name="connsiteX2" fmla="*/ 602859 w 602859"/>
                <a:gd name="connsiteY2" fmla="*/ 47210 h 353399"/>
                <a:gd name="connsiteX3" fmla="*/ 302235 w 602859"/>
                <a:gd name="connsiteY3" fmla="*/ 353243 h 353399"/>
                <a:gd name="connsiteX4" fmla="*/ 1 w 602859"/>
                <a:gd name="connsiteY4" fmla="*/ 6489 h 353399"/>
                <a:gd name="connsiteX0" fmla="*/ 1 w 602859"/>
                <a:gd name="connsiteY0" fmla="*/ 6489 h 353671"/>
                <a:gd name="connsiteX1" fmla="*/ 303840 w 602859"/>
                <a:gd name="connsiteY1" fmla="*/ 121175 h 353671"/>
                <a:gd name="connsiteX2" fmla="*/ 602859 w 602859"/>
                <a:gd name="connsiteY2" fmla="*/ 47210 h 353671"/>
                <a:gd name="connsiteX3" fmla="*/ 302235 w 602859"/>
                <a:gd name="connsiteY3" fmla="*/ 353243 h 353671"/>
                <a:gd name="connsiteX4" fmla="*/ 1 w 602859"/>
                <a:gd name="connsiteY4" fmla="*/ 6489 h 353671"/>
                <a:gd name="connsiteX0" fmla="*/ 1 w 607146"/>
                <a:gd name="connsiteY0" fmla="*/ 6448 h 353306"/>
                <a:gd name="connsiteX1" fmla="*/ 303840 w 607146"/>
                <a:gd name="connsiteY1" fmla="*/ 121134 h 353306"/>
                <a:gd name="connsiteX2" fmla="*/ 607146 w 607146"/>
                <a:gd name="connsiteY2" fmla="*/ 40125 h 353306"/>
                <a:gd name="connsiteX3" fmla="*/ 302235 w 607146"/>
                <a:gd name="connsiteY3" fmla="*/ 353202 h 353306"/>
                <a:gd name="connsiteX4" fmla="*/ 1 w 607146"/>
                <a:gd name="connsiteY4" fmla="*/ 6448 h 353306"/>
                <a:gd name="connsiteX0" fmla="*/ 1 w 607146"/>
                <a:gd name="connsiteY0" fmla="*/ 6448 h 353877"/>
                <a:gd name="connsiteX1" fmla="*/ 303840 w 607146"/>
                <a:gd name="connsiteY1" fmla="*/ 121134 h 353877"/>
                <a:gd name="connsiteX2" fmla="*/ 607146 w 607146"/>
                <a:gd name="connsiteY2" fmla="*/ 40125 h 353877"/>
                <a:gd name="connsiteX3" fmla="*/ 302235 w 607146"/>
                <a:gd name="connsiteY3" fmla="*/ 353202 h 353877"/>
                <a:gd name="connsiteX4" fmla="*/ 1 w 607146"/>
                <a:gd name="connsiteY4" fmla="*/ 6448 h 353877"/>
                <a:gd name="connsiteX0" fmla="*/ 1 w 599316"/>
                <a:gd name="connsiteY0" fmla="*/ 43489 h 342525"/>
                <a:gd name="connsiteX1" fmla="*/ 296010 w 599316"/>
                <a:gd name="connsiteY1" fmla="*/ 110441 h 342525"/>
                <a:gd name="connsiteX2" fmla="*/ 599316 w 599316"/>
                <a:gd name="connsiteY2" fmla="*/ 29432 h 342525"/>
                <a:gd name="connsiteX3" fmla="*/ 294405 w 599316"/>
                <a:gd name="connsiteY3" fmla="*/ 342509 h 342525"/>
                <a:gd name="connsiteX4" fmla="*/ 1 w 599316"/>
                <a:gd name="connsiteY4" fmla="*/ 43489 h 342525"/>
                <a:gd name="connsiteX0" fmla="*/ 7016 w 606331"/>
                <a:gd name="connsiteY0" fmla="*/ 43489 h 351923"/>
                <a:gd name="connsiteX1" fmla="*/ 303025 w 606331"/>
                <a:gd name="connsiteY1" fmla="*/ 110441 h 351923"/>
                <a:gd name="connsiteX2" fmla="*/ 606331 w 606331"/>
                <a:gd name="connsiteY2" fmla="*/ 29432 h 351923"/>
                <a:gd name="connsiteX3" fmla="*/ 301420 w 606331"/>
                <a:gd name="connsiteY3" fmla="*/ 342509 h 351923"/>
                <a:gd name="connsiteX4" fmla="*/ 110019 w 606331"/>
                <a:gd name="connsiteY4" fmla="*/ 250039 h 351923"/>
                <a:gd name="connsiteX5" fmla="*/ 7016 w 606331"/>
                <a:gd name="connsiteY5" fmla="*/ 43489 h 351923"/>
                <a:gd name="connsiteX0" fmla="*/ 7016 w 609711"/>
                <a:gd name="connsiteY0" fmla="*/ 17271 h 316328"/>
                <a:gd name="connsiteX1" fmla="*/ 303025 w 609711"/>
                <a:gd name="connsiteY1" fmla="*/ 84223 h 316328"/>
                <a:gd name="connsiteX2" fmla="*/ 606331 w 609711"/>
                <a:gd name="connsiteY2" fmla="*/ 3214 h 316328"/>
                <a:gd name="connsiteX3" fmla="*/ 484556 w 609711"/>
                <a:gd name="connsiteY3" fmla="*/ 231698 h 316328"/>
                <a:gd name="connsiteX4" fmla="*/ 301420 w 609711"/>
                <a:gd name="connsiteY4" fmla="*/ 316291 h 316328"/>
                <a:gd name="connsiteX5" fmla="*/ 110019 w 609711"/>
                <a:gd name="connsiteY5" fmla="*/ 223821 h 316328"/>
                <a:gd name="connsiteX6" fmla="*/ 7016 w 609711"/>
                <a:gd name="connsiteY6" fmla="*/ 17271 h 316328"/>
                <a:gd name="connsiteX0" fmla="*/ 9892 w 612587"/>
                <a:gd name="connsiteY0" fmla="*/ 17271 h 316328"/>
                <a:gd name="connsiteX1" fmla="*/ 305901 w 612587"/>
                <a:gd name="connsiteY1" fmla="*/ 84223 h 316328"/>
                <a:gd name="connsiteX2" fmla="*/ 609207 w 612587"/>
                <a:gd name="connsiteY2" fmla="*/ 3214 h 316328"/>
                <a:gd name="connsiteX3" fmla="*/ 487432 w 612587"/>
                <a:gd name="connsiteY3" fmla="*/ 231698 h 316328"/>
                <a:gd name="connsiteX4" fmla="*/ 304296 w 612587"/>
                <a:gd name="connsiteY4" fmla="*/ 316291 h 316328"/>
                <a:gd name="connsiteX5" fmla="*/ 112895 w 612587"/>
                <a:gd name="connsiteY5" fmla="*/ 223821 h 316328"/>
                <a:gd name="connsiteX6" fmla="*/ 9892 w 612587"/>
                <a:gd name="connsiteY6" fmla="*/ 17271 h 316328"/>
                <a:gd name="connsiteX0" fmla="*/ 9892 w 615102"/>
                <a:gd name="connsiteY0" fmla="*/ 32742 h 331799"/>
                <a:gd name="connsiteX1" fmla="*/ 305901 w 615102"/>
                <a:gd name="connsiteY1" fmla="*/ 99694 h 331799"/>
                <a:gd name="connsiteX2" fmla="*/ 611799 w 615102"/>
                <a:gd name="connsiteY2" fmla="*/ 2884 h 331799"/>
                <a:gd name="connsiteX3" fmla="*/ 487432 w 615102"/>
                <a:gd name="connsiteY3" fmla="*/ 247169 h 331799"/>
                <a:gd name="connsiteX4" fmla="*/ 304296 w 615102"/>
                <a:gd name="connsiteY4" fmla="*/ 331762 h 331799"/>
                <a:gd name="connsiteX5" fmla="*/ 112895 w 615102"/>
                <a:gd name="connsiteY5" fmla="*/ 239292 h 331799"/>
                <a:gd name="connsiteX6" fmla="*/ 9892 w 615102"/>
                <a:gd name="connsiteY6" fmla="*/ 32742 h 331799"/>
                <a:gd name="connsiteX0" fmla="*/ 9892 w 615102"/>
                <a:gd name="connsiteY0" fmla="*/ 29858 h 328915"/>
                <a:gd name="connsiteX1" fmla="*/ 305901 w 615102"/>
                <a:gd name="connsiteY1" fmla="*/ 96810 h 328915"/>
                <a:gd name="connsiteX2" fmla="*/ 611799 w 615102"/>
                <a:gd name="connsiteY2" fmla="*/ 0 h 328915"/>
                <a:gd name="connsiteX3" fmla="*/ 487432 w 615102"/>
                <a:gd name="connsiteY3" fmla="*/ 244285 h 328915"/>
                <a:gd name="connsiteX4" fmla="*/ 304296 w 615102"/>
                <a:gd name="connsiteY4" fmla="*/ 328878 h 328915"/>
                <a:gd name="connsiteX5" fmla="*/ 112895 w 615102"/>
                <a:gd name="connsiteY5" fmla="*/ 236408 h 328915"/>
                <a:gd name="connsiteX6" fmla="*/ 9892 w 615102"/>
                <a:gd name="connsiteY6" fmla="*/ 29858 h 328915"/>
                <a:gd name="connsiteX0" fmla="*/ 7210 w 612420"/>
                <a:gd name="connsiteY0" fmla="*/ 29858 h 328915"/>
                <a:gd name="connsiteX1" fmla="*/ 306755 w 612420"/>
                <a:gd name="connsiteY1" fmla="*/ 205546 h 328915"/>
                <a:gd name="connsiteX2" fmla="*/ 609117 w 612420"/>
                <a:gd name="connsiteY2" fmla="*/ 0 h 328915"/>
                <a:gd name="connsiteX3" fmla="*/ 484750 w 612420"/>
                <a:gd name="connsiteY3" fmla="*/ 244285 h 328915"/>
                <a:gd name="connsiteX4" fmla="*/ 301614 w 612420"/>
                <a:gd name="connsiteY4" fmla="*/ 328878 h 328915"/>
                <a:gd name="connsiteX5" fmla="*/ 110213 w 612420"/>
                <a:gd name="connsiteY5" fmla="*/ 236408 h 328915"/>
                <a:gd name="connsiteX6" fmla="*/ 7210 w 612420"/>
                <a:gd name="connsiteY6" fmla="*/ 29858 h 328915"/>
                <a:gd name="connsiteX0" fmla="*/ 7210 w 600591"/>
                <a:gd name="connsiteY0" fmla="*/ 87315 h 386372"/>
                <a:gd name="connsiteX1" fmla="*/ 306755 w 600591"/>
                <a:gd name="connsiteY1" fmla="*/ 263003 h 386372"/>
                <a:gd name="connsiteX2" fmla="*/ 596895 w 600591"/>
                <a:gd name="connsiteY2" fmla="*/ 0 h 386372"/>
                <a:gd name="connsiteX3" fmla="*/ 484750 w 600591"/>
                <a:gd name="connsiteY3" fmla="*/ 301742 h 386372"/>
                <a:gd name="connsiteX4" fmla="*/ 301614 w 600591"/>
                <a:gd name="connsiteY4" fmla="*/ 386335 h 386372"/>
                <a:gd name="connsiteX5" fmla="*/ 110213 w 600591"/>
                <a:gd name="connsiteY5" fmla="*/ 293865 h 386372"/>
                <a:gd name="connsiteX6" fmla="*/ 7210 w 600591"/>
                <a:gd name="connsiteY6" fmla="*/ 87315 h 386372"/>
                <a:gd name="connsiteX0" fmla="*/ 7210 w 604766"/>
                <a:gd name="connsiteY0" fmla="*/ 94322 h 393379"/>
                <a:gd name="connsiteX1" fmla="*/ 306755 w 604766"/>
                <a:gd name="connsiteY1" fmla="*/ 270010 h 393379"/>
                <a:gd name="connsiteX2" fmla="*/ 601219 w 604766"/>
                <a:gd name="connsiteY2" fmla="*/ 0 h 393379"/>
                <a:gd name="connsiteX3" fmla="*/ 484750 w 604766"/>
                <a:gd name="connsiteY3" fmla="*/ 308749 h 393379"/>
                <a:gd name="connsiteX4" fmla="*/ 301614 w 604766"/>
                <a:gd name="connsiteY4" fmla="*/ 393342 h 393379"/>
                <a:gd name="connsiteX5" fmla="*/ 110213 w 604766"/>
                <a:gd name="connsiteY5" fmla="*/ 300872 h 393379"/>
                <a:gd name="connsiteX6" fmla="*/ 7210 w 604766"/>
                <a:gd name="connsiteY6" fmla="*/ 94322 h 393379"/>
                <a:gd name="connsiteX0" fmla="*/ 7210 w 608323"/>
                <a:gd name="connsiteY0" fmla="*/ 94322 h 393379"/>
                <a:gd name="connsiteX1" fmla="*/ 306755 w 608323"/>
                <a:gd name="connsiteY1" fmla="*/ 270010 h 393379"/>
                <a:gd name="connsiteX2" fmla="*/ 601219 w 608323"/>
                <a:gd name="connsiteY2" fmla="*/ 0 h 393379"/>
                <a:gd name="connsiteX3" fmla="*/ 484750 w 608323"/>
                <a:gd name="connsiteY3" fmla="*/ 308749 h 393379"/>
                <a:gd name="connsiteX4" fmla="*/ 301614 w 608323"/>
                <a:gd name="connsiteY4" fmla="*/ 393342 h 393379"/>
                <a:gd name="connsiteX5" fmla="*/ 110213 w 608323"/>
                <a:gd name="connsiteY5" fmla="*/ 300872 h 393379"/>
                <a:gd name="connsiteX6" fmla="*/ 7210 w 608323"/>
                <a:gd name="connsiteY6" fmla="*/ 94322 h 393379"/>
                <a:gd name="connsiteX0" fmla="*/ 6300 w 623960"/>
                <a:gd name="connsiteY0" fmla="*/ 43871 h 393379"/>
                <a:gd name="connsiteX1" fmla="*/ 322392 w 623960"/>
                <a:gd name="connsiteY1" fmla="*/ 270010 h 393379"/>
                <a:gd name="connsiteX2" fmla="*/ 616856 w 623960"/>
                <a:gd name="connsiteY2" fmla="*/ 0 h 393379"/>
                <a:gd name="connsiteX3" fmla="*/ 500387 w 623960"/>
                <a:gd name="connsiteY3" fmla="*/ 308749 h 393379"/>
                <a:gd name="connsiteX4" fmla="*/ 317251 w 623960"/>
                <a:gd name="connsiteY4" fmla="*/ 393342 h 393379"/>
                <a:gd name="connsiteX5" fmla="*/ 125850 w 623960"/>
                <a:gd name="connsiteY5" fmla="*/ 300872 h 393379"/>
                <a:gd name="connsiteX6" fmla="*/ 6300 w 623960"/>
                <a:gd name="connsiteY6" fmla="*/ 43871 h 393379"/>
                <a:gd name="connsiteX0" fmla="*/ 6185 w 623845"/>
                <a:gd name="connsiteY0" fmla="*/ 43871 h 393379"/>
                <a:gd name="connsiteX1" fmla="*/ 319958 w 623845"/>
                <a:gd name="connsiteY1" fmla="*/ 265182 h 393379"/>
                <a:gd name="connsiteX2" fmla="*/ 616741 w 623845"/>
                <a:gd name="connsiteY2" fmla="*/ 0 h 393379"/>
                <a:gd name="connsiteX3" fmla="*/ 500272 w 623845"/>
                <a:gd name="connsiteY3" fmla="*/ 308749 h 393379"/>
                <a:gd name="connsiteX4" fmla="*/ 317136 w 623845"/>
                <a:gd name="connsiteY4" fmla="*/ 393342 h 393379"/>
                <a:gd name="connsiteX5" fmla="*/ 125735 w 623845"/>
                <a:gd name="connsiteY5" fmla="*/ 300872 h 393379"/>
                <a:gd name="connsiteX6" fmla="*/ 6185 w 623845"/>
                <a:gd name="connsiteY6" fmla="*/ 43871 h 393379"/>
                <a:gd name="connsiteX0" fmla="*/ 6185 w 623845"/>
                <a:gd name="connsiteY0" fmla="*/ 43871 h 393379"/>
                <a:gd name="connsiteX1" fmla="*/ 319958 w 623845"/>
                <a:gd name="connsiteY1" fmla="*/ 265182 h 393379"/>
                <a:gd name="connsiteX2" fmla="*/ 616741 w 623845"/>
                <a:gd name="connsiteY2" fmla="*/ 0 h 393379"/>
                <a:gd name="connsiteX3" fmla="*/ 500272 w 623845"/>
                <a:gd name="connsiteY3" fmla="*/ 308749 h 393379"/>
                <a:gd name="connsiteX4" fmla="*/ 317136 w 623845"/>
                <a:gd name="connsiteY4" fmla="*/ 393342 h 393379"/>
                <a:gd name="connsiteX5" fmla="*/ 125735 w 623845"/>
                <a:gd name="connsiteY5" fmla="*/ 300872 h 393379"/>
                <a:gd name="connsiteX6" fmla="*/ 6185 w 623845"/>
                <a:gd name="connsiteY6" fmla="*/ 43871 h 393379"/>
                <a:gd name="connsiteX0" fmla="*/ 6185 w 635859"/>
                <a:gd name="connsiteY0" fmla="*/ 48157 h 397665"/>
                <a:gd name="connsiteX1" fmla="*/ 319958 w 635859"/>
                <a:gd name="connsiteY1" fmla="*/ 269468 h 397665"/>
                <a:gd name="connsiteX2" fmla="*/ 630019 w 635859"/>
                <a:gd name="connsiteY2" fmla="*/ 0 h 397665"/>
                <a:gd name="connsiteX3" fmla="*/ 500272 w 635859"/>
                <a:gd name="connsiteY3" fmla="*/ 313035 h 397665"/>
                <a:gd name="connsiteX4" fmla="*/ 317136 w 635859"/>
                <a:gd name="connsiteY4" fmla="*/ 397628 h 397665"/>
                <a:gd name="connsiteX5" fmla="*/ 125735 w 635859"/>
                <a:gd name="connsiteY5" fmla="*/ 305158 h 397665"/>
                <a:gd name="connsiteX6" fmla="*/ 6185 w 635859"/>
                <a:gd name="connsiteY6" fmla="*/ 48157 h 397665"/>
                <a:gd name="connsiteX0" fmla="*/ 6185 w 635859"/>
                <a:gd name="connsiteY0" fmla="*/ 48157 h 397665"/>
                <a:gd name="connsiteX1" fmla="*/ 319958 w 635859"/>
                <a:gd name="connsiteY1" fmla="*/ 269468 h 397665"/>
                <a:gd name="connsiteX2" fmla="*/ 630019 w 635859"/>
                <a:gd name="connsiteY2" fmla="*/ 0 h 397665"/>
                <a:gd name="connsiteX3" fmla="*/ 500272 w 635859"/>
                <a:gd name="connsiteY3" fmla="*/ 313035 h 397665"/>
                <a:gd name="connsiteX4" fmla="*/ 317136 w 635859"/>
                <a:gd name="connsiteY4" fmla="*/ 397628 h 397665"/>
                <a:gd name="connsiteX5" fmla="*/ 125735 w 635859"/>
                <a:gd name="connsiteY5" fmla="*/ 305158 h 397665"/>
                <a:gd name="connsiteX6" fmla="*/ 6185 w 635859"/>
                <a:gd name="connsiteY6" fmla="*/ 48157 h 397665"/>
                <a:gd name="connsiteX0" fmla="*/ 448 w 630122"/>
                <a:gd name="connsiteY0" fmla="*/ 48157 h 397665"/>
                <a:gd name="connsiteX1" fmla="*/ 314221 w 630122"/>
                <a:gd name="connsiteY1" fmla="*/ 269468 h 397665"/>
                <a:gd name="connsiteX2" fmla="*/ 624282 w 630122"/>
                <a:gd name="connsiteY2" fmla="*/ 0 h 397665"/>
                <a:gd name="connsiteX3" fmla="*/ 494535 w 630122"/>
                <a:gd name="connsiteY3" fmla="*/ 313035 h 397665"/>
                <a:gd name="connsiteX4" fmla="*/ 311399 w 630122"/>
                <a:gd name="connsiteY4" fmla="*/ 397628 h 397665"/>
                <a:gd name="connsiteX5" fmla="*/ 119998 w 630122"/>
                <a:gd name="connsiteY5" fmla="*/ 305158 h 397665"/>
                <a:gd name="connsiteX6" fmla="*/ 448 w 630122"/>
                <a:gd name="connsiteY6" fmla="*/ 48157 h 397665"/>
                <a:gd name="connsiteX0" fmla="*/ 261 w 620798"/>
                <a:gd name="connsiteY0" fmla="*/ 47858 h 397665"/>
                <a:gd name="connsiteX1" fmla="*/ 304897 w 620798"/>
                <a:gd name="connsiteY1" fmla="*/ 269468 h 397665"/>
                <a:gd name="connsiteX2" fmla="*/ 614958 w 620798"/>
                <a:gd name="connsiteY2" fmla="*/ 0 h 397665"/>
                <a:gd name="connsiteX3" fmla="*/ 485211 w 620798"/>
                <a:gd name="connsiteY3" fmla="*/ 313035 h 397665"/>
                <a:gd name="connsiteX4" fmla="*/ 302075 w 620798"/>
                <a:gd name="connsiteY4" fmla="*/ 397628 h 397665"/>
                <a:gd name="connsiteX5" fmla="*/ 110674 w 620798"/>
                <a:gd name="connsiteY5" fmla="*/ 305158 h 397665"/>
                <a:gd name="connsiteX6" fmla="*/ 261 w 620798"/>
                <a:gd name="connsiteY6" fmla="*/ 47858 h 397665"/>
                <a:gd name="connsiteX0" fmla="*/ 3 w 620540"/>
                <a:gd name="connsiteY0" fmla="*/ 47858 h 397665"/>
                <a:gd name="connsiteX1" fmla="*/ 304639 w 620540"/>
                <a:gd name="connsiteY1" fmla="*/ 269468 h 397665"/>
                <a:gd name="connsiteX2" fmla="*/ 614700 w 620540"/>
                <a:gd name="connsiteY2" fmla="*/ 0 h 397665"/>
                <a:gd name="connsiteX3" fmla="*/ 484953 w 620540"/>
                <a:gd name="connsiteY3" fmla="*/ 313035 h 397665"/>
                <a:gd name="connsiteX4" fmla="*/ 301817 w 620540"/>
                <a:gd name="connsiteY4" fmla="*/ 397628 h 397665"/>
                <a:gd name="connsiteX5" fmla="*/ 110416 w 620540"/>
                <a:gd name="connsiteY5" fmla="*/ 305158 h 397665"/>
                <a:gd name="connsiteX6" fmla="*/ 3 w 620540"/>
                <a:gd name="connsiteY6" fmla="*/ 47858 h 397665"/>
                <a:gd name="connsiteX0" fmla="*/ 3 w 620540"/>
                <a:gd name="connsiteY0" fmla="*/ 47858 h 397665"/>
                <a:gd name="connsiteX1" fmla="*/ 304639 w 620540"/>
                <a:gd name="connsiteY1" fmla="*/ 269468 h 397665"/>
                <a:gd name="connsiteX2" fmla="*/ 614700 w 620540"/>
                <a:gd name="connsiteY2" fmla="*/ 0 h 397665"/>
                <a:gd name="connsiteX3" fmla="*/ 484953 w 620540"/>
                <a:gd name="connsiteY3" fmla="*/ 313035 h 397665"/>
                <a:gd name="connsiteX4" fmla="*/ 301817 w 620540"/>
                <a:gd name="connsiteY4" fmla="*/ 397628 h 397665"/>
                <a:gd name="connsiteX5" fmla="*/ 110416 w 620540"/>
                <a:gd name="connsiteY5" fmla="*/ 305158 h 397665"/>
                <a:gd name="connsiteX6" fmla="*/ 3 w 620540"/>
                <a:gd name="connsiteY6" fmla="*/ 47858 h 3976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20540" h="397665">
                  <a:moveTo>
                    <a:pt x="3" y="47858"/>
                  </a:moveTo>
                  <a:cubicBezTo>
                    <a:pt x="-802" y="-833"/>
                    <a:pt x="159638" y="273886"/>
                    <a:pt x="304639" y="269468"/>
                  </a:cubicBezTo>
                  <a:cubicBezTo>
                    <a:pt x="449640" y="265050"/>
                    <a:pt x="575823" y="59807"/>
                    <a:pt x="614700" y="0"/>
                  </a:cubicBezTo>
                  <a:cubicBezTo>
                    <a:pt x="636978" y="22297"/>
                    <a:pt x="595907" y="220633"/>
                    <a:pt x="484953" y="313035"/>
                  </a:cubicBezTo>
                  <a:cubicBezTo>
                    <a:pt x="434135" y="365214"/>
                    <a:pt x="364240" y="398941"/>
                    <a:pt x="301817" y="397628"/>
                  </a:cubicBezTo>
                  <a:cubicBezTo>
                    <a:pt x="239394" y="396315"/>
                    <a:pt x="159483" y="354995"/>
                    <a:pt x="110416" y="305158"/>
                  </a:cubicBezTo>
                  <a:cubicBezTo>
                    <a:pt x="61349" y="255321"/>
                    <a:pt x="808" y="96549"/>
                    <a:pt x="3" y="47858"/>
                  </a:cubicBezTo>
                  <a:close/>
                </a:path>
              </a:pathLst>
            </a:custGeom>
            <a:solidFill>
              <a:srgbClr val="FDDF03"/>
            </a:solidFill>
            <a:ln w="15875">
              <a:solidFill>
                <a:srgbClr val="FFD9CD"/>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1" name="Ellipse 30">
              <a:extLst>
                <a:ext uri="{FF2B5EF4-FFF2-40B4-BE49-F238E27FC236}">
                  <a16:creationId xmlns:a16="http://schemas.microsoft.com/office/drawing/2014/main" id="{E3A6671A-3FB9-4B0D-B9FB-B79B7CA88913}"/>
                </a:ext>
              </a:extLst>
            </p:cNvPr>
            <p:cNvSpPr/>
            <p:nvPr/>
          </p:nvSpPr>
          <p:spPr>
            <a:xfrm rot="480022">
              <a:off x="1813611" y="1283664"/>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2" name="Ellipse 31">
              <a:extLst>
                <a:ext uri="{FF2B5EF4-FFF2-40B4-BE49-F238E27FC236}">
                  <a16:creationId xmlns:a16="http://schemas.microsoft.com/office/drawing/2014/main" id="{0CFE3B7D-0482-49BB-96FC-703DA8E592C1}"/>
                </a:ext>
              </a:extLst>
            </p:cNvPr>
            <p:cNvSpPr/>
            <p:nvPr/>
          </p:nvSpPr>
          <p:spPr>
            <a:xfrm rot="20478106">
              <a:off x="1684049" y="1296078"/>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3" name="Ellipse 32">
              <a:extLst>
                <a:ext uri="{FF2B5EF4-FFF2-40B4-BE49-F238E27FC236}">
                  <a16:creationId xmlns:a16="http://schemas.microsoft.com/office/drawing/2014/main" id="{0330748C-6C49-44BF-A94D-154FF4E29E8D}"/>
                </a:ext>
              </a:extLst>
            </p:cNvPr>
            <p:cNvSpPr/>
            <p:nvPr/>
          </p:nvSpPr>
          <p:spPr>
            <a:xfrm rot="17845500">
              <a:off x="1407940" y="1576950"/>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4" name="Ellipse 33">
              <a:extLst>
                <a:ext uri="{FF2B5EF4-FFF2-40B4-BE49-F238E27FC236}">
                  <a16:creationId xmlns:a16="http://schemas.microsoft.com/office/drawing/2014/main" id="{10E677F4-C322-4234-B0A1-892C0650D2BB}"/>
                </a:ext>
              </a:extLst>
            </p:cNvPr>
            <p:cNvSpPr/>
            <p:nvPr/>
          </p:nvSpPr>
          <p:spPr>
            <a:xfrm rot="18442248">
              <a:off x="1459087" y="147938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5" name="Ellipse 34">
              <a:extLst>
                <a:ext uri="{FF2B5EF4-FFF2-40B4-BE49-F238E27FC236}">
                  <a16:creationId xmlns:a16="http://schemas.microsoft.com/office/drawing/2014/main" id="{9D919AD2-B572-4A1C-B2A1-AC6106F81AEE}"/>
                </a:ext>
              </a:extLst>
            </p:cNvPr>
            <p:cNvSpPr/>
            <p:nvPr/>
          </p:nvSpPr>
          <p:spPr>
            <a:xfrm rot="2454329">
              <a:off x="2056759" y="1416514"/>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6" name="Ellipse 35">
              <a:extLst>
                <a:ext uri="{FF2B5EF4-FFF2-40B4-BE49-F238E27FC236}">
                  <a16:creationId xmlns:a16="http://schemas.microsoft.com/office/drawing/2014/main" id="{14062FA6-1F02-4D55-A393-E3AEEBDD2042}"/>
                </a:ext>
              </a:extLst>
            </p:cNvPr>
            <p:cNvSpPr/>
            <p:nvPr/>
          </p:nvSpPr>
          <p:spPr>
            <a:xfrm>
              <a:off x="1795994" y="2027187"/>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7" name="Ellipse 36">
              <a:extLst>
                <a:ext uri="{FF2B5EF4-FFF2-40B4-BE49-F238E27FC236}">
                  <a16:creationId xmlns:a16="http://schemas.microsoft.com/office/drawing/2014/main" id="{5CC0B283-2768-43DA-999F-8070CD2951A9}"/>
                </a:ext>
              </a:extLst>
            </p:cNvPr>
            <p:cNvSpPr/>
            <p:nvPr/>
          </p:nvSpPr>
          <p:spPr>
            <a:xfrm rot="20744300">
              <a:off x="1900915" y="2001240"/>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8" name="Ellipse 37">
              <a:extLst>
                <a:ext uri="{FF2B5EF4-FFF2-40B4-BE49-F238E27FC236}">
                  <a16:creationId xmlns:a16="http://schemas.microsoft.com/office/drawing/2014/main" id="{8F3DF7EC-3024-4831-BA30-C707ECFBE720}"/>
                </a:ext>
              </a:extLst>
            </p:cNvPr>
            <p:cNvSpPr/>
            <p:nvPr/>
          </p:nvSpPr>
          <p:spPr>
            <a:xfrm rot="19699384">
              <a:off x="1968422" y="182518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cxnSp>
          <p:nvCxnSpPr>
            <p:cNvPr id="39" name="Lige forbindelse 38">
              <a:extLst>
                <a:ext uri="{FF2B5EF4-FFF2-40B4-BE49-F238E27FC236}">
                  <a16:creationId xmlns:a16="http://schemas.microsoft.com/office/drawing/2014/main" id="{55EDFDD9-ABB4-4CB0-8D93-EDFB71BC4932}"/>
                </a:ext>
              </a:extLst>
            </p:cNvPr>
            <p:cNvCxnSpPr>
              <a:cxnSpLocks/>
            </p:cNvCxnSpPr>
            <p:nvPr/>
          </p:nvCxnSpPr>
          <p:spPr>
            <a:xfrm flipH="1">
              <a:off x="2614848" y="2426682"/>
              <a:ext cx="36125" cy="208101"/>
            </a:xfrm>
            <a:prstGeom prst="line">
              <a:avLst/>
            </a:prstGeom>
            <a:ln w="9525">
              <a:solidFill>
                <a:srgbClr val="1F2936"/>
              </a:solidFill>
              <a:prstDash val="sysDash"/>
            </a:ln>
          </p:spPr>
          <p:style>
            <a:lnRef idx="1">
              <a:schemeClr val="accent1"/>
            </a:lnRef>
            <a:fillRef idx="0">
              <a:schemeClr val="accent1"/>
            </a:fillRef>
            <a:effectRef idx="0">
              <a:schemeClr val="accent1"/>
            </a:effectRef>
            <a:fontRef idx="minor">
              <a:schemeClr val="tx1"/>
            </a:fontRef>
          </p:style>
        </p:cxnSp>
        <p:cxnSp>
          <p:nvCxnSpPr>
            <p:cNvPr id="40" name="Lige forbindelse 39">
              <a:extLst>
                <a:ext uri="{FF2B5EF4-FFF2-40B4-BE49-F238E27FC236}">
                  <a16:creationId xmlns:a16="http://schemas.microsoft.com/office/drawing/2014/main" id="{DBC3A3D2-D068-4F73-BAC2-8D7E42F2174A}"/>
                </a:ext>
              </a:extLst>
            </p:cNvPr>
            <p:cNvCxnSpPr>
              <a:cxnSpLocks/>
            </p:cNvCxnSpPr>
            <p:nvPr/>
          </p:nvCxnSpPr>
          <p:spPr>
            <a:xfrm>
              <a:off x="2412909" y="1080000"/>
              <a:ext cx="239163" cy="1346682"/>
            </a:xfrm>
            <a:prstGeom prst="line">
              <a:avLst/>
            </a:prstGeom>
            <a:ln w="3175">
              <a:solidFill>
                <a:srgbClr val="1F2936"/>
              </a:solidFill>
              <a:prstDash val="dash"/>
            </a:ln>
          </p:spPr>
          <p:style>
            <a:lnRef idx="1">
              <a:schemeClr val="accent1"/>
            </a:lnRef>
            <a:fillRef idx="0">
              <a:schemeClr val="accent1"/>
            </a:fillRef>
            <a:effectRef idx="0">
              <a:schemeClr val="accent1"/>
            </a:effectRef>
            <a:fontRef idx="minor">
              <a:schemeClr val="tx1"/>
            </a:fontRef>
          </p:style>
        </p:cxnSp>
        <p:cxnSp>
          <p:nvCxnSpPr>
            <p:cNvPr id="41" name="Lige forbindelse 40">
              <a:extLst>
                <a:ext uri="{FF2B5EF4-FFF2-40B4-BE49-F238E27FC236}">
                  <a16:creationId xmlns:a16="http://schemas.microsoft.com/office/drawing/2014/main" id="{35CEFE78-C53B-4E89-990E-A879524A238E}"/>
                </a:ext>
              </a:extLst>
            </p:cNvPr>
            <p:cNvCxnSpPr>
              <a:cxnSpLocks/>
            </p:cNvCxnSpPr>
            <p:nvPr/>
          </p:nvCxnSpPr>
          <p:spPr>
            <a:xfrm>
              <a:off x="1224000" y="2237740"/>
              <a:ext cx="1370042" cy="383171"/>
            </a:xfrm>
            <a:prstGeom prst="line">
              <a:avLst/>
            </a:prstGeom>
            <a:ln w="3175">
              <a:solidFill>
                <a:srgbClr val="1F2936"/>
              </a:solidFill>
              <a:prstDash val="dash"/>
            </a:ln>
          </p:spPr>
          <p:style>
            <a:lnRef idx="1">
              <a:schemeClr val="accent1"/>
            </a:lnRef>
            <a:fillRef idx="0">
              <a:schemeClr val="accent1"/>
            </a:fillRef>
            <a:effectRef idx="0">
              <a:schemeClr val="accent1"/>
            </a:effectRef>
            <a:fontRef idx="minor">
              <a:schemeClr val="tx1"/>
            </a:fontRef>
          </p:style>
        </p:cxnSp>
        <p:sp>
          <p:nvSpPr>
            <p:cNvPr id="42" name="Rutediagram: Forbindelse 41">
              <a:extLst>
                <a:ext uri="{FF2B5EF4-FFF2-40B4-BE49-F238E27FC236}">
                  <a16:creationId xmlns:a16="http://schemas.microsoft.com/office/drawing/2014/main" id="{511752D9-550C-43B9-B9E5-2BBCDADB72D7}"/>
                </a:ext>
              </a:extLst>
            </p:cNvPr>
            <p:cNvSpPr/>
            <p:nvPr/>
          </p:nvSpPr>
          <p:spPr>
            <a:xfrm>
              <a:off x="1725671" y="1723774"/>
              <a:ext cx="265673" cy="211638"/>
            </a:xfrm>
            <a:prstGeom prst="flowChartConnector">
              <a:avLst/>
            </a:prstGeom>
            <a:gradFill>
              <a:gsLst>
                <a:gs pos="0">
                  <a:srgbClr val="FF0000">
                    <a:alpha val="99000"/>
                  </a:srgbClr>
                </a:gs>
                <a:gs pos="70000">
                  <a:srgbClr val="FF0000">
                    <a:alpha val="0"/>
                  </a:srgbClr>
                </a:gs>
                <a:gs pos="89000">
                  <a:srgbClr val="FF0000">
                    <a:alpha val="0"/>
                  </a:srgbClr>
                </a:gs>
              </a:gsLst>
              <a:path path="circle">
                <a:fillToRect l="50000" t="50000" r="50000" b="50000"/>
              </a:path>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cxnSp>
          <p:nvCxnSpPr>
            <p:cNvPr id="43" name="Forbindelse: buet 42">
              <a:extLst>
                <a:ext uri="{FF2B5EF4-FFF2-40B4-BE49-F238E27FC236}">
                  <a16:creationId xmlns:a16="http://schemas.microsoft.com/office/drawing/2014/main" id="{0D9912ED-10BA-4020-A145-292AE5BEB4A9}"/>
                </a:ext>
              </a:extLst>
            </p:cNvPr>
            <p:cNvCxnSpPr>
              <a:cxnSpLocks/>
            </p:cNvCxnSpPr>
            <p:nvPr/>
          </p:nvCxnSpPr>
          <p:spPr>
            <a:xfrm rot="10800000" flipV="1">
              <a:off x="1908994" y="1793346"/>
              <a:ext cx="96652" cy="29020"/>
            </a:xfrm>
            <a:prstGeom prst="curvedConnector3">
              <a:avLst/>
            </a:prstGeom>
            <a:ln w="15875">
              <a:solidFill>
                <a:srgbClr val="FFD9CD"/>
              </a:solidFill>
            </a:ln>
          </p:spPr>
          <p:style>
            <a:lnRef idx="1">
              <a:schemeClr val="accent1"/>
            </a:lnRef>
            <a:fillRef idx="0">
              <a:schemeClr val="accent1"/>
            </a:fillRef>
            <a:effectRef idx="0">
              <a:schemeClr val="accent1"/>
            </a:effectRef>
            <a:fontRef idx="minor">
              <a:schemeClr val="tx1"/>
            </a:fontRef>
          </p:style>
        </p:cxnSp>
        <p:cxnSp>
          <p:nvCxnSpPr>
            <p:cNvPr id="44" name="Forbindelse: buet 43">
              <a:extLst>
                <a:ext uri="{FF2B5EF4-FFF2-40B4-BE49-F238E27FC236}">
                  <a16:creationId xmlns:a16="http://schemas.microsoft.com/office/drawing/2014/main" id="{F9B479BF-5CE3-414D-8032-94564BEE012A}"/>
                </a:ext>
              </a:extLst>
            </p:cNvPr>
            <p:cNvCxnSpPr>
              <a:cxnSpLocks/>
            </p:cNvCxnSpPr>
            <p:nvPr/>
          </p:nvCxnSpPr>
          <p:spPr>
            <a:xfrm flipV="1">
              <a:off x="1681533" y="1847003"/>
              <a:ext cx="133535" cy="21202"/>
            </a:xfrm>
            <a:prstGeom prst="curvedConnector3">
              <a:avLst/>
            </a:prstGeom>
            <a:ln w="15875">
              <a:solidFill>
                <a:srgbClr val="FFD9CD"/>
              </a:solidFill>
            </a:ln>
          </p:spPr>
          <p:style>
            <a:lnRef idx="1">
              <a:schemeClr val="accent1"/>
            </a:lnRef>
            <a:fillRef idx="0">
              <a:schemeClr val="accent1"/>
            </a:fillRef>
            <a:effectRef idx="0">
              <a:schemeClr val="accent1"/>
            </a:effectRef>
            <a:fontRef idx="minor">
              <a:schemeClr val="tx1"/>
            </a:fontRef>
          </p:style>
        </p:cxnSp>
        <p:sp>
          <p:nvSpPr>
            <p:cNvPr id="45" name="Ellipse 44">
              <a:extLst>
                <a:ext uri="{FF2B5EF4-FFF2-40B4-BE49-F238E27FC236}">
                  <a16:creationId xmlns:a16="http://schemas.microsoft.com/office/drawing/2014/main" id="{9E048792-3306-4F71-A558-7EE48AEE8547}"/>
                </a:ext>
              </a:extLst>
            </p:cNvPr>
            <p:cNvSpPr/>
            <p:nvPr/>
          </p:nvSpPr>
          <p:spPr>
            <a:xfrm rot="19692648">
              <a:off x="1531368" y="138863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6" name="Ellipse 45">
              <a:extLst>
                <a:ext uri="{FF2B5EF4-FFF2-40B4-BE49-F238E27FC236}">
                  <a16:creationId xmlns:a16="http://schemas.microsoft.com/office/drawing/2014/main" id="{900416DD-FC52-43D8-8138-E928F4B2770D}"/>
                </a:ext>
              </a:extLst>
            </p:cNvPr>
            <p:cNvSpPr/>
            <p:nvPr/>
          </p:nvSpPr>
          <p:spPr>
            <a:xfrm rot="1605223">
              <a:off x="1924532" y="1311570"/>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7" name="Ellipse 46">
              <a:extLst>
                <a:ext uri="{FF2B5EF4-FFF2-40B4-BE49-F238E27FC236}">
                  <a16:creationId xmlns:a16="http://schemas.microsoft.com/office/drawing/2014/main" id="{4FF6E0B6-0CD0-41FF-894E-9924D0C4E1E9}"/>
                </a:ext>
              </a:extLst>
            </p:cNvPr>
            <p:cNvSpPr/>
            <p:nvPr/>
          </p:nvSpPr>
          <p:spPr>
            <a:xfrm rot="2454329">
              <a:off x="1984297" y="138102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8" name="Ellipse 47">
              <a:extLst>
                <a:ext uri="{FF2B5EF4-FFF2-40B4-BE49-F238E27FC236}">
                  <a16:creationId xmlns:a16="http://schemas.microsoft.com/office/drawing/2014/main" id="{9490D739-76E9-4DB2-A7AE-5CB93C91E5FC}"/>
                </a:ext>
              </a:extLst>
            </p:cNvPr>
            <p:cNvSpPr/>
            <p:nvPr/>
          </p:nvSpPr>
          <p:spPr>
            <a:xfrm rot="595981">
              <a:off x="1856723" y="1333071"/>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9" name="Ellipse 48">
              <a:extLst>
                <a:ext uri="{FF2B5EF4-FFF2-40B4-BE49-F238E27FC236}">
                  <a16:creationId xmlns:a16="http://schemas.microsoft.com/office/drawing/2014/main" id="{DB8212D0-8210-45A6-93D3-7F917B7C5DB5}"/>
                </a:ext>
              </a:extLst>
            </p:cNvPr>
            <p:cNvSpPr/>
            <p:nvPr/>
          </p:nvSpPr>
          <p:spPr>
            <a:xfrm rot="20973665">
              <a:off x="1745393" y="132812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0" name="Ellipse 49">
              <a:extLst>
                <a:ext uri="{FF2B5EF4-FFF2-40B4-BE49-F238E27FC236}">
                  <a16:creationId xmlns:a16="http://schemas.microsoft.com/office/drawing/2014/main" id="{D66D9280-BCC6-4DE5-9C2A-20F3D078E103}"/>
                </a:ext>
              </a:extLst>
            </p:cNvPr>
            <p:cNvSpPr/>
            <p:nvPr/>
          </p:nvSpPr>
          <p:spPr>
            <a:xfrm rot="19956426">
              <a:off x="1602303" y="1329019"/>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1" name="Ellipse 50">
              <a:extLst>
                <a:ext uri="{FF2B5EF4-FFF2-40B4-BE49-F238E27FC236}">
                  <a16:creationId xmlns:a16="http://schemas.microsoft.com/office/drawing/2014/main" id="{C3E80A47-510D-41CE-A70D-39F6415A5969}"/>
                </a:ext>
              </a:extLst>
            </p:cNvPr>
            <p:cNvSpPr/>
            <p:nvPr/>
          </p:nvSpPr>
          <p:spPr>
            <a:xfrm rot="19433851">
              <a:off x="1531934" y="1440404"/>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2" name="Ellipse 51">
              <a:extLst>
                <a:ext uri="{FF2B5EF4-FFF2-40B4-BE49-F238E27FC236}">
                  <a16:creationId xmlns:a16="http://schemas.microsoft.com/office/drawing/2014/main" id="{0CB58561-BFD6-4285-98B3-62D8ECCED57B}"/>
                </a:ext>
              </a:extLst>
            </p:cNvPr>
            <p:cNvSpPr/>
            <p:nvPr/>
          </p:nvSpPr>
          <p:spPr>
            <a:xfrm rot="20159942">
              <a:off x="1964290" y="1893154"/>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3" name="Ellipse 52">
              <a:extLst>
                <a:ext uri="{FF2B5EF4-FFF2-40B4-BE49-F238E27FC236}">
                  <a16:creationId xmlns:a16="http://schemas.microsoft.com/office/drawing/2014/main" id="{64FBD08B-559B-46DB-A4D9-101868EF05A8}"/>
                </a:ext>
              </a:extLst>
            </p:cNvPr>
            <p:cNvSpPr/>
            <p:nvPr/>
          </p:nvSpPr>
          <p:spPr>
            <a:xfrm rot="19370181">
              <a:off x="1984296" y="1950949"/>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4" name="Ellipse 53">
              <a:extLst>
                <a:ext uri="{FF2B5EF4-FFF2-40B4-BE49-F238E27FC236}">
                  <a16:creationId xmlns:a16="http://schemas.microsoft.com/office/drawing/2014/main" id="{D8F31AE6-0757-4400-8A87-67BECD765C53}"/>
                </a:ext>
              </a:extLst>
            </p:cNvPr>
            <p:cNvSpPr/>
            <p:nvPr/>
          </p:nvSpPr>
          <p:spPr>
            <a:xfrm rot="18672320">
              <a:off x="2052072" y="1883123"/>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5" name="Ellipse 54">
              <a:extLst>
                <a:ext uri="{FF2B5EF4-FFF2-40B4-BE49-F238E27FC236}">
                  <a16:creationId xmlns:a16="http://schemas.microsoft.com/office/drawing/2014/main" id="{AE118956-FD6C-4B09-9D5D-9A741CD3C9CC}"/>
                </a:ext>
              </a:extLst>
            </p:cNvPr>
            <p:cNvSpPr/>
            <p:nvPr/>
          </p:nvSpPr>
          <p:spPr>
            <a:xfrm rot="420606">
              <a:off x="1688369" y="188675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6" name="Ellipse 55">
              <a:extLst>
                <a:ext uri="{FF2B5EF4-FFF2-40B4-BE49-F238E27FC236}">
                  <a16:creationId xmlns:a16="http://schemas.microsoft.com/office/drawing/2014/main" id="{1764E7EC-64DB-4D5F-B0EE-BA5FD6A84E9F}"/>
                </a:ext>
              </a:extLst>
            </p:cNvPr>
            <p:cNvSpPr/>
            <p:nvPr/>
          </p:nvSpPr>
          <p:spPr>
            <a:xfrm rot="420606">
              <a:off x="1592898" y="188712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7" name="Ellipse 56">
              <a:extLst>
                <a:ext uri="{FF2B5EF4-FFF2-40B4-BE49-F238E27FC236}">
                  <a16:creationId xmlns:a16="http://schemas.microsoft.com/office/drawing/2014/main" id="{737B0F45-89D5-4677-9A52-1BA89135E4F4}"/>
                </a:ext>
              </a:extLst>
            </p:cNvPr>
            <p:cNvSpPr/>
            <p:nvPr/>
          </p:nvSpPr>
          <p:spPr>
            <a:xfrm rot="420606">
              <a:off x="1560625" y="1933518"/>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8" name="Ellipse 57">
              <a:extLst>
                <a:ext uri="{FF2B5EF4-FFF2-40B4-BE49-F238E27FC236}">
                  <a16:creationId xmlns:a16="http://schemas.microsoft.com/office/drawing/2014/main" id="{797B96E6-EA9E-41BD-B33D-28167C05F9B2}"/>
                </a:ext>
              </a:extLst>
            </p:cNvPr>
            <p:cNvSpPr/>
            <p:nvPr/>
          </p:nvSpPr>
          <p:spPr>
            <a:xfrm>
              <a:off x="1653670" y="1933793"/>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59" name="Ellipse 58">
              <a:extLst>
                <a:ext uri="{FF2B5EF4-FFF2-40B4-BE49-F238E27FC236}">
                  <a16:creationId xmlns:a16="http://schemas.microsoft.com/office/drawing/2014/main" id="{6F7EDE90-BAB6-4BF0-B736-3421267CE6FC}"/>
                </a:ext>
              </a:extLst>
            </p:cNvPr>
            <p:cNvSpPr/>
            <p:nvPr/>
          </p:nvSpPr>
          <p:spPr>
            <a:xfrm rot="21188231">
              <a:off x="1773792" y="1917936"/>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0" name="Ellipse 59">
              <a:extLst>
                <a:ext uri="{FF2B5EF4-FFF2-40B4-BE49-F238E27FC236}">
                  <a16:creationId xmlns:a16="http://schemas.microsoft.com/office/drawing/2014/main" id="{6AD90274-79AB-4385-B165-D8C3A99F0FFD}"/>
                </a:ext>
              </a:extLst>
            </p:cNvPr>
            <p:cNvSpPr/>
            <p:nvPr/>
          </p:nvSpPr>
          <p:spPr>
            <a:xfrm rot="420606">
              <a:off x="1737376" y="1963323"/>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1" name="Ellipse 60">
              <a:extLst>
                <a:ext uri="{FF2B5EF4-FFF2-40B4-BE49-F238E27FC236}">
                  <a16:creationId xmlns:a16="http://schemas.microsoft.com/office/drawing/2014/main" id="{7590819A-E61E-42E4-A1A5-8293CD88069A}"/>
                </a:ext>
              </a:extLst>
            </p:cNvPr>
            <p:cNvSpPr/>
            <p:nvPr/>
          </p:nvSpPr>
          <p:spPr>
            <a:xfrm rot="420606">
              <a:off x="1613456" y="1979511"/>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2" name="Ellipse 61">
              <a:extLst>
                <a:ext uri="{FF2B5EF4-FFF2-40B4-BE49-F238E27FC236}">
                  <a16:creationId xmlns:a16="http://schemas.microsoft.com/office/drawing/2014/main" id="{57D043B2-F654-4C96-9789-979E201FF360}"/>
                </a:ext>
              </a:extLst>
            </p:cNvPr>
            <p:cNvSpPr/>
            <p:nvPr/>
          </p:nvSpPr>
          <p:spPr>
            <a:xfrm rot="420606">
              <a:off x="1708911" y="2011775"/>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3" name="Ellipse 62">
              <a:extLst>
                <a:ext uri="{FF2B5EF4-FFF2-40B4-BE49-F238E27FC236}">
                  <a16:creationId xmlns:a16="http://schemas.microsoft.com/office/drawing/2014/main" id="{4D894757-A619-412E-A89E-FDD2E03BB5BB}"/>
                </a:ext>
              </a:extLst>
            </p:cNvPr>
            <p:cNvSpPr/>
            <p:nvPr/>
          </p:nvSpPr>
          <p:spPr>
            <a:xfrm rot="420606">
              <a:off x="1817067" y="1974089"/>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4" name="Rutediagram: Forbindelse 63">
              <a:extLst>
                <a:ext uri="{FF2B5EF4-FFF2-40B4-BE49-F238E27FC236}">
                  <a16:creationId xmlns:a16="http://schemas.microsoft.com/office/drawing/2014/main" id="{ACD5BFE4-3429-4D46-B4D8-427199506229}"/>
                </a:ext>
              </a:extLst>
            </p:cNvPr>
            <p:cNvSpPr/>
            <p:nvPr/>
          </p:nvSpPr>
          <p:spPr>
            <a:xfrm>
              <a:off x="1369995" y="1220194"/>
              <a:ext cx="900000" cy="900000"/>
            </a:xfrm>
            <a:prstGeom prst="flowChartConnector">
              <a:avLst/>
            </a:prstGeom>
            <a:noFill/>
            <a:ln w="3175">
              <a:solidFill>
                <a:srgbClr val="FFD9CD">
                  <a:alpha val="35000"/>
                </a:srgb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5" name="Ellipse 64">
              <a:extLst>
                <a:ext uri="{FF2B5EF4-FFF2-40B4-BE49-F238E27FC236}">
                  <a16:creationId xmlns:a16="http://schemas.microsoft.com/office/drawing/2014/main" id="{78D550B5-EFF1-4A8F-BE16-EFF75F5CE113}"/>
                </a:ext>
              </a:extLst>
            </p:cNvPr>
            <p:cNvSpPr/>
            <p:nvPr/>
          </p:nvSpPr>
          <p:spPr>
            <a:xfrm rot="19956426">
              <a:off x="1641743" y="1364433"/>
              <a:ext cx="72000" cy="36000"/>
            </a:xfrm>
            <a:prstGeom prst="ellipse">
              <a:avLst/>
            </a:pr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6" name="Ellipse 134">
              <a:extLst>
                <a:ext uri="{FF2B5EF4-FFF2-40B4-BE49-F238E27FC236}">
                  <a16:creationId xmlns:a16="http://schemas.microsoft.com/office/drawing/2014/main" id="{C1ED4465-C67E-49FA-A7F2-4FC6ABF75AFC}"/>
                </a:ext>
              </a:extLst>
            </p:cNvPr>
            <p:cNvSpPr/>
            <p:nvPr/>
          </p:nvSpPr>
          <p:spPr>
            <a:xfrm rot="19472817">
              <a:off x="1931704" y="2288290"/>
              <a:ext cx="721669" cy="175833"/>
            </a:xfrm>
            <a:custGeom>
              <a:avLst/>
              <a:gdLst>
                <a:gd name="connsiteX0" fmla="*/ 0 w 290854"/>
                <a:gd name="connsiteY0" fmla="*/ 73428 h 146856"/>
                <a:gd name="connsiteX1" fmla="*/ 145427 w 290854"/>
                <a:gd name="connsiteY1" fmla="*/ 0 h 146856"/>
                <a:gd name="connsiteX2" fmla="*/ 290854 w 290854"/>
                <a:gd name="connsiteY2" fmla="*/ 73428 h 146856"/>
                <a:gd name="connsiteX3" fmla="*/ 145427 w 290854"/>
                <a:gd name="connsiteY3" fmla="*/ 146856 h 146856"/>
                <a:gd name="connsiteX4" fmla="*/ 0 w 290854"/>
                <a:gd name="connsiteY4" fmla="*/ 73428 h 146856"/>
                <a:gd name="connsiteX0" fmla="*/ 0 w 407239"/>
                <a:gd name="connsiteY0" fmla="*/ 43329 h 148931"/>
                <a:gd name="connsiteX1" fmla="*/ 261812 w 407239"/>
                <a:gd name="connsiteY1" fmla="*/ 1584 h 148931"/>
                <a:gd name="connsiteX2" fmla="*/ 407239 w 407239"/>
                <a:gd name="connsiteY2" fmla="*/ 75012 h 148931"/>
                <a:gd name="connsiteX3" fmla="*/ 261812 w 407239"/>
                <a:gd name="connsiteY3" fmla="*/ 148440 h 148931"/>
                <a:gd name="connsiteX4" fmla="*/ 0 w 407239"/>
                <a:gd name="connsiteY4" fmla="*/ 43329 h 148931"/>
                <a:gd name="connsiteX0" fmla="*/ 0 w 489213"/>
                <a:gd name="connsiteY0" fmla="*/ 51324 h 156643"/>
                <a:gd name="connsiteX1" fmla="*/ 261812 w 489213"/>
                <a:gd name="connsiteY1" fmla="*/ 9579 h 156643"/>
                <a:gd name="connsiteX2" fmla="*/ 489213 w 489213"/>
                <a:gd name="connsiteY2" fmla="*/ 24371 h 156643"/>
                <a:gd name="connsiteX3" fmla="*/ 261812 w 489213"/>
                <a:gd name="connsiteY3" fmla="*/ 156435 h 156643"/>
                <a:gd name="connsiteX4" fmla="*/ 0 w 489213"/>
                <a:gd name="connsiteY4" fmla="*/ 51324 h 156643"/>
                <a:gd name="connsiteX0" fmla="*/ 15 w 489228"/>
                <a:gd name="connsiteY0" fmla="*/ 36418 h 141677"/>
                <a:gd name="connsiteX1" fmla="*/ 273374 w 489228"/>
                <a:gd name="connsiteY1" fmla="*/ 76023 h 141677"/>
                <a:gd name="connsiteX2" fmla="*/ 489228 w 489228"/>
                <a:gd name="connsiteY2" fmla="*/ 9465 h 141677"/>
                <a:gd name="connsiteX3" fmla="*/ 261827 w 489228"/>
                <a:gd name="connsiteY3" fmla="*/ 141529 h 141677"/>
                <a:gd name="connsiteX4" fmla="*/ 15 w 489228"/>
                <a:gd name="connsiteY4" fmla="*/ 36418 h 141677"/>
                <a:gd name="connsiteX0" fmla="*/ 2 w 489215"/>
                <a:gd name="connsiteY0" fmla="*/ 36033 h 141291"/>
                <a:gd name="connsiteX1" fmla="*/ 265751 w 489215"/>
                <a:gd name="connsiteY1" fmla="*/ 81189 h 141291"/>
                <a:gd name="connsiteX2" fmla="*/ 489215 w 489215"/>
                <a:gd name="connsiteY2" fmla="*/ 9080 h 141291"/>
                <a:gd name="connsiteX3" fmla="*/ 261814 w 489215"/>
                <a:gd name="connsiteY3" fmla="*/ 141144 h 141291"/>
                <a:gd name="connsiteX4" fmla="*/ 2 w 489215"/>
                <a:gd name="connsiteY4" fmla="*/ 36033 h 141291"/>
                <a:gd name="connsiteX0" fmla="*/ 39 w 489252"/>
                <a:gd name="connsiteY0" fmla="*/ 36033 h 107873"/>
                <a:gd name="connsiteX1" fmla="*/ 265788 w 489252"/>
                <a:gd name="connsiteY1" fmla="*/ 81189 h 107873"/>
                <a:gd name="connsiteX2" fmla="*/ 489252 w 489252"/>
                <a:gd name="connsiteY2" fmla="*/ 9080 h 107873"/>
                <a:gd name="connsiteX3" fmla="*/ 247684 w 489252"/>
                <a:gd name="connsiteY3" fmla="*/ 107671 h 107873"/>
                <a:gd name="connsiteX4" fmla="*/ 39 w 489252"/>
                <a:gd name="connsiteY4" fmla="*/ 36033 h 107873"/>
                <a:gd name="connsiteX0" fmla="*/ 112 w 489325"/>
                <a:gd name="connsiteY0" fmla="*/ 36033 h 99607"/>
                <a:gd name="connsiteX1" fmla="*/ 265861 w 489325"/>
                <a:gd name="connsiteY1" fmla="*/ 81189 h 99607"/>
                <a:gd name="connsiteX2" fmla="*/ 489325 w 489325"/>
                <a:gd name="connsiteY2" fmla="*/ 9080 h 99607"/>
                <a:gd name="connsiteX3" fmla="*/ 236119 w 489325"/>
                <a:gd name="connsiteY3" fmla="*/ 99384 h 99607"/>
                <a:gd name="connsiteX4" fmla="*/ 112 w 489325"/>
                <a:gd name="connsiteY4" fmla="*/ 36033 h 99607"/>
                <a:gd name="connsiteX0" fmla="*/ 88 w 489301"/>
                <a:gd name="connsiteY0" fmla="*/ 36854 h 100434"/>
                <a:gd name="connsiteX1" fmla="*/ 262222 w 489301"/>
                <a:gd name="connsiteY1" fmla="*/ 70666 h 100434"/>
                <a:gd name="connsiteX2" fmla="*/ 489301 w 489301"/>
                <a:gd name="connsiteY2" fmla="*/ 9901 h 100434"/>
                <a:gd name="connsiteX3" fmla="*/ 236095 w 489301"/>
                <a:gd name="connsiteY3" fmla="*/ 100205 h 100434"/>
                <a:gd name="connsiteX4" fmla="*/ 88 w 489301"/>
                <a:gd name="connsiteY4" fmla="*/ 36854 h 100434"/>
                <a:gd name="connsiteX0" fmla="*/ 88 w 489301"/>
                <a:gd name="connsiteY0" fmla="*/ 26954 h 90534"/>
                <a:gd name="connsiteX1" fmla="*/ 262222 w 489301"/>
                <a:gd name="connsiteY1" fmla="*/ 60766 h 90534"/>
                <a:gd name="connsiteX2" fmla="*/ 489301 w 489301"/>
                <a:gd name="connsiteY2" fmla="*/ 1 h 90534"/>
                <a:gd name="connsiteX3" fmla="*/ 236095 w 489301"/>
                <a:gd name="connsiteY3" fmla="*/ 90305 h 90534"/>
                <a:gd name="connsiteX4" fmla="*/ 88 w 489301"/>
                <a:gd name="connsiteY4" fmla="*/ 26954 h 90534"/>
                <a:gd name="connsiteX0" fmla="*/ 88 w 489301"/>
                <a:gd name="connsiteY0" fmla="*/ 26954 h 90534"/>
                <a:gd name="connsiteX1" fmla="*/ 262222 w 489301"/>
                <a:gd name="connsiteY1" fmla="*/ 60766 h 90534"/>
                <a:gd name="connsiteX2" fmla="*/ 489301 w 489301"/>
                <a:gd name="connsiteY2" fmla="*/ 1 h 90534"/>
                <a:gd name="connsiteX3" fmla="*/ 236095 w 489301"/>
                <a:gd name="connsiteY3" fmla="*/ 90305 h 90534"/>
                <a:gd name="connsiteX4" fmla="*/ 88 w 489301"/>
                <a:gd name="connsiteY4" fmla="*/ 26954 h 90534"/>
                <a:gd name="connsiteX0" fmla="*/ 88 w 489301"/>
                <a:gd name="connsiteY0" fmla="*/ 26954 h 90534"/>
                <a:gd name="connsiteX1" fmla="*/ 262222 w 489301"/>
                <a:gd name="connsiteY1" fmla="*/ 60766 h 90534"/>
                <a:gd name="connsiteX2" fmla="*/ 489301 w 489301"/>
                <a:gd name="connsiteY2" fmla="*/ 1 h 90534"/>
                <a:gd name="connsiteX3" fmla="*/ 236095 w 489301"/>
                <a:gd name="connsiteY3" fmla="*/ 90305 h 90534"/>
                <a:gd name="connsiteX4" fmla="*/ 88 w 489301"/>
                <a:gd name="connsiteY4" fmla="*/ 26954 h 90534"/>
                <a:gd name="connsiteX0" fmla="*/ 88 w 502320"/>
                <a:gd name="connsiteY0" fmla="*/ 20608 h 84096"/>
                <a:gd name="connsiteX1" fmla="*/ 262222 w 502320"/>
                <a:gd name="connsiteY1" fmla="*/ 54420 h 84096"/>
                <a:gd name="connsiteX2" fmla="*/ 502320 w 502320"/>
                <a:gd name="connsiteY2" fmla="*/ 1 h 84096"/>
                <a:gd name="connsiteX3" fmla="*/ 236095 w 502320"/>
                <a:gd name="connsiteY3" fmla="*/ 83959 h 84096"/>
                <a:gd name="connsiteX4" fmla="*/ 88 w 502320"/>
                <a:gd name="connsiteY4" fmla="*/ 20608 h 84096"/>
                <a:gd name="connsiteX0" fmla="*/ 88 w 502320"/>
                <a:gd name="connsiteY0" fmla="*/ 20608 h 84096"/>
                <a:gd name="connsiteX1" fmla="*/ 262222 w 502320"/>
                <a:gd name="connsiteY1" fmla="*/ 54420 h 84096"/>
                <a:gd name="connsiteX2" fmla="*/ 502320 w 502320"/>
                <a:gd name="connsiteY2" fmla="*/ 1 h 84096"/>
                <a:gd name="connsiteX3" fmla="*/ 236095 w 502320"/>
                <a:gd name="connsiteY3" fmla="*/ 83959 h 84096"/>
                <a:gd name="connsiteX4" fmla="*/ 88 w 502320"/>
                <a:gd name="connsiteY4" fmla="*/ 20608 h 84096"/>
                <a:gd name="connsiteX0" fmla="*/ 56 w 614174"/>
                <a:gd name="connsiteY0" fmla="*/ 241 h 99524"/>
                <a:gd name="connsiteX1" fmla="*/ 374076 w 614174"/>
                <a:gd name="connsiteY1" fmla="*/ 69873 h 99524"/>
                <a:gd name="connsiteX2" fmla="*/ 614174 w 614174"/>
                <a:gd name="connsiteY2" fmla="*/ 15454 h 99524"/>
                <a:gd name="connsiteX3" fmla="*/ 347949 w 614174"/>
                <a:gd name="connsiteY3" fmla="*/ 99412 h 99524"/>
                <a:gd name="connsiteX4" fmla="*/ 56 w 614174"/>
                <a:gd name="connsiteY4" fmla="*/ 241 h 99524"/>
                <a:gd name="connsiteX0" fmla="*/ 56 w 614174"/>
                <a:gd name="connsiteY0" fmla="*/ 200 h 99483"/>
                <a:gd name="connsiteX1" fmla="*/ 374076 w 614174"/>
                <a:gd name="connsiteY1" fmla="*/ 69832 h 99483"/>
                <a:gd name="connsiteX2" fmla="*/ 614174 w 614174"/>
                <a:gd name="connsiteY2" fmla="*/ 15413 h 99483"/>
                <a:gd name="connsiteX3" fmla="*/ 347949 w 614174"/>
                <a:gd name="connsiteY3" fmla="*/ 99371 h 99483"/>
                <a:gd name="connsiteX4" fmla="*/ 56 w 614174"/>
                <a:gd name="connsiteY4" fmla="*/ 200 h 99483"/>
                <a:gd name="connsiteX0" fmla="*/ 1166 w 615284"/>
                <a:gd name="connsiteY0" fmla="*/ 404 h 99687"/>
                <a:gd name="connsiteX1" fmla="*/ 240999 w 615284"/>
                <a:gd name="connsiteY1" fmla="*/ 64705 h 99687"/>
                <a:gd name="connsiteX2" fmla="*/ 375186 w 615284"/>
                <a:gd name="connsiteY2" fmla="*/ 70036 h 99687"/>
                <a:gd name="connsiteX3" fmla="*/ 615284 w 615284"/>
                <a:gd name="connsiteY3" fmla="*/ 15617 h 99687"/>
                <a:gd name="connsiteX4" fmla="*/ 349059 w 615284"/>
                <a:gd name="connsiteY4" fmla="*/ 99575 h 99687"/>
                <a:gd name="connsiteX5" fmla="*/ 1166 w 615284"/>
                <a:gd name="connsiteY5" fmla="*/ 404 h 99687"/>
                <a:gd name="connsiteX0" fmla="*/ 1033 w 615151"/>
                <a:gd name="connsiteY0" fmla="*/ 633 h 109594"/>
                <a:gd name="connsiteX1" fmla="*/ 240866 w 615151"/>
                <a:gd name="connsiteY1" fmla="*/ 64934 h 109594"/>
                <a:gd name="connsiteX2" fmla="*/ 375053 w 615151"/>
                <a:gd name="connsiteY2" fmla="*/ 70265 h 109594"/>
                <a:gd name="connsiteX3" fmla="*/ 615151 w 615151"/>
                <a:gd name="connsiteY3" fmla="*/ 15846 h 109594"/>
                <a:gd name="connsiteX4" fmla="*/ 342020 w 615151"/>
                <a:gd name="connsiteY4" fmla="*/ 109503 h 109594"/>
                <a:gd name="connsiteX5" fmla="*/ 1033 w 615151"/>
                <a:gd name="connsiteY5" fmla="*/ 633 h 109594"/>
                <a:gd name="connsiteX0" fmla="*/ 1033 w 611271"/>
                <a:gd name="connsiteY0" fmla="*/ 633 h 109562"/>
                <a:gd name="connsiteX1" fmla="*/ 240866 w 611271"/>
                <a:gd name="connsiteY1" fmla="*/ 64934 h 109562"/>
                <a:gd name="connsiteX2" fmla="*/ 375053 w 611271"/>
                <a:gd name="connsiteY2" fmla="*/ 70265 h 109562"/>
                <a:gd name="connsiteX3" fmla="*/ 611271 w 611271"/>
                <a:gd name="connsiteY3" fmla="*/ 13083 h 109562"/>
                <a:gd name="connsiteX4" fmla="*/ 342020 w 611271"/>
                <a:gd name="connsiteY4" fmla="*/ 109503 h 109562"/>
                <a:gd name="connsiteX5" fmla="*/ 1033 w 611271"/>
                <a:gd name="connsiteY5" fmla="*/ 633 h 109562"/>
                <a:gd name="connsiteX0" fmla="*/ 1033 w 611271"/>
                <a:gd name="connsiteY0" fmla="*/ 633 h 109557"/>
                <a:gd name="connsiteX1" fmla="*/ 240866 w 611271"/>
                <a:gd name="connsiteY1" fmla="*/ 64934 h 109557"/>
                <a:gd name="connsiteX2" fmla="*/ 375053 w 611271"/>
                <a:gd name="connsiteY2" fmla="*/ 70265 h 109557"/>
                <a:gd name="connsiteX3" fmla="*/ 611271 w 611271"/>
                <a:gd name="connsiteY3" fmla="*/ 13083 h 109557"/>
                <a:gd name="connsiteX4" fmla="*/ 342020 w 611271"/>
                <a:gd name="connsiteY4" fmla="*/ 109503 h 109557"/>
                <a:gd name="connsiteX5" fmla="*/ 1033 w 611271"/>
                <a:gd name="connsiteY5" fmla="*/ 633 h 109557"/>
                <a:gd name="connsiteX0" fmla="*/ 673 w 721182"/>
                <a:gd name="connsiteY0" fmla="*/ 313 h 177671"/>
                <a:gd name="connsiteX1" fmla="*/ 350777 w 721182"/>
                <a:gd name="connsiteY1" fmla="*/ 131441 h 177671"/>
                <a:gd name="connsiteX2" fmla="*/ 484964 w 721182"/>
                <a:gd name="connsiteY2" fmla="*/ 136772 h 177671"/>
                <a:gd name="connsiteX3" fmla="*/ 721182 w 721182"/>
                <a:gd name="connsiteY3" fmla="*/ 79590 h 177671"/>
                <a:gd name="connsiteX4" fmla="*/ 451931 w 721182"/>
                <a:gd name="connsiteY4" fmla="*/ 176010 h 177671"/>
                <a:gd name="connsiteX5" fmla="*/ 673 w 721182"/>
                <a:gd name="connsiteY5" fmla="*/ 313 h 177671"/>
                <a:gd name="connsiteX0" fmla="*/ 1174 w 721683"/>
                <a:gd name="connsiteY0" fmla="*/ 28 h 176613"/>
                <a:gd name="connsiteX1" fmla="*/ 351278 w 721683"/>
                <a:gd name="connsiteY1" fmla="*/ 131156 h 176613"/>
                <a:gd name="connsiteX2" fmla="*/ 485465 w 721683"/>
                <a:gd name="connsiteY2" fmla="*/ 136487 h 176613"/>
                <a:gd name="connsiteX3" fmla="*/ 721683 w 721683"/>
                <a:gd name="connsiteY3" fmla="*/ 79305 h 176613"/>
                <a:gd name="connsiteX4" fmla="*/ 452432 w 721683"/>
                <a:gd name="connsiteY4" fmla="*/ 175725 h 176613"/>
                <a:gd name="connsiteX5" fmla="*/ 245240 w 721683"/>
                <a:gd name="connsiteY5" fmla="*/ 119962 h 176613"/>
                <a:gd name="connsiteX6" fmla="*/ 1174 w 721683"/>
                <a:gd name="connsiteY6" fmla="*/ 28 h 176613"/>
                <a:gd name="connsiteX0" fmla="*/ 1160 w 721669"/>
                <a:gd name="connsiteY0" fmla="*/ 14 h 176815"/>
                <a:gd name="connsiteX1" fmla="*/ 351264 w 721669"/>
                <a:gd name="connsiteY1" fmla="*/ 131142 h 176815"/>
                <a:gd name="connsiteX2" fmla="*/ 485451 w 721669"/>
                <a:gd name="connsiteY2" fmla="*/ 136473 h 176815"/>
                <a:gd name="connsiteX3" fmla="*/ 721669 w 721669"/>
                <a:gd name="connsiteY3" fmla="*/ 79291 h 176815"/>
                <a:gd name="connsiteX4" fmla="*/ 452418 w 721669"/>
                <a:gd name="connsiteY4" fmla="*/ 175711 h 176815"/>
                <a:gd name="connsiteX5" fmla="*/ 245784 w 721669"/>
                <a:gd name="connsiteY5" fmla="*/ 123270 h 176815"/>
                <a:gd name="connsiteX6" fmla="*/ 1160 w 721669"/>
                <a:gd name="connsiteY6" fmla="*/ 14 h 176815"/>
                <a:gd name="connsiteX0" fmla="*/ 1160 w 721669"/>
                <a:gd name="connsiteY0" fmla="*/ 14 h 175833"/>
                <a:gd name="connsiteX1" fmla="*/ 351264 w 721669"/>
                <a:gd name="connsiteY1" fmla="*/ 131142 h 175833"/>
                <a:gd name="connsiteX2" fmla="*/ 485451 w 721669"/>
                <a:gd name="connsiteY2" fmla="*/ 136473 h 175833"/>
                <a:gd name="connsiteX3" fmla="*/ 721669 w 721669"/>
                <a:gd name="connsiteY3" fmla="*/ 79291 h 175833"/>
                <a:gd name="connsiteX4" fmla="*/ 452418 w 721669"/>
                <a:gd name="connsiteY4" fmla="*/ 175711 h 175833"/>
                <a:gd name="connsiteX5" fmla="*/ 245784 w 721669"/>
                <a:gd name="connsiteY5" fmla="*/ 123270 h 175833"/>
                <a:gd name="connsiteX6" fmla="*/ 1160 w 721669"/>
                <a:gd name="connsiteY6" fmla="*/ 14 h 175833"/>
                <a:gd name="connsiteX0" fmla="*/ 1160 w 721669"/>
                <a:gd name="connsiteY0" fmla="*/ 14 h 175833"/>
                <a:gd name="connsiteX1" fmla="*/ 351264 w 721669"/>
                <a:gd name="connsiteY1" fmla="*/ 131142 h 175833"/>
                <a:gd name="connsiteX2" fmla="*/ 485451 w 721669"/>
                <a:gd name="connsiteY2" fmla="*/ 136473 h 175833"/>
                <a:gd name="connsiteX3" fmla="*/ 721669 w 721669"/>
                <a:gd name="connsiteY3" fmla="*/ 79291 h 175833"/>
                <a:gd name="connsiteX4" fmla="*/ 452418 w 721669"/>
                <a:gd name="connsiteY4" fmla="*/ 175711 h 175833"/>
                <a:gd name="connsiteX5" fmla="*/ 245784 w 721669"/>
                <a:gd name="connsiteY5" fmla="*/ 123270 h 175833"/>
                <a:gd name="connsiteX6" fmla="*/ 1160 w 721669"/>
                <a:gd name="connsiteY6" fmla="*/ 14 h 1758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21669" h="175833">
                  <a:moveTo>
                    <a:pt x="1160" y="14"/>
                  </a:moveTo>
                  <a:cubicBezTo>
                    <a:pt x="18740" y="1326"/>
                    <a:pt x="288927" y="119537"/>
                    <a:pt x="351264" y="131142"/>
                  </a:cubicBezTo>
                  <a:cubicBezTo>
                    <a:pt x="413601" y="142747"/>
                    <a:pt x="423717" y="145115"/>
                    <a:pt x="485451" y="136473"/>
                  </a:cubicBezTo>
                  <a:cubicBezTo>
                    <a:pt x="547185" y="127831"/>
                    <a:pt x="684082" y="79208"/>
                    <a:pt x="721669" y="79291"/>
                  </a:cubicBezTo>
                  <a:cubicBezTo>
                    <a:pt x="648313" y="120231"/>
                    <a:pt x="551392" y="173612"/>
                    <a:pt x="452418" y="175711"/>
                  </a:cubicBezTo>
                  <a:cubicBezTo>
                    <a:pt x="353444" y="177810"/>
                    <a:pt x="320994" y="152553"/>
                    <a:pt x="245784" y="123270"/>
                  </a:cubicBezTo>
                  <a:cubicBezTo>
                    <a:pt x="170574" y="93987"/>
                    <a:pt x="-16420" y="-1298"/>
                    <a:pt x="1160" y="14"/>
                  </a:cubicBezTo>
                  <a:close/>
                </a:path>
              </a:pathLst>
            </a:custGeom>
            <a:solidFill>
              <a:srgbClr val="FFFF00"/>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grpSp>
        <p:nvGrpSpPr>
          <p:cNvPr id="67" name="Gruppe 66">
            <a:extLst>
              <a:ext uri="{FF2B5EF4-FFF2-40B4-BE49-F238E27FC236}">
                <a16:creationId xmlns:a16="http://schemas.microsoft.com/office/drawing/2014/main" id="{86153C80-6824-4D98-915D-CAF345ADFA78}"/>
              </a:ext>
            </a:extLst>
          </p:cNvPr>
          <p:cNvGrpSpPr/>
          <p:nvPr/>
        </p:nvGrpSpPr>
        <p:grpSpPr>
          <a:xfrm>
            <a:off x="5796136" y="3768748"/>
            <a:ext cx="3051206" cy="2138897"/>
            <a:chOff x="4364121" y="3752114"/>
            <a:chExt cx="3058758" cy="2110802"/>
          </a:xfrm>
        </p:grpSpPr>
        <p:sp>
          <p:nvSpPr>
            <p:cNvPr id="68" name="Rektangel 67">
              <a:extLst>
                <a:ext uri="{FF2B5EF4-FFF2-40B4-BE49-F238E27FC236}">
                  <a16:creationId xmlns:a16="http://schemas.microsoft.com/office/drawing/2014/main" id="{F556364E-9D69-4B45-A6C6-A710B6BD16E4}"/>
                </a:ext>
              </a:extLst>
            </p:cNvPr>
            <p:cNvSpPr/>
            <p:nvPr/>
          </p:nvSpPr>
          <p:spPr>
            <a:xfrm>
              <a:off x="4392175" y="3774684"/>
              <a:ext cx="3004767" cy="2088232"/>
            </a:xfrm>
            <a:prstGeom prst="rect">
              <a:avLst/>
            </a:prstGeom>
            <a:solidFill>
              <a:srgbClr val="FFEECD"/>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69" name="Ligebenet trekant 31">
              <a:extLst>
                <a:ext uri="{FF2B5EF4-FFF2-40B4-BE49-F238E27FC236}">
                  <a16:creationId xmlns:a16="http://schemas.microsoft.com/office/drawing/2014/main" id="{D0B97314-5FBF-4665-A41B-56096BD5F78E}"/>
                </a:ext>
              </a:extLst>
            </p:cNvPr>
            <p:cNvSpPr/>
            <p:nvPr/>
          </p:nvSpPr>
          <p:spPr>
            <a:xfrm rot="16200000">
              <a:off x="5824820" y="4286275"/>
              <a:ext cx="1727268" cy="1426014"/>
            </a:xfrm>
            <a:custGeom>
              <a:avLst/>
              <a:gdLst>
                <a:gd name="connsiteX0" fmla="*/ 0 w 2088232"/>
                <a:gd name="connsiteY0" fmla="*/ 1426014 h 1426014"/>
                <a:gd name="connsiteX1" fmla="*/ 1028329 w 2088232"/>
                <a:gd name="connsiteY1" fmla="*/ 0 h 1426014"/>
                <a:gd name="connsiteX2" fmla="*/ 2088232 w 2088232"/>
                <a:gd name="connsiteY2" fmla="*/ 1426014 h 1426014"/>
                <a:gd name="connsiteX3" fmla="*/ 0 w 2088232"/>
                <a:gd name="connsiteY3" fmla="*/ 1426014 h 1426014"/>
                <a:gd name="connsiteX0" fmla="*/ 0 w 2088232"/>
                <a:gd name="connsiteY0" fmla="*/ 1426014 h 1426014"/>
                <a:gd name="connsiteX1" fmla="*/ 365189 w 2088232"/>
                <a:gd name="connsiteY1" fmla="*/ 764987 h 1426014"/>
                <a:gd name="connsiteX2" fmla="*/ 1028329 w 2088232"/>
                <a:gd name="connsiteY2" fmla="*/ 0 h 1426014"/>
                <a:gd name="connsiteX3" fmla="*/ 2088232 w 2088232"/>
                <a:gd name="connsiteY3" fmla="*/ 1426014 h 1426014"/>
                <a:gd name="connsiteX4" fmla="*/ 0 w 2088232"/>
                <a:gd name="connsiteY4" fmla="*/ 1426014 h 1426014"/>
                <a:gd name="connsiteX0" fmla="*/ 37913 w 1757119"/>
                <a:gd name="connsiteY0" fmla="*/ 1426014 h 1426014"/>
                <a:gd name="connsiteX1" fmla="*/ 34076 w 1757119"/>
                <a:gd name="connsiteY1" fmla="*/ 764987 h 1426014"/>
                <a:gd name="connsiteX2" fmla="*/ 697216 w 1757119"/>
                <a:gd name="connsiteY2" fmla="*/ 0 h 1426014"/>
                <a:gd name="connsiteX3" fmla="*/ 1757119 w 1757119"/>
                <a:gd name="connsiteY3" fmla="*/ 1426014 h 1426014"/>
                <a:gd name="connsiteX4" fmla="*/ 37913 w 1757119"/>
                <a:gd name="connsiteY4" fmla="*/ 1426014 h 1426014"/>
                <a:gd name="connsiteX0" fmla="*/ 58462 w 1777668"/>
                <a:gd name="connsiteY0" fmla="*/ 1426014 h 1426014"/>
                <a:gd name="connsiteX1" fmla="*/ 54625 w 1777668"/>
                <a:gd name="connsiteY1" fmla="*/ 764987 h 1426014"/>
                <a:gd name="connsiteX2" fmla="*/ 717765 w 1777668"/>
                <a:gd name="connsiteY2" fmla="*/ 0 h 1426014"/>
                <a:gd name="connsiteX3" fmla="*/ 1777668 w 1777668"/>
                <a:gd name="connsiteY3" fmla="*/ 1426014 h 1426014"/>
                <a:gd name="connsiteX4" fmla="*/ 58462 w 17776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 name="connsiteX0" fmla="*/ 8062 w 1727268"/>
                <a:gd name="connsiteY0" fmla="*/ 1426014 h 1426014"/>
                <a:gd name="connsiteX1" fmla="*/ 4225 w 1727268"/>
                <a:gd name="connsiteY1" fmla="*/ 764987 h 1426014"/>
                <a:gd name="connsiteX2" fmla="*/ 667365 w 1727268"/>
                <a:gd name="connsiteY2" fmla="*/ 0 h 1426014"/>
                <a:gd name="connsiteX3" fmla="*/ 1727268 w 1727268"/>
                <a:gd name="connsiteY3" fmla="*/ 1426014 h 1426014"/>
                <a:gd name="connsiteX4" fmla="*/ 8062 w 1727268"/>
                <a:gd name="connsiteY4" fmla="*/ 1426014 h 142601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27268" h="1426014">
                  <a:moveTo>
                    <a:pt x="8062" y="1426014"/>
                  </a:moveTo>
                  <a:cubicBezTo>
                    <a:pt x="-3014" y="1202409"/>
                    <a:pt x="-1027" y="1008189"/>
                    <a:pt x="4225" y="764987"/>
                  </a:cubicBezTo>
                  <a:cubicBezTo>
                    <a:pt x="120769" y="412019"/>
                    <a:pt x="446318" y="254996"/>
                    <a:pt x="667365" y="0"/>
                  </a:cubicBezTo>
                  <a:cubicBezTo>
                    <a:pt x="1347237" y="423087"/>
                    <a:pt x="1560113" y="728607"/>
                    <a:pt x="1727268" y="1426014"/>
                  </a:cubicBezTo>
                  <a:lnTo>
                    <a:pt x="8062" y="1426014"/>
                  </a:lnTo>
                  <a:close/>
                </a:path>
              </a:pathLst>
            </a:custGeom>
            <a:solidFill>
              <a:srgbClr val="868686">
                <a:alpha val="35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0" name="Rektangel 24">
              <a:extLst>
                <a:ext uri="{FF2B5EF4-FFF2-40B4-BE49-F238E27FC236}">
                  <a16:creationId xmlns:a16="http://schemas.microsoft.com/office/drawing/2014/main" id="{A8890D8E-3B45-41F1-AA4B-956D8917037F}"/>
                </a:ext>
              </a:extLst>
            </p:cNvPr>
            <p:cNvSpPr/>
            <p:nvPr/>
          </p:nvSpPr>
          <p:spPr>
            <a:xfrm>
              <a:off x="4365043" y="3752114"/>
              <a:ext cx="3057836" cy="1779855"/>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5817 w 3012142"/>
                <a:gd name="connsiteY5" fmla="*/ 1658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5817 w 3012142"/>
                <a:gd name="connsiteY5" fmla="*/ 1658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59669 w 3012142"/>
                <a:gd name="connsiteY6" fmla="*/ 6914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45381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699993 w 3012142"/>
                <a:gd name="connsiteY4" fmla="*/ 426047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794755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9096 w 3012142"/>
                <a:gd name="connsiteY7" fmla="*/ 507163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910526 w 3012142"/>
                <a:gd name="connsiteY7" fmla="*/ 515735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62526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4581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14280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37760 w 3012142"/>
                <a:gd name="connsiteY3" fmla="*/ 823330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2 w 3012142"/>
                <a:gd name="connsiteY3" fmla="*/ 831903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2047 w 3012142"/>
                <a:gd name="connsiteY3" fmla="*/ 829045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66334 w 3012142"/>
                <a:gd name="connsiteY3" fmla="*/ 829045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28567 w 3012142"/>
                <a:gd name="connsiteY4" fmla="*/ 434619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2962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02683 w 3012142"/>
                <a:gd name="connsiteY2" fmla="*/ 1355193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58432 h 1756469"/>
                <a:gd name="connsiteX2" fmla="*/ 1156975 w 3012142"/>
                <a:gd name="connsiteY2" fmla="*/ 1349478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12142"/>
                <a:gd name="connsiteY0" fmla="*/ 1513122 h 1756469"/>
                <a:gd name="connsiteX1" fmla="*/ 571741 w 3012142"/>
                <a:gd name="connsiteY1" fmla="*/ 1472720 h 1756469"/>
                <a:gd name="connsiteX2" fmla="*/ 1156975 w 3012142"/>
                <a:gd name="connsiteY2" fmla="*/ 1349478 h 1756469"/>
                <a:gd name="connsiteX3" fmla="*/ 1557761 w 3012142"/>
                <a:gd name="connsiteY3" fmla="*/ 831902 h 1756469"/>
                <a:gd name="connsiteX4" fmla="*/ 1734282 w 3012142"/>
                <a:gd name="connsiteY4" fmla="*/ 428904 h 1756469"/>
                <a:gd name="connsiteX5" fmla="*/ 1868677 w 3012142"/>
                <a:gd name="connsiteY5" fmla="*/ 0 h 1756469"/>
                <a:gd name="connsiteX6" fmla="*/ 2045381 w 3012142"/>
                <a:gd name="connsiteY6" fmla="*/ 4056 h 1756469"/>
                <a:gd name="connsiteX7" fmla="*/ 1896239 w 3012142"/>
                <a:gd name="connsiteY7" fmla="*/ 512878 h 1756469"/>
                <a:gd name="connsiteX8" fmla="*/ 1707367 w 3012142"/>
                <a:gd name="connsiteY8" fmla="*/ 934865 h 1756469"/>
                <a:gd name="connsiteX9" fmla="*/ 1456644 w 3012142"/>
                <a:gd name="connsiteY9" fmla="*/ 1384690 h 1756469"/>
                <a:gd name="connsiteX10" fmla="*/ 2053954 w 3012142"/>
                <a:gd name="connsiteY10" fmla="*/ 1259331 h 1756469"/>
                <a:gd name="connsiteX11" fmla="*/ 2636515 w 3012142"/>
                <a:gd name="connsiteY11" fmla="*/ 1288827 h 1756469"/>
                <a:gd name="connsiteX12" fmla="*/ 3012142 w 3012142"/>
                <a:gd name="connsiteY12" fmla="*/ 1373012 h 1756469"/>
                <a:gd name="connsiteX13" fmla="*/ 2997393 w 3012142"/>
                <a:gd name="connsiteY13" fmla="*/ 1535243 h 1756469"/>
                <a:gd name="connsiteX14" fmla="*/ 2518528 w 3012142"/>
                <a:gd name="connsiteY14" fmla="*/ 1473182 h 1756469"/>
                <a:gd name="connsiteX15" fmla="*/ 2017083 w 3012142"/>
                <a:gd name="connsiteY15" fmla="*/ 1465808 h 1756469"/>
                <a:gd name="connsiteX16" fmla="*/ 1523012 w 3012142"/>
                <a:gd name="connsiteY16" fmla="*/ 1576421 h 1756469"/>
                <a:gd name="connsiteX17" fmla="*/ 1198547 w 3012142"/>
                <a:gd name="connsiteY17" fmla="*/ 1569045 h 1756469"/>
                <a:gd name="connsiteX18" fmla="*/ 586489 w 3012142"/>
                <a:gd name="connsiteY18" fmla="*/ 1687032 h 1756469"/>
                <a:gd name="connsiteX19" fmla="*/ 7375 w 3012142"/>
                <a:gd name="connsiteY19" fmla="*/ 1756469 h 1756469"/>
                <a:gd name="connsiteX20" fmla="*/ 0 w 3012142"/>
                <a:gd name="connsiteY20" fmla="*/ 1513122 h 1756469"/>
                <a:gd name="connsiteX0" fmla="*/ 0 w 3009284"/>
                <a:gd name="connsiteY0" fmla="*/ 1538840 h 1756469"/>
                <a:gd name="connsiteX1" fmla="*/ 568883 w 3009284"/>
                <a:gd name="connsiteY1" fmla="*/ 1472720 h 1756469"/>
                <a:gd name="connsiteX2" fmla="*/ 1154117 w 3009284"/>
                <a:gd name="connsiteY2" fmla="*/ 1349478 h 1756469"/>
                <a:gd name="connsiteX3" fmla="*/ 1554903 w 3009284"/>
                <a:gd name="connsiteY3" fmla="*/ 831902 h 1756469"/>
                <a:gd name="connsiteX4" fmla="*/ 1731424 w 3009284"/>
                <a:gd name="connsiteY4" fmla="*/ 428904 h 1756469"/>
                <a:gd name="connsiteX5" fmla="*/ 1865819 w 3009284"/>
                <a:gd name="connsiteY5" fmla="*/ 0 h 1756469"/>
                <a:gd name="connsiteX6" fmla="*/ 2042523 w 3009284"/>
                <a:gd name="connsiteY6" fmla="*/ 4056 h 1756469"/>
                <a:gd name="connsiteX7" fmla="*/ 1893381 w 3009284"/>
                <a:gd name="connsiteY7" fmla="*/ 512878 h 1756469"/>
                <a:gd name="connsiteX8" fmla="*/ 1704509 w 3009284"/>
                <a:gd name="connsiteY8" fmla="*/ 934865 h 1756469"/>
                <a:gd name="connsiteX9" fmla="*/ 1453786 w 3009284"/>
                <a:gd name="connsiteY9" fmla="*/ 1384690 h 1756469"/>
                <a:gd name="connsiteX10" fmla="*/ 2051096 w 3009284"/>
                <a:gd name="connsiteY10" fmla="*/ 1259331 h 1756469"/>
                <a:gd name="connsiteX11" fmla="*/ 2633657 w 3009284"/>
                <a:gd name="connsiteY11" fmla="*/ 1288827 h 1756469"/>
                <a:gd name="connsiteX12" fmla="*/ 3009284 w 3009284"/>
                <a:gd name="connsiteY12" fmla="*/ 1373012 h 1756469"/>
                <a:gd name="connsiteX13" fmla="*/ 2994535 w 3009284"/>
                <a:gd name="connsiteY13" fmla="*/ 1535243 h 1756469"/>
                <a:gd name="connsiteX14" fmla="*/ 2515670 w 3009284"/>
                <a:gd name="connsiteY14" fmla="*/ 1473182 h 1756469"/>
                <a:gd name="connsiteX15" fmla="*/ 2014225 w 3009284"/>
                <a:gd name="connsiteY15" fmla="*/ 1465808 h 1756469"/>
                <a:gd name="connsiteX16" fmla="*/ 1520154 w 3009284"/>
                <a:gd name="connsiteY16" fmla="*/ 1576421 h 1756469"/>
                <a:gd name="connsiteX17" fmla="*/ 1195689 w 3009284"/>
                <a:gd name="connsiteY17" fmla="*/ 1569045 h 1756469"/>
                <a:gd name="connsiteX18" fmla="*/ 583631 w 3009284"/>
                <a:gd name="connsiteY18" fmla="*/ 1687032 h 1756469"/>
                <a:gd name="connsiteX19" fmla="*/ 4517 w 3009284"/>
                <a:gd name="connsiteY19" fmla="*/ 1756469 h 1756469"/>
                <a:gd name="connsiteX20" fmla="*/ 0 w 3009284"/>
                <a:gd name="connsiteY20" fmla="*/ 1538840 h 1756469"/>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95689 w 3009284"/>
                <a:gd name="connsiteY17" fmla="*/ 1569045 h 1727894"/>
                <a:gd name="connsiteX18" fmla="*/ 583631 w 3009284"/>
                <a:gd name="connsiteY18" fmla="*/ 168703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95689 w 3009284"/>
                <a:gd name="connsiteY17" fmla="*/ 1569045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0154 w 3009284"/>
                <a:gd name="connsiteY16" fmla="*/ 1576421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4757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53786 w 3009284"/>
                <a:gd name="connsiteY9" fmla="*/ 1384690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5211 w 3009284"/>
                <a:gd name="connsiteY9" fmla="*/ 1404693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704509 w 3009284"/>
                <a:gd name="connsiteY8" fmla="*/ 934865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81649 w 3009284"/>
                <a:gd name="connsiteY8" fmla="*/ 949152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90221 w 3009284"/>
                <a:gd name="connsiteY8" fmla="*/ 949152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93381 w 3009284"/>
                <a:gd name="connsiteY7" fmla="*/ 512878 h 1727894"/>
                <a:gd name="connsiteX8" fmla="*/ 1678791 w 3009284"/>
                <a:gd name="connsiteY8" fmla="*/ 952010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51096 w 3009284"/>
                <a:gd name="connsiteY10" fmla="*/ 125933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53953 w 3009284"/>
                <a:gd name="connsiteY10" fmla="*/ 1282191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33657 w 3009284"/>
                <a:gd name="connsiteY11" fmla="*/ 128882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22227 w 3009284"/>
                <a:gd name="connsiteY11" fmla="*/ 1314545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9284"/>
                <a:gd name="connsiteY0" fmla="*/ 1538840 h 1727894"/>
                <a:gd name="connsiteX1" fmla="*/ 568883 w 3009284"/>
                <a:gd name="connsiteY1" fmla="*/ 1472720 h 1727894"/>
                <a:gd name="connsiteX2" fmla="*/ 1154117 w 3009284"/>
                <a:gd name="connsiteY2" fmla="*/ 1349478 h 1727894"/>
                <a:gd name="connsiteX3" fmla="*/ 1554903 w 3009284"/>
                <a:gd name="connsiteY3" fmla="*/ 831902 h 1727894"/>
                <a:gd name="connsiteX4" fmla="*/ 1731424 w 3009284"/>
                <a:gd name="connsiteY4" fmla="*/ 428904 h 1727894"/>
                <a:gd name="connsiteX5" fmla="*/ 1865819 w 3009284"/>
                <a:gd name="connsiteY5" fmla="*/ 0 h 1727894"/>
                <a:gd name="connsiteX6" fmla="*/ 2042523 w 3009284"/>
                <a:gd name="connsiteY6" fmla="*/ 4056 h 1727894"/>
                <a:gd name="connsiteX7" fmla="*/ 1887666 w 3009284"/>
                <a:gd name="connsiteY7" fmla="*/ 512878 h 1727894"/>
                <a:gd name="connsiteX8" fmla="*/ 1678791 w 3009284"/>
                <a:gd name="connsiteY8" fmla="*/ 952010 h 1727894"/>
                <a:gd name="connsiteX9" fmla="*/ 1422354 w 3009284"/>
                <a:gd name="connsiteY9" fmla="*/ 1398978 h 1727894"/>
                <a:gd name="connsiteX10" fmla="*/ 2062526 w 3009284"/>
                <a:gd name="connsiteY10" fmla="*/ 1276476 h 1727894"/>
                <a:gd name="connsiteX11" fmla="*/ 2622227 w 3009284"/>
                <a:gd name="connsiteY11" fmla="*/ 1311687 h 1727894"/>
                <a:gd name="connsiteX12" fmla="*/ 3009284 w 3009284"/>
                <a:gd name="connsiteY12" fmla="*/ 1373012 h 1727894"/>
                <a:gd name="connsiteX13" fmla="*/ 2994535 w 3009284"/>
                <a:gd name="connsiteY13" fmla="*/ 1535243 h 1727894"/>
                <a:gd name="connsiteX14" fmla="*/ 2515670 w 3009284"/>
                <a:gd name="connsiteY14" fmla="*/ 1473182 h 1727894"/>
                <a:gd name="connsiteX15" fmla="*/ 2014225 w 3009284"/>
                <a:gd name="connsiteY15" fmla="*/ 1465808 h 1727894"/>
                <a:gd name="connsiteX16" fmla="*/ 1525869 w 3009284"/>
                <a:gd name="connsiteY16" fmla="*/ 1556418 h 1727894"/>
                <a:gd name="connsiteX17" fmla="*/ 1161399 w 3009284"/>
                <a:gd name="connsiteY17" fmla="*/ 1551899 h 1727894"/>
                <a:gd name="connsiteX18" fmla="*/ 592203 w 3009284"/>
                <a:gd name="connsiteY18" fmla="*/ 1664172 h 1727894"/>
                <a:gd name="connsiteX19" fmla="*/ 4517 w 3009284"/>
                <a:gd name="connsiteY19" fmla="*/ 1727894 h 1727894"/>
                <a:gd name="connsiteX20" fmla="*/ 0 w 3009284"/>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2014225 w 3003569"/>
                <a:gd name="connsiteY15" fmla="*/ 1465808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15670 w 3003569"/>
                <a:gd name="connsiteY14" fmla="*/ 1473182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2994535 w 3003569"/>
                <a:gd name="connsiteY13" fmla="*/ 1535243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27894"/>
                <a:gd name="connsiteX1" fmla="*/ 568883 w 3003569"/>
                <a:gd name="connsiteY1" fmla="*/ 1472720 h 1727894"/>
                <a:gd name="connsiteX2" fmla="*/ 1154117 w 3003569"/>
                <a:gd name="connsiteY2" fmla="*/ 1349478 h 1727894"/>
                <a:gd name="connsiteX3" fmla="*/ 1554903 w 3003569"/>
                <a:gd name="connsiteY3" fmla="*/ 831902 h 1727894"/>
                <a:gd name="connsiteX4" fmla="*/ 1731424 w 3003569"/>
                <a:gd name="connsiteY4" fmla="*/ 428904 h 1727894"/>
                <a:gd name="connsiteX5" fmla="*/ 1865819 w 3003569"/>
                <a:gd name="connsiteY5" fmla="*/ 0 h 1727894"/>
                <a:gd name="connsiteX6" fmla="*/ 2042523 w 3003569"/>
                <a:gd name="connsiteY6" fmla="*/ 4056 h 1727894"/>
                <a:gd name="connsiteX7" fmla="*/ 1887666 w 3003569"/>
                <a:gd name="connsiteY7" fmla="*/ 512878 h 1727894"/>
                <a:gd name="connsiteX8" fmla="*/ 1678791 w 3003569"/>
                <a:gd name="connsiteY8" fmla="*/ 952010 h 1727894"/>
                <a:gd name="connsiteX9" fmla="*/ 1422354 w 3003569"/>
                <a:gd name="connsiteY9" fmla="*/ 1398978 h 1727894"/>
                <a:gd name="connsiteX10" fmla="*/ 2062526 w 3003569"/>
                <a:gd name="connsiteY10" fmla="*/ 1276476 h 1727894"/>
                <a:gd name="connsiteX11" fmla="*/ 2622227 w 3003569"/>
                <a:gd name="connsiteY11" fmla="*/ 1311687 h 1727894"/>
                <a:gd name="connsiteX12" fmla="*/ 3003569 w 3003569"/>
                <a:gd name="connsiteY12" fmla="*/ 1390157 h 1727894"/>
                <a:gd name="connsiteX13" fmla="*/ 3003107 w 3003569"/>
                <a:gd name="connsiteY13" fmla="*/ 1529528 h 1727894"/>
                <a:gd name="connsiteX14" fmla="*/ 2521385 w 3003569"/>
                <a:gd name="connsiteY14" fmla="*/ 1453179 h 1727894"/>
                <a:gd name="connsiteX15" fmla="*/ 1988507 w 3003569"/>
                <a:gd name="connsiteY15" fmla="*/ 1448663 h 1727894"/>
                <a:gd name="connsiteX16" fmla="*/ 1525869 w 3003569"/>
                <a:gd name="connsiteY16" fmla="*/ 1556418 h 1727894"/>
                <a:gd name="connsiteX17" fmla="*/ 1161399 w 3003569"/>
                <a:gd name="connsiteY17" fmla="*/ 1551899 h 1727894"/>
                <a:gd name="connsiteX18" fmla="*/ 592203 w 3003569"/>
                <a:gd name="connsiteY18" fmla="*/ 1664172 h 1727894"/>
                <a:gd name="connsiteX19" fmla="*/ 4517 w 3003569"/>
                <a:gd name="connsiteY19" fmla="*/ 1727894 h 1727894"/>
                <a:gd name="connsiteX20" fmla="*/ 0 w 3003569"/>
                <a:gd name="connsiteY20" fmla="*/ 1538840 h 172789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88507 w 3003569"/>
                <a:gd name="connsiteY15" fmla="*/ 1448663 h 1745924"/>
                <a:gd name="connsiteX16" fmla="*/ 1525869 w 3003569"/>
                <a:gd name="connsiteY16" fmla="*/ 1556418 h 1745924"/>
                <a:gd name="connsiteX17" fmla="*/ 1161399 w 3003569"/>
                <a:gd name="connsiteY17" fmla="*/ 1551899 h 1745924"/>
                <a:gd name="connsiteX18" fmla="*/ 592203 w 3003569"/>
                <a:gd name="connsiteY18" fmla="*/ 1664172 h 1745924"/>
                <a:gd name="connsiteX19" fmla="*/ 4517 w 3003569"/>
                <a:gd name="connsiteY19" fmla="*/ 1745924 h 1745924"/>
                <a:gd name="connsiteX20" fmla="*/ 0 w 3003569"/>
                <a:gd name="connsiteY20" fmla="*/ 1538840 h 174592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88507 w 3003569"/>
                <a:gd name="connsiteY15" fmla="*/ 1448663 h 1745924"/>
                <a:gd name="connsiteX16" fmla="*/ 1525869 w 3003569"/>
                <a:gd name="connsiteY16" fmla="*/ 1556418 h 1745924"/>
                <a:gd name="connsiteX17" fmla="*/ 1161399 w 3003569"/>
                <a:gd name="connsiteY17" fmla="*/ 1551899 h 1745924"/>
                <a:gd name="connsiteX18" fmla="*/ 594779 w 3003569"/>
                <a:gd name="connsiteY18" fmla="*/ 1674475 h 1745924"/>
                <a:gd name="connsiteX19" fmla="*/ 4517 w 3003569"/>
                <a:gd name="connsiteY19" fmla="*/ 1745924 h 1745924"/>
                <a:gd name="connsiteX20" fmla="*/ 0 w 3003569"/>
                <a:gd name="connsiteY20" fmla="*/ 1538840 h 174592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88507 w 3003569"/>
                <a:gd name="connsiteY15" fmla="*/ 1448663 h 1745924"/>
                <a:gd name="connsiteX16" fmla="*/ 1525869 w 3003569"/>
                <a:gd name="connsiteY16" fmla="*/ 1556418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38840 h 174592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88507 w 3003569"/>
                <a:gd name="connsiteY15" fmla="*/ 1448663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38840 h 174592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1083 w 3003569"/>
                <a:gd name="connsiteY15" fmla="*/ 1458966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38840 h 1745924"/>
                <a:gd name="connsiteX0" fmla="*/ 0 w 3003569"/>
                <a:gd name="connsiteY0" fmla="*/ 1538840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38840 h 1745924"/>
                <a:gd name="connsiteX0" fmla="*/ 0 w 3003569"/>
                <a:gd name="connsiteY0" fmla="*/ 1528537 h 1745924"/>
                <a:gd name="connsiteX1" fmla="*/ 568883 w 3003569"/>
                <a:gd name="connsiteY1" fmla="*/ 1472720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4117 w 3003569"/>
                <a:gd name="connsiteY2" fmla="*/ 1349478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54903 w 3003569"/>
                <a:gd name="connsiteY3" fmla="*/ 831902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31424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87666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78791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22354 w 3003569"/>
                <a:gd name="connsiteY9" fmla="*/ 1398978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6252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1239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3815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2227 w 3003569"/>
                <a:gd name="connsiteY11" fmla="*/ 1311687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3815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90157 h 1745924"/>
                <a:gd name="connsiteX13" fmla="*/ 3003107 w 3003569"/>
                <a:gd name="connsiteY13" fmla="*/ 1529528 h 1745924"/>
                <a:gd name="connsiteX14" fmla="*/ 2521385 w 3003569"/>
                <a:gd name="connsiteY14" fmla="*/ 1453179 h 1745924"/>
                <a:gd name="connsiteX15" fmla="*/ 1993659 w 3003569"/>
                <a:gd name="connsiteY15" fmla="*/ 1453815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90157 h 1745924"/>
                <a:gd name="connsiteX13" fmla="*/ 3003107 w 3003569"/>
                <a:gd name="connsiteY13" fmla="*/ 1529528 h 1745924"/>
                <a:gd name="connsiteX14" fmla="*/ 2523960 w 3003569"/>
                <a:gd name="connsiteY14" fmla="*/ 1463482 h 1745924"/>
                <a:gd name="connsiteX15" fmla="*/ 1993659 w 3003569"/>
                <a:gd name="connsiteY15" fmla="*/ 1453815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90157 h 1745924"/>
                <a:gd name="connsiteX13" fmla="*/ 3003107 w 3003569"/>
                <a:gd name="connsiteY13" fmla="*/ 1529528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90157 h 1745924"/>
                <a:gd name="connsiteX13" fmla="*/ 3000531 w 3003569"/>
                <a:gd name="connsiteY13" fmla="*/ 1542407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90157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74703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74703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74703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65819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55516 w 3003569"/>
                <a:gd name="connsiteY5" fmla="*/ 0 h 1745924"/>
                <a:gd name="connsiteX6" fmla="*/ 2042523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55516 w 3003569"/>
                <a:gd name="connsiteY5" fmla="*/ 0 h 1745924"/>
                <a:gd name="connsiteX6" fmla="*/ 2052826 w 3003569"/>
                <a:gd name="connsiteY6" fmla="*/ 4056 h 1745924"/>
                <a:gd name="connsiteX7" fmla="*/ 1892817 w 3003569"/>
                <a:gd name="connsiteY7" fmla="*/ 512878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21121 w 3003569"/>
                <a:gd name="connsiteY4" fmla="*/ 428904 h 1745924"/>
                <a:gd name="connsiteX5" fmla="*/ 1855516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13394 w 3003569"/>
                <a:gd name="connsiteY4" fmla="*/ 428904 h 1745924"/>
                <a:gd name="connsiteX5" fmla="*/ 1855516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13394 w 3003569"/>
                <a:gd name="connsiteY4" fmla="*/ 428904 h 1745924"/>
                <a:gd name="connsiteX5" fmla="*/ 1845213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51541 w 3003569"/>
                <a:gd name="connsiteY2" fmla="*/ 1341751 h 1745924"/>
                <a:gd name="connsiteX3" fmla="*/ 1542024 w 3003569"/>
                <a:gd name="connsiteY3" fmla="*/ 829326 h 1745924"/>
                <a:gd name="connsiteX4" fmla="*/ 1713394 w 3003569"/>
                <a:gd name="connsiteY4" fmla="*/ 428904 h 1745924"/>
                <a:gd name="connsiteX5" fmla="*/ 1847789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43814 w 3003569"/>
                <a:gd name="connsiteY2" fmla="*/ 1341751 h 1745924"/>
                <a:gd name="connsiteX3" fmla="*/ 1542024 w 3003569"/>
                <a:gd name="connsiteY3" fmla="*/ 829326 h 1745924"/>
                <a:gd name="connsiteX4" fmla="*/ 1713394 w 3003569"/>
                <a:gd name="connsiteY4" fmla="*/ 428904 h 1745924"/>
                <a:gd name="connsiteX5" fmla="*/ 1847789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37808 w 3003569"/>
                <a:gd name="connsiteY9" fmla="*/ 1391251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43814 w 3003569"/>
                <a:gd name="connsiteY2" fmla="*/ 1341751 h 1745924"/>
                <a:gd name="connsiteX3" fmla="*/ 1542024 w 3003569"/>
                <a:gd name="connsiteY3" fmla="*/ 829326 h 1745924"/>
                <a:gd name="connsiteX4" fmla="*/ 1713394 w 3003569"/>
                <a:gd name="connsiteY4" fmla="*/ 428904 h 1745924"/>
                <a:gd name="connsiteX5" fmla="*/ 1847789 w 3003569"/>
                <a:gd name="connsiteY5" fmla="*/ 0 h 1745924"/>
                <a:gd name="connsiteX6" fmla="*/ 2052826 w 3003569"/>
                <a:gd name="connsiteY6" fmla="*/ 4056 h 1745924"/>
                <a:gd name="connsiteX7" fmla="*/ 1900544 w 3003569"/>
                <a:gd name="connsiteY7" fmla="*/ 507726 h 1745924"/>
                <a:gd name="connsiteX8" fmla="*/ 1689094 w 3003569"/>
                <a:gd name="connsiteY8" fmla="*/ 952010 h 1745924"/>
                <a:gd name="connsiteX9" fmla="*/ 1440384 w 3003569"/>
                <a:gd name="connsiteY9" fmla="*/ 1388675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28537 h 1745924"/>
                <a:gd name="connsiteX1" fmla="*/ 568883 w 3003569"/>
                <a:gd name="connsiteY1" fmla="*/ 1462417 h 1745924"/>
                <a:gd name="connsiteX2" fmla="*/ 1143814 w 3003569"/>
                <a:gd name="connsiteY2" fmla="*/ 1341751 h 1745924"/>
                <a:gd name="connsiteX3" fmla="*/ 1542024 w 3003569"/>
                <a:gd name="connsiteY3" fmla="*/ 829326 h 1745924"/>
                <a:gd name="connsiteX4" fmla="*/ 1713394 w 3003569"/>
                <a:gd name="connsiteY4" fmla="*/ 428904 h 1745924"/>
                <a:gd name="connsiteX5" fmla="*/ 1847789 w 3003569"/>
                <a:gd name="connsiteY5" fmla="*/ 0 h 1745924"/>
                <a:gd name="connsiteX6" fmla="*/ 2052826 w 3003569"/>
                <a:gd name="connsiteY6" fmla="*/ 4056 h 1745924"/>
                <a:gd name="connsiteX7" fmla="*/ 1900544 w 3003569"/>
                <a:gd name="connsiteY7" fmla="*/ 507726 h 1745924"/>
                <a:gd name="connsiteX8" fmla="*/ 1691670 w 3003569"/>
                <a:gd name="connsiteY8" fmla="*/ 952010 h 1745924"/>
                <a:gd name="connsiteX9" fmla="*/ 1440384 w 3003569"/>
                <a:gd name="connsiteY9" fmla="*/ 1388675 h 1745924"/>
                <a:gd name="connsiteX10" fmla="*/ 2044496 w 3003569"/>
                <a:gd name="connsiteY10" fmla="*/ 1276476 h 1745924"/>
                <a:gd name="connsiteX11" fmla="*/ 2624803 w 3003569"/>
                <a:gd name="connsiteY11" fmla="*/ 1301384 h 1745924"/>
                <a:gd name="connsiteX12" fmla="*/ 3003569 w 3003569"/>
                <a:gd name="connsiteY12" fmla="*/ 1382430 h 1745924"/>
                <a:gd name="connsiteX13" fmla="*/ 3000531 w 3003569"/>
                <a:gd name="connsiteY13" fmla="*/ 1532104 h 1745924"/>
                <a:gd name="connsiteX14" fmla="*/ 2523960 w 3003569"/>
                <a:gd name="connsiteY14" fmla="*/ 1463482 h 1745924"/>
                <a:gd name="connsiteX15" fmla="*/ 1993659 w 3003569"/>
                <a:gd name="connsiteY15" fmla="*/ 1458967 h 1745924"/>
                <a:gd name="connsiteX16" fmla="*/ 1525869 w 3003569"/>
                <a:gd name="connsiteY16" fmla="*/ 1566721 h 1745924"/>
                <a:gd name="connsiteX17" fmla="*/ 1171702 w 3003569"/>
                <a:gd name="connsiteY17" fmla="*/ 1562202 h 1745924"/>
                <a:gd name="connsiteX18" fmla="*/ 594779 w 3003569"/>
                <a:gd name="connsiteY18" fmla="*/ 1674475 h 1745924"/>
                <a:gd name="connsiteX19" fmla="*/ 4517 w 3003569"/>
                <a:gd name="connsiteY19" fmla="*/ 1745924 h 1745924"/>
                <a:gd name="connsiteX20" fmla="*/ 0 w 3003569"/>
                <a:gd name="connsiteY20" fmla="*/ 1528537 h 1745924"/>
                <a:gd name="connsiteX0" fmla="*/ 0 w 3003569"/>
                <a:gd name="connsiteY0" fmla="*/ 1555671 h 1773058"/>
                <a:gd name="connsiteX1" fmla="*/ 568883 w 3003569"/>
                <a:gd name="connsiteY1" fmla="*/ 1489551 h 1773058"/>
                <a:gd name="connsiteX2" fmla="*/ 1143814 w 3003569"/>
                <a:gd name="connsiteY2" fmla="*/ 1368885 h 1773058"/>
                <a:gd name="connsiteX3" fmla="*/ 1542024 w 3003569"/>
                <a:gd name="connsiteY3" fmla="*/ 856460 h 1773058"/>
                <a:gd name="connsiteX4" fmla="*/ 1713394 w 3003569"/>
                <a:gd name="connsiteY4" fmla="*/ 456038 h 1773058"/>
                <a:gd name="connsiteX5" fmla="*/ 1853216 w 3003569"/>
                <a:gd name="connsiteY5" fmla="*/ 0 h 1773058"/>
                <a:gd name="connsiteX6" fmla="*/ 2052826 w 3003569"/>
                <a:gd name="connsiteY6" fmla="*/ 31190 h 1773058"/>
                <a:gd name="connsiteX7" fmla="*/ 1900544 w 3003569"/>
                <a:gd name="connsiteY7" fmla="*/ 534860 h 1773058"/>
                <a:gd name="connsiteX8" fmla="*/ 1691670 w 3003569"/>
                <a:gd name="connsiteY8" fmla="*/ 979144 h 1773058"/>
                <a:gd name="connsiteX9" fmla="*/ 1440384 w 3003569"/>
                <a:gd name="connsiteY9" fmla="*/ 1415809 h 1773058"/>
                <a:gd name="connsiteX10" fmla="*/ 2044496 w 3003569"/>
                <a:gd name="connsiteY10" fmla="*/ 1303610 h 1773058"/>
                <a:gd name="connsiteX11" fmla="*/ 2624803 w 3003569"/>
                <a:gd name="connsiteY11" fmla="*/ 1328518 h 1773058"/>
                <a:gd name="connsiteX12" fmla="*/ 3003569 w 3003569"/>
                <a:gd name="connsiteY12" fmla="*/ 1409564 h 1773058"/>
                <a:gd name="connsiteX13" fmla="*/ 3000531 w 3003569"/>
                <a:gd name="connsiteY13" fmla="*/ 1559238 h 1773058"/>
                <a:gd name="connsiteX14" fmla="*/ 2523960 w 3003569"/>
                <a:gd name="connsiteY14" fmla="*/ 1490616 h 1773058"/>
                <a:gd name="connsiteX15" fmla="*/ 1993659 w 3003569"/>
                <a:gd name="connsiteY15" fmla="*/ 1486101 h 1773058"/>
                <a:gd name="connsiteX16" fmla="*/ 1525869 w 3003569"/>
                <a:gd name="connsiteY16" fmla="*/ 1593855 h 1773058"/>
                <a:gd name="connsiteX17" fmla="*/ 1171702 w 3003569"/>
                <a:gd name="connsiteY17" fmla="*/ 1589336 h 1773058"/>
                <a:gd name="connsiteX18" fmla="*/ 594779 w 3003569"/>
                <a:gd name="connsiteY18" fmla="*/ 1701609 h 1773058"/>
                <a:gd name="connsiteX19" fmla="*/ 4517 w 3003569"/>
                <a:gd name="connsiteY19" fmla="*/ 1773058 h 1773058"/>
                <a:gd name="connsiteX20" fmla="*/ 0 w 3003569"/>
                <a:gd name="connsiteY20" fmla="*/ 1555671 h 177305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3960 w 3003569"/>
                <a:gd name="connsiteY14" fmla="*/ 1491986 h 1774428"/>
                <a:gd name="connsiteX15" fmla="*/ 1993659 w 3003569"/>
                <a:gd name="connsiteY15" fmla="*/ 1487471 h 1774428"/>
                <a:gd name="connsiteX16" fmla="*/ 1525869 w 3003569"/>
                <a:gd name="connsiteY16" fmla="*/ 1595225 h 1774428"/>
                <a:gd name="connsiteX17" fmla="*/ 1171702 w 3003569"/>
                <a:gd name="connsiteY17" fmla="*/ 1590706 h 1774428"/>
                <a:gd name="connsiteX18" fmla="*/ 594779 w 3003569"/>
                <a:gd name="connsiteY18" fmla="*/ 1702979 h 1774428"/>
                <a:gd name="connsiteX19" fmla="*/ 4517 w 3003569"/>
                <a:gd name="connsiteY19" fmla="*/ 1774428 h 1774428"/>
                <a:gd name="connsiteX20" fmla="*/ 0 w 3003569"/>
                <a:gd name="connsiteY20" fmla="*/ 1557041 h 177442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3960 w 3003569"/>
                <a:gd name="connsiteY14" fmla="*/ 1491986 h 1774428"/>
                <a:gd name="connsiteX15" fmla="*/ 1993659 w 3003569"/>
                <a:gd name="connsiteY15" fmla="*/ 1487471 h 1774428"/>
                <a:gd name="connsiteX16" fmla="*/ 1525869 w 3003569"/>
                <a:gd name="connsiteY16" fmla="*/ 1595225 h 1774428"/>
                <a:gd name="connsiteX17" fmla="*/ 1171702 w 3003569"/>
                <a:gd name="connsiteY17" fmla="*/ 1598846 h 1774428"/>
                <a:gd name="connsiteX18" fmla="*/ 594779 w 3003569"/>
                <a:gd name="connsiteY18" fmla="*/ 1702979 h 1774428"/>
                <a:gd name="connsiteX19" fmla="*/ 4517 w 3003569"/>
                <a:gd name="connsiteY19" fmla="*/ 1774428 h 1774428"/>
                <a:gd name="connsiteX20" fmla="*/ 0 w 3003569"/>
                <a:gd name="connsiteY20" fmla="*/ 1557041 h 177442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3960 w 3003569"/>
                <a:gd name="connsiteY14" fmla="*/ 1491986 h 1774428"/>
                <a:gd name="connsiteX15" fmla="*/ 1993659 w 3003569"/>
                <a:gd name="connsiteY15" fmla="*/ 1487471 h 1774428"/>
                <a:gd name="connsiteX16" fmla="*/ 1525869 w 3003569"/>
                <a:gd name="connsiteY16" fmla="*/ 1595225 h 1774428"/>
                <a:gd name="connsiteX17" fmla="*/ 1171702 w 3003569"/>
                <a:gd name="connsiteY17" fmla="*/ 1598846 h 1774428"/>
                <a:gd name="connsiteX18" fmla="*/ 575786 w 3003569"/>
                <a:gd name="connsiteY18" fmla="*/ 1705692 h 1774428"/>
                <a:gd name="connsiteX19" fmla="*/ 4517 w 3003569"/>
                <a:gd name="connsiteY19" fmla="*/ 1774428 h 1774428"/>
                <a:gd name="connsiteX20" fmla="*/ 0 w 3003569"/>
                <a:gd name="connsiteY20" fmla="*/ 1557041 h 177442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3960 w 3003569"/>
                <a:gd name="connsiteY14" fmla="*/ 1491986 h 1774428"/>
                <a:gd name="connsiteX15" fmla="*/ 1993659 w 3003569"/>
                <a:gd name="connsiteY15" fmla="*/ 1487471 h 1774428"/>
                <a:gd name="connsiteX16" fmla="*/ 1536722 w 3003569"/>
                <a:gd name="connsiteY16" fmla="*/ 1597938 h 1774428"/>
                <a:gd name="connsiteX17" fmla="*/ 1171702 w 3003569"/>
                <a:gd name="connsiteY17" fmla="*/ 1598846 h 1774428"/>
                <a:gd name="connsiteX18" fmla="*/ 575786 w 3003569"/>
                <a:gd name="connsiteY18" fmla="*/ 1705692 h 1774428"/>
                <a:gd name="connsiteX19" fmla="*/ 4517 w 3003569"/>
                <a:gd name="connsiteY19" fmla="*/ 1774428 h 1774428"/>
                <a:gd name="connsiteX20" fmla="*/ 0 w 3003569"/>
                <a:gd name="connsiteY20" fmla="*/ 1557041 h 177442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3960 w 3003569"/>
                <a:gd name="connsiteY14" fmla="*/ 1491986 h 1774428"/>
                <a:gd name="connsiteX15" fmla="*/ 1996372 w 3003569"/>
                <a:gd name="connsiteY15" fmla="*/ 1492897 h 1774428"/>
                <a:gd name="connsiteX16" fmla="*/ 1536722 w 3003569"/>
                <a:gd name="connsiteY16" fmla="*/ 1597938 h 1774428"/>
                <a:gd name="connsiteX17" fmla="*/ 1171702 w 3003569"/>
                <a:gd name="connsiteY17" fmla="*/ 1598846 h 1774428"/>
                <a:gd name="connsiteX18" fmla="*/ 575786 w 3003569"/>
                <a:gd name="connsiteY18" fmla="*/ 1705692 h 1774428"/>
                <a:gd name="connsiteX19" fmla="*/ 4517 w 3003569"/>
                <a:gd name="connsiteY19" fmla="*/ 1774428 h 1774428"/>
                <a:gd name="connsiteX20" fmla="*/ 0 w 3003569"/>
                <a:gd name="connsiteY20" fmla="*/ 1557041 h 1774428"/>
                <a:gd name="connsiteX0" fmla="*/ 0 w 3003569"/>
                <a:gd name="connsiteY0" fmla="*/ 1557041 h 1774428"/>
                <a:gd name="connsiteX1" fmla="*/ 568883 w 3003569"/>
                <a:gd name="connsiteY1" fmla="*/ 1490921 h 1774428"/>
                <a:gd name="connsiteX2" fmla="*/ 1143814 w 3003569"/>
                <a:gd name="connsiteY2" fmla="*/ 1370255 h 1774428"/>
                <a:gd name="connsiteX3" fmla="*/ 1542024 w 3003569"/>
                <a:gd name="connsiteY3" fmla="*/ 857830 h 1774428"/>
                <a:gd name="connsiteX4" fmla="*/ 1713394 w 3003569"/>
                <a:gd name="connsiteY4" fmla="*/ 457408 h 1774428"/>
                <a:gd name="connsiteX5" fmla="*/ 1853216 w 3003569"/>
                <a:gd name="connsiteY5" fmla="*/ 1370 h 1774428"/>
                <a:gd name="connsiteX6" fmla="*/ 2055540 w 3003569"/>
                <a:gd name="connsiteY6" fmla="*/ 0 h 1774428"/>
                <a:gd name="connsiteX7" fmla="*/ 1900544 w 3003569"/>
                <a:gd name="connsiteY7" fmla="*/ 536230 h 1774428"/>
                <a:gd name="connsiteX8" fmla="*/ 1691670 w 3003569"/>
                <a:gd name="connsiteY8" fmla="*/ 980514 h 1774428"/>
                <a:gd name="connsiteX9" fmla="*/ 1440384 w 3003569"/>
                <a:gd name="connsiteY9" fmla="*/ 1417179 h 1774428"/>
                <a:gd name="connsiteX10" fmla="*/ 2044496 w 3003569"/>
                <a:gd name="connsiteY10" fmla="*/ 1304980 h 1774428"/>
                <a:gd name="connsiteX11" fmla="*/ 2624803 w 3003569"/>
                <a:gd name="connsiteY11" fmla="*/ 1329888 h 1774428"/>
                <a:gd name="connsiteX12" fmla="*/ 3003569 w 3003569"/>
                <a:gd name="connsiteY12" fmla="*/ 1410934 h 1774428"/>
                <a:gd name="connsiteX13" fmla="*/ 3000531 w 3003569"/>
                <a:gd name="connsiteY13" fmla="*/ 1560608 h 1774428"/>
                <a:gd name="connsiteX14" fmla="*/ 2529387 w 3003569"/>
                <a:gd name="connsiteY14" fmla="*/ 1500126 h 1774428"/>
                <a:gd name="connsiteX15" fmla="*/ 1996372 w 3003569"/>
                <a:gd name="connsiteY15" fmla="*/ 1492897 h 1774428"/>
                <a:gd name="connsiteX16" fmla="*/ 1536722 w 3003569"/>
                <a:gd name="connsiteY16" fmla="*/ 1597938 h 1774428"/>
                <a:gd name="connsiteX17" fmla="*/ 1171702 w 3003569"/>
                <a:gd name="connsiteY17" fmla="*/ 1598846 h 1774428"/>
                <a:gd name="connsiteX18" fmla="*/ 575786 w 3003569"/>
                <a:gd name="connsiteY18" fmla="*/ 1705692 h 1774428"/>
                <a:gd name="connsiteX19" fmla="*/ 4517 w 3003569"/>
                <a:gd name="connsiteY19" fmla="*/ 1774428 h 1774428"/>
                <a:gd name="connsiteX20" fmla="*/ 0 w 3003569"/>
                <a:gd name="connsiteY20" fmla="*/ 1557041 h 1774428"/>
                <a:gd name="connsiteX0" fmla="*/ 0 w 3019565"/>
                <a:gd name="connsiteY0" fmla="*/ 1557041 h 1774428"/>
                <a:gd name="connsiteX1" fmla="*/ 568883 w 3019565"/>
                <a:gd name="connsiteY1" fmla="*/ 1490921 h 1774428"/>
                <a:gd name="connsiteX2" fmla="*/ 1143814 w 3019565"/>
                <a:gd name="connsiteY2" fmla="*/ 1370255 h 1774428"/>
                <a:gd name="connsiteX3" fmla="*/ 1542024 w 3019565"/>
                <a:gd name="connsiteY3" fmla="*/ 857830 h 1774428"/>
                <a:gd name="connsiteX4" fmla="*/ 1713394 w 3019565"/>
                <a:gd name="connsiteY4" fmla="*/ 457408 h 1774428"/>
                <a:gd name="connsiteX5" fmla="*/ 1853216 w 3019565"/>
                <a:gd name="connsiteY5" fmla="*/ 1370 h 1774428"/>
                <a:gd name="connsiteX6" fmla="*/ 2055540 w 3019565"/>
                <a:gd name="connsiteY6" fmla="*/ 0 h 1774428"/>
                <a:gd name="connsiteX7" fmla="*/ 1900544 w 3019565"/>
                <a:gd name="connsiteY7" fmla="*/ 536230 h 1774428"/>
                <a:gd name="connsiteX8" fmla="*/ 1691670 w 3019565"/>
                <a:gd name="connsiteY8" fmla="*/ 980514 h 1774428"/>
                <a:gd name="connsiteX9" fmla="*/ 1440384 w 3019565"/>
                <a:gd name="connsiteY9" fmla="*/ 1417179 h 1774428"/>
                <a:gd name="connsiteX10" fmla="*/ 2044496 w 3019565"/>
                <a:gd name="connsiteY10" fmla="*/ 1304980 h 1774428"/>
                <a:gd name="connsiteX11" fmla="*/ 2624803 w 3019565"/>
                <a:gd name="connsiteY11" fmla="*/ 1329888 h 1774428"/>
                <a:gd name="connsiteX12" fmla="*/ 3003569 w 3019565"/>
                <a:gd name="connsiteY12" fmla="*/ 1410934 h 1774428"/>
                <a:gd name="connsiteX13" fmla="*/ 3019524 w 3019565"/>
                <a:gd name="connsiteY13" fmla="*/ 1563321 h 1774428"/>
                <a:gd name="connsiteX14" fmla="*/ 2529387 w 3019565"/>
                <a:gd name="connsiteY14" fmla="*/ 1500126 h 1774428"/>
                <a:gd name="connsiteX15" fmla="*/ 1996372 w 3019565"/>
                <a:gd name="connsiteY15" fmla="*/ 1492897 h 1774428"/>
                <a:gd name="connsiteX16" fmla="*/ 1536722 w 3019565"/>
                <a:gd name="connsiteY16" fmla="*/ 1597938 h 1774428"/>
                <a:gd name="connsiteX17" fmla="*/ 1171702 w 3019565"/>
                <a:gd name="connsiteY17" fmla="*/ 1598846 h 1774428"/>
                <a:gd name="connsiteX18" fmla="*/ 575786 w 3019565"/>
                <a:gd name="connsiteY18" fmla="*/ 1705692 h 1774428"/>
                <a:gd name="connsiteX19" fmla="*/ 4517 w 3019565"/>
                <a:gd name="connsiteY19" fmla="*/ 1774428 h 1774428"/>
                <a:gd name="connsiteX20" fmla="*/ 0 w 3019565"/>
                <a:gd name="connsiteY20" fmla="*/ 1557041 h 1774428"/>
                <a:gd name="connsiteX0" fmla="*/ 0 w 3030702"/>
                <a:gd name="connsiteY0" fmla="*/ 1557041 h 1774428"/>
                <a:gd name="connsiteX1" fmla="*/ 568883 w 3030702"/>
                <a:gd name="connsiteY1" fmla="*/ 1490921 h 1774428"/>
                <a:gd name="connsiteX2" fmla="*/ 1143814 w 3030702"/>
                <a:gd name="connsiteY2" fmla="*/ 1370255 h 1774428"/>
                <a:gd name="connsiteX3" fmla="*/ 1542024 w 3030702"/>
                <a:gd name="connsiteY3" fmla="*/ 857830 h 1774428"/>
                <a:gd name="connsiteX4" fmla="*/ 1713394 w 3030702"/>
                <a:gd name="connsiteY4" fmla="*/ 457408 h 1774428"/>
                <a:gd name="connsiteX5" fmla="*/ 1853216 w 3030702"/>
                <a:gd name="connsiteY5" fmla="*/ 1370 h 1774428"/>
                <a:gd name="connsiteX6" fmla="*/ 2055540 w 3030702"/>
                <a:gd name="connsiteY6" fmla="*/ 0 h 1774428"/>
                <a:gd name="connsiteX7" fmla="*/ 1900544 w 3030702"/>
                <a:gd name="connsiteY7" fmla="*/ 536230 h 1774428"/>
                <a:gd name="connsiteX8" fmla="*/ 1691670 w 3030702"/>
                <a:gd name="connsiteY8" fmla="*/ 980514 h 1774428"/>
                <a:gd name="connsiteX9" fmla="*/ 1440384 w 3030702"/>
                <a:gd name="connsiteY9" fmla="*/ 1417179 h 1774428"/>
                <a:gd name="connsiteX10" fmla="*/ 2044496 w 3030702"/>
                <a:gd name="connsiteY10" fmla="*/ 1304980 h 1774428"/>
                <a:gd name="connsiteX11" fmla="*/ 2624803 w 3030702"/>
                <a:gd name="connsiteY11" fmla="*/ 1329888 h 1774428"/>
                <a:gd name="connsiteX12" fmla="*/ 3030702 w 3030702"/>
                <a:gd name="connsiteY12" fmla="*/ 1410934 h 1774428"/>
                <a:gd name="connsiteX13" fmla="*/ 3019524 w 3030702"/>
                <a:gd name="connsiteY13" fmla="*/ 1563321 h 1774428"/>
                <a:gd name="connsiteX14" fmla="*/ 2529387 w 3030702"/>
                <a:gd name="connsiteY14" fmla="*/ 1500126 h 1774428"/>
                <a:gd name="connsiteX15" fmla="*/ 1996372 w 3030702"/>
                <a:gd name="connsiteY15" fmla="*/ 1492897 h 1774428"/>
                <a:gd name="connsiteX16" fmla="*/ 1536722 w 3030702"/>
                <a:gd name="connsiteY16" fmla="*/ 1597938 h 1774428"/>
                <a:gd name="connsiteX17" fmla="*/ 1171702 w 3030702"/>
                <a:gd name="connsiteY17" fmla="*/ 1598846 h 1774428"/>
                <a:gd name="connsiteX18" fmla="*/ 575786 w 3030702"/>
                <a:gd name="connsiteY18" fmla="*/ 1705692 h 1774428"/>
                <a:gd name="connsiteX19" fmla="*/ 4517 w 3030702"/>
                <a:gd name="connsiteY19" fmla="*/ 1774428 h 1774428"/>
                <a:gd name="connsiteX20" fmla="*/ 0 w 3030702"/>
                <a:gd name="connsiteY20" fmla="*/ 1557041 h 1774428"/>
                <a:gd name="connsiteX0" fmla="*/ 0 w 3055122"/>
                <a:gd name="connsiteY0" fmla="*/ 1559755 h 1774428"/>
                <a:gd name="connsiteX1" fmla="*/ 593303 w 3055122"/>
                <a:gd name="connsiteY1" fmla="*/ 1490921 h 1774428"/>
                <a:gd name="connsiteX2" fmla="*/ 1168234 w 3055122"/>
                <a:gd name="connsiteY2" fmla="*/ 1370255 h 1774428"/>
                <a:gd name="connsiteX3" fmla="*/ 1566444 w 3055122"/>
                <a:gd name="connsiteY3" fmla="*/ 857830 h 1774428"/>
                <a:gd name="connsiteX4" fmla="*/ 1737814 w 3055122"/>
                <a:gd name="connsiteY4" fmla="*/ 457408 h 1774428"/>
                <a:gd name="connsiteX5" fmla="*/ 1877636 w 3055122"/>
                <a:gd name="connsiteY5" fmla="*/ 1370 h 1774428"/>
                <a:gd name="connsiteX6" fmla="*/ 2079960 w 3055122"/>
                <a:gd name="connsiteY6" fmla="*/ 0 h 1774428"/>
                <a:gd name="connsiteX7" fmla="*/ 1924964 w 3055122"/>
                <a:gd name="connsiteY7" fmla="*/ 536230 h 1774428"/>
                <a:gd name="connsiteX8" fmla="*/ 1716090 w 3055122"/>
                <a:gd name="connsiteY8" fmla="*/ 980514 h 1774428"/>
                <a:gd name="connsiteX9" fmla="*/ 1464804 w 3055122"/>
                <a:gd name="connsiteY9" fmla="*/ 1417179 h 1774428"/>
                <a:gd name="connsiteX10" fmla="*/ 2068916 w 3055122"/>
                <a:gd name="connsiteY10" fmla="*/ 1304980 h 1774428"/>
                <a:gd name="connsiteX11" fmla="*/ 2649223 w 3055122"/>
                <a:gd name="connsiteY11" fmla="*/ 1329888 h 1774428"/>
                <a:gd name="connsiteX12" fmla="*/ 3055122 w 3055122"/>
                <a:gd name="connsiteY12" fmla="*/ 1410934 h 1774428"/>
                <a:gd name="connsiteX13" fmla="*/ 3043944 w 3055122"/>
                <a:gd name="connsiteY13" fmla="*/ 1563321 h 1774428"/>
                <a:gd name="connsiteX14" fmla="*/ 2553807 w 3055122"/>
                <a:gd name="connsiteY14" fmla="*/ 1500126 h 1774428"/>
                <a:gd name="connsiteX15" fmla="*/ 2020792 w 3055122"/>
                <a:gd name="connsiteY15" fmla="*/ 1492897 h 1774428"/>
                <a:gd name="connsiteX16" fmla="*/ 1561142 w 3055122"/>
                <a:gd name="connsiteY16" fmla="*/ 1597938 h 1774428"/>
                <a:gd name="connsiteX17" fmla="*/ 1196122 w 3055122"/>
                <a:gd name="connsiteY17" fmla="*/ 1598846 h 1774428"/>
                <a:gd name="connsiteX18" fmla="*/ 600206 w 3055122"/>
                <a:gd name="connsiteY18" fmla="*/ 1705692 h 1774428"/>
                <a:gd name="connsiteX19" fmla="*/ 28937 w 3055122"/>
                <a:gd name="connsiteY19" fmla="*/ 1774428 h 1774428"/>
                <a:gd name="connsiteX20" fmla="*/ 0 w 3055122"/>
                <a:gd name="connsiteY20" fmla="*/ 1559755 h 1774428"/>
                <a:gd name="connsiteX0" fmla="*/ 1260 w 3056382"/>
                <a:gd name="connsiteY0" fmla="*/ 1559755 h 1774428"/>
                <a:gd name="connsiteX1" fmla="*/ 594563 w 3056382"/>
                <a:gd name="connsiteY1" fmla="*/ 1490921 h 1774428"/>
                <a:gd name="connsiteX2" fmla="*/ 1169494 w 3056382"/>
                <a:gd name="connsiteY2" fmla="*/ 1370255 h 1774428"/>
                <a:gd name="connsiteX3" fmla="*/ 1567704 w 3056382"/>
                <a:gd name="connsiteY3" fmla="*/ 857830 h 1774428"/>
                <a:gd name="connsiteX4" fmla="*/ 1739074 w 3056382"/>
                <a:gd name="connsiteY4" fmla="*/ 457408 h 1774428"/>
                <a:gd name="connsiteX5" fmla="*/ 1878896 w 3056382"/>
                <a:gd name="connsiteY5" fmla="*/ 1370 h 1774428"/>
                <a:gd name="connsiteX6" fmla="*/ 2081220 w 3056382"/>
                <a:gd name="connsiteY6" fmla="*/ 0 h 1774428"/>
                <a:gd name="connsiteX7" fmla="*/ 1926224 w 3056382"/>
                <a:gd name="connsiteY7" fmla="*/ 536230 h 1774428"/>
                <a:gd name="connsiteX8" fmla="*/ 1717350 w 3056382"/>
                <a:gd name="connsiteY8" fmla="*/ 980514 h 1774428"/>
                <a:gd name="connsiteX9" fmla="*/ 1466064 w 3056382"/>
                <a:gd name="connsiteY9" fmla="*/ 1417179 h 1774428"/>
                <a:gd name="connsiteX10" fmla="*/ 2070176 w 3056382"/>
                <a:gd name="connsiteY10" fmla="*/ 1304980 h 1774428"/>
                <a:gd name="connsiteX11" fmla="*/ 2650483 w 3056382"/>
                <a:gd name="connsiteY11" fmla="*/ 1329888 h 1774428"/>
                <a:gd name="connsiteX12" fmla="*/ 3056382 w 3056382"/>
                <a:gd name="connsiteY12" fmla="*/ 1410934 h 1774428"/>
                <a:gd name="connsiteX13" fmla="*/ 3045204 w 3056382"/>
                <a:gd name="connsiteY13" fmla="*/ 1563321 h 1774428"/>
                <a:gd name="connsiteX14" fmla="*/ 2555067 w 3056382"/>
                <a:gd name="connsiteY14" fmla="*/ 1500126 h 1774428"/>
                <a:gd name="connsiteX15" fmla="*/ 2022052 w 3056382"/>
                <a:gd name="connsiteY15" fmla="*/ 1492897 h 1774428"/>
                <a:gd name="connsiteX16" fmla="*/ 1562402 w 3056382"/>
                <a:gd name="connsiteY16" fmla="*/ 1597938 h 1774428"/>
                <a:gd name="connsiteX17" fmla="*/ 1197382 w 3056382"/>
                <a:gd name="connsiteY17" fmla="*/ 1598846 h 1774428"/>
                <a:gd name="connsiteX18" fmla="*/ 601466 w 3056382"/>
                <a:gd name="connsiteY18" fmla="*/ 1705692 h 1774428"/>
                <a:gd name="connsiteX19" fmla="*/ 350 w 3056382"/>
                <a:gd name="connsiteY19" fmla="*/ 1774428 h 1774428"/>
                <a:gd name="connsiteX20" fmla="*/ 1260 w 3056382"/>
                <a:gd name="connsiteY20" fmla="*/ 1559755 h 1774428"/>
                <a:gd name="connsiteX0" fmla="*/ 0 w 3055122"/>
                <a:gd name="connsiteY0" fmla="*/ 1559755 h 1779855"/>
                <a:gd name="connsiteX1" fmla="*/ 593303 w 3055122"/>
                <a:gd name="connsiteY1" fmla="*/ 1490921 h 1779855"/>
                <a:gd name="connsiteX2" fmla="*/ 1168234 w 3055122"/>
                <a:gd name="connsiteY2" fmla="*/ 1370255 h 1779855"/>
                <a:gd name="connsiteX3" fmla="*/ 1566444 w 3055122"/>
                <a:gd name="connsiteY3" fmla="*/ 857830 h 1779855"/>
                <a:gd name="connsiteX4" fmla="*/ 1737814 w 3055122"/>
                <a:gd name="connsiteY4" fmla="*/ 457408 h 1779855"/>
                <a:gd name="connsiteX5" fmla="*/ 1877636 w 3055122"/>
                <a:gd name="connsiteY5" fmla="*/ 1370 h 1779855"/>
                <a:gd name="connsiteX6" fmla="*/ 2079960 w 3055122"/>
                <a:gd name="connsiteY6" fmla="*/ 0 h 1779855"/>
                <a:gd name="connsiteX7" fmla="*/ 1924964 w 3055122"/>
                <a:gd name="connsiteY7" fmla="*/ 536230 h 1779855"/>
                <a:gd name="connsiteX8" fmla="*/ 1716090 w 3055122"/>
                <a:gd name="connsiteY8" fmla="*/ 980514 h 1779855"/>
                <a:gd name="connsiteX9" fmla="*/ 1464804 w 3055122"/>
                <a:gd name="connsiteY9" fmla="*/ 1417179 h 1779855"/>
                <a:gd name="connsiteX10" fmla="*/ 2068916 w 3055122"/>
                <a:gd name="connsiteY10" fmla="*/ 1304980 h 1779855"/>
                <a:gd name="connsiteX11" fmla="*/ 2649223 w 3055122"/>
                <a:gd name="connsiteY11" fmla="*/ 1329888 h 1779855"/>
                <a:gd name="connsiteX12" fmla="*/ 3055122 w 3055122"/>
                <a:gd name="connsiteY12" fmla="*/ 1410934 h 1779855"/>
                <a:gd name="connsiteX13" fmla="*/ 3043944 w 3055122"/>
                <a:gd name="connsiteY13" fmla="*/ 1563321 h 1779855"/>
                <a:gd name="connsiteX14" fmla="*/ 2553807 w 3055122"/>
                <a:gd name="connsiteY14" fmla="*/ 1500126 h 1779855"/>
                <a:gd name="connsiteX15" fmla="*/ 2020792 w 3055122"/>
                <a:gd name="connsiteY15" fmla="*/ 1492897 h 1779855"/>
                <a:gd name="connsiteX16" fmla="*/ 1561142 w 3055122"/>
                <a:gd name="connsiteY16" fmla="*/ 1597938 h 1779855"/>
                <a:gd name="connsiteX17" fmla="*/ 1196122 w 3055122"/>
                <a:gd name="connsiteY17" fmla="*/ 1598846 h 1779855"/>
                <a:gd name="connsiteX18" fmla="*/ 600206 w 3055122"/>
                <a:gd name="connsiteY18" fmla="*/ 1705692 h 1779855"/>
                <a:gd name="connsiteX19" fmla="*/ 1803 w 3055122"/>
                <a:gd name="connsiteY19" fmla="*/ 1779855 h 1779855"/>
                <a:gd name="connsiteX20" fmla="*/ 0 w 3055122"/>
                <a:gd name="connsiteY20" fmla="*/ 1559755 h 1779855"/>
                <a:gd name="connsiteX0" fmla="*/ 0 w 3055122"/>
                <a:gd name="connsiteY0" fmla="*/ 1559755 h 1779855"/>
                <a:gd name="connsiteX1" fmla="*/ 593303 w 3055122"/>
                <a:gd name="connsiteY1" fmla="*/ 1490921 h 1779855"/>
                <a:gd name="connsiteX2" fmla="*/ 1168234 w 3055122"/>
                <a:gd name="connsiteY2" fmla="*/ 1370255 h 1779855"/>
                <a:gd name="connsiteX3" fmla="*/ 1566444 w 3055122"/>
                <a:gd name="connsiteY3" fmla="*/ 857830 h 1779855"/>
                <a:gd name="connsiteX4" fmla="*/ 1737814 w 3055122"/>
                <a:gd name="connsiteY4" fmla="*/ 457408 h 1779855"/>
                <a:gd name="connsiteX5" fmla="*/ 1877636 w 3055122"/>
                <a:gd name="connsiteY5" fmla="*/ 1370 h 1779855"/>
                <a:gd name="connsiteX6" fmla="*/ 2079960 w 3055122"/>
                <a:gd name="connsiteY6" fmla="*/ 0 h 1779855"/>
                <a:gd name="connsiteX7" fmla="*/ 1924964 w 3055122"/>
                <a:gd name="connsiteY7" fmla="*/ 536230 h 1779855"/>
                <a:gd name="connsiteX8" fmla="*/ 1716090 w 3055122"/>
                <a:gd name="connsiteY8" fmla="*/ 980514 h 1779855"/>
                <a:gd name="connsiteX9" fmla="*/ 1464804 w 3055122"/>
                <a:gd name="connsiteY9" fmla="*/ 1417179 h 1779855"/>
                <a:gd name="connsiteX10" fmla="*/ 2068916 w 3055122"/>
                <a:gd name="connsiteY10" fmla="*/ 1304980 h 1779855"/>
                <a:gd name="connsiteX11" fmla="*/ 2649223 w 3055122"/>
                <a:gd name="connsiteY11" fmla="*/ 1329888 h 1779855"/>
                <a:gd name="connsiteX12" fmla="*/ 3055122 w 3055122"/>
                <a:gd name="connsiteY12" fmla="*/ 1410934 h 1779855"/>
                <a:gd name="connsiteX13" fmla="*/ 3043944 w 3055122"/>
                <a:gd name="connsiteY13" fmla="*/ 1563321 h 1779855"/>
                <a:gd name="connsiteX14" fmla="*/ 2553807 w 3055122"/>
                <a:gd name="connsiteY14" fmla="*/ 1500126 h 1779855"/>
                <a:gd name="connsiteX15" fmla="*/ 2020792 w 3055122"/>
                <a:gd name="connsiteY15" fmla="*/ 1492897 h 1779855"/>
                <a:gd name="connsiteX16" fmla="*/ 1561142 w 3055122"/>
                <a:gd name="connsiteY16" fmla="*/ 1597938 h 1779855"/>
                <a:gd name="connsiteX17" fmla="*/ 1196122 w 3055122"/>
                <a:gd name="connsiteY17" fmla="*/ 1598846 h 1779855"/>
                <a:gd name="connsiteX18" fmla="*/ 602919 w 3055122"/>
                <a:gd name="connsiteY18" fmla="*/ 1708405 h 1779855"/>
                <a:gd name="connsiteX19" fmla="*/ 1803 w 3055122"/>
                <a:gd name="connsiteY19" fmla="*/ 1779855 h 1779855"/>
                <a:gd name="connsiteX20" fmla="*/ 0 w 3055122"/>
                <a:gd name="connsiteY20" fmla="*/ 1559755 h 1779855"/>
                <a:gd name="connsiteX0" fmla="*/ 0 w 3055122"/>
                <a:gd name="connsiteY0" fmla="*/ 1559755 h 1779855"/>
                <a:gd name="connsiteX1" fmla="*/ 590589 w 3055122"/>
                <a:gd name="connsiteY1" fmla="*/ 1485494 h 1779855"/>
                <a:gd name="connsiteX2" fmla="*/ 1168234 w 3055122"/>
                <a:gd name="connsiteY2" fmla="*/ 1370255 h 1779855"/>
                <a:gd name="connsiteX3" fmla="*/ 1566444 w 3055122"/>
                <a:gd name="connsiteY3" fmla="*/ 857830 h 1779855"/>
                <a:gd name="connsiteX4" fmla="*/ 1737814 w 3055122"/>
                <a:gd name="connsiteY4" fmla="*/ 457408 h 1779855"/>
                <a:gd name="connsiteX5" fmla="*/ 1877636 w 3055122"/>
                <a:gd name="connsiteY5" fmla="*/ 1370 h 1779855"/>
                <a:gd name="connsiteX6" fmla="*/ 2079960 w 3055122"/>
                <a:gd name="connsiteY6" fmla="*/ 0 h 1779855"/>
                <a:gd name="connsiteX7" fmla="*/ 1924964 w 3055122"/>
                <a:gd name="connsiteY7" fmla="*/ 536230 h 1779855"/>
                <a:gd name="connsiteX8" fmla="*/ 1716090 w 3055122"/>
                <a:gd name="connsiteY8" fmla="*/ 980514 h 1779855"/>
                <a:gd name="connsiteX9" fmla="*/ 1464804 w 3055122"/>
                <a:gd name="connsiteY9" fmla="*/ 1417179 h 1779855"/>
                <a:gd name="connsiteX10" fmla="*/ 2068916 w 3055122"/>
                <a:gd name="connsiteY10" fmla="*/ 1304980 h 1779855"/>
                <a:gd name="connsiteX11" fmla="*/ 2649223 w 3055122"/>
                <a:gd name="connsiteY11" fmla="*/ 1329888 h 1779855"/>
                <a:gd name="connsiteX12" fmla="*/ 3055122 w 3055122"/>
                <a:gd name="connsiteY12" fmla="*/ 1410934 h 1779855"/>
                <a:gd name="connsiteX13" fmla="*/ 3043944 w 3055122"/>
                <a:gd name="connsiteY13" fmla="*/ 1563321 h 1779855"/>
                <a:gd name="connsiteX14" fmla="*/ 2553807 w 3055122"/>
                <a:gd name="connsiteY14" fmla="*/ 1500126 h 1779855"/>
                <a:gd name="connsiteX15" fmla="*/ 2020792 w 3055122"/>
                <a:gd name="connsiteY15" fmla="*/ 1492897 h 1779855"/>
                <a:gd name="connsiteX16" fmla="*/ 1561142 w 3055122"/>
                <a:gd name="connsiteY16" fmla="*/ 1597938 h 1779855"/>
                <a:gd name="connsiteX17" fmla="*/ 1196122 w 3055122"/>
                <a:gd name="connsiteY17" fmla="*/ 1598846 h 1779855"/>
                <a:gd name="connsiteX18" fmla="*/ 602919 w 3055122"/>
                <a:gd name="connsiteY18" fmla="*/ 1708405 h 1779855"/>
                <a:gd name="connsiteX19" fmla="*/ 1803 w 3055122"/>
                <a:gd name="connsiteY19" fmla="*/ 1779855 h 1779855"/>
                <a:gd name="connsiteX20" fmla="*/ 0 w 3055122"/>
                <a:gd name="connsiteY20" fmla="*/ 1559755 h 1779855"/>
                <a:gd name="connsiteX0" fmla="*/ 0 w 3057836"/>
                <a:gd name="connsiteY0" fmla="*/ 1554328 h 1779855"/>
                <a:gd name="connsiteX1" fmla="*/ 593303 w 3057836"/>
                <a:gd name="connsiteY1" fmla="*/ 1485494 h 1779855"/>
                <a:gd name="connsiteX2" fmla="*/ 1170948 w 3057836"/>
                <a:gd name="connsiteY2" fmla="*/ 1370255 h 1779855"/>
                <a:gd name="connsiteX3" fmla="*/ 1569158 w 3057836"/>
                <a:gd name="connsiteY3" fmla="*/ 857830 h 1779855"/>
                <a:gd name="connsiteX4" fmla="*/ 1740528 w 3057836"/>
                <a:gd name="connsiteY4" fmla="*/ 457408 h 1779855"/>
                <a:gd name="connsiteX5" fmla="*/ 1880350 w 3057836"/>
                <a:gd name="connsiteY5" fmla="*/ 1370 h 1779855"/>
                <a:gd name="connsiteX6" fmla="*/ 2082674 w 3057836"/>
                <a:gd name="connsiteY6" fmla="*/ 0 h 1779855"/>
                <a:gd name="connsiteX7" fmla="*/ 1927678 w 3057836"/>
                <a:gd name="connsiteY7" fmla="*/ 536230 h 1779855"/>
                <a:gd name="connsiteX8" fmla="*/ 1718804 w 3057836"/>
                <a:gd name="connsiteY8" fmla="*/ 980514 h 1779855"/>
                <a:gd name="connsiteX9" fmla="*/ 1467518 w 3057836"/>
                <a:gd name="connsiteY9" fmla="*/ 1417179 h 1779855"/>
                <a:gd name="connsiteX10" fmla="*/ 2071630 w 3057836"/>
                <a:gd name="connsiteY10" fmla="*/ 1304980 h 1779855"/>
                <a:gd name="connsiteX11" fmla="*/ 2651937 w 3057836"/>
                <a:gd name="connsiteY11" fmla="*/ 1329888 h 1779855"/>
                <a:gd name="connsiteX12" fmla="*/ 3057836 w 3057836"/>
                <a:gd name="connsiteY12" fmla="*/ 1410934 h 1779855"/>
                <a:gd name="connsiteX13" fmla="*/ 3046658 w 3057836"/>
                <a:gd name="connsiteY13" fmla="*/ 1563321 h 1779855"/>
                <a:gd name="connsiteX14" fmla="*/ 2556521 w 3057836"/>
                <a:gd name="connsiteY14" fmla="*/ 1500126 h 1779855"/>
                <a:gd name="connsiteX15" fmla="*/ 2023506 w 3057836"/>
                <a:gd name="connsiteY15" fmla="*/ 1492897 h 1779855"/>
                <a:gd name="connsiteX16" fmla="*/ 1563856 w 3057836"/>
                <a:gd name="connsiteY16" fmla="*/ 1597938 h 1779855"/>
                <a:gd name="connsiteX17" fmla="*/ 1198836 w 3057836"/>
                <a:gd name="connsiteY17" fmla="*/ 1598846 h 1779855"/>
                <a:gd name="connsiteX18" fmla="*/ 605633 w 3057836"/>
                <a:gd name="connsiteY18" fmla="*/ 1708405 h 1779855"/>
                <a:gd name="connsiteX19" fmla="*/ 4517 w 3057836"/>
                <a:gd name="connsiteY19" fmla="*/ 1779855 h 1779855"/>
                <a:gd name="connsiteX20" fmla="*/ 0 w 3057836"/>
                <a:gd name="connsiteY20" fmla="*/ 1554328 h 1779855"/>
                <a:gd name="connsiteX0" fmla="*/ 0 w 3057836"/>
                <a:gd name="connsiteY0" fmla="*/ 1554328 h 1779855"/>
                <a:gd name="connsiteX1" fmla="*/ 593303 w 3057836"/>
                <a:gd name="connsiteY1" fmla="*/ 1485494 h 1779855"/>
                <a:gd name="connsiteX2" fmla="*/ 1162808 w 3057836"/>
                <a:gd name="connsiteY2" fmla="*/ 1367542 h 1779855"/>
                <a:gd name="connsiteX3" fmla="*/ 1569158 w 3057836"/>
                <a:gd name="connsiteY3" fmla="*/ 857830 h 1779855"/>
                <a:gd name="connsiteX4" fmla="*/ 1740528 w 3057836"/>
                <a:gd name="connsiteY4" fmla="*/ 457408 h 1779855"/>
                <a:gd name="connsiteX5" fmla="*/ 1880350 w 3057836"/>
                <a:gd name="connsiteY5" fmla="*/ 1370 h 1779855"/>
                <a:gd name="connsiteX6" fmla="*/ 2082674 w 3057836"/>
                <a:gd name="connsiteY6" fmla="*/ 0 h 1779855"/>
                <a:gd name="connsiteX7" fmla="*/ 1927678 w 3057836"/>
                <a:gd name="connsiteY7" fmla="*/ 536230 h 1779855"/>
                <a:gd name="connsiteX8" fmla="*/ 1718804 w 3057836"/>
                <a:gd name="connsiteY8" fmla="*/ 980514 h 1779855"/>
                <a:gd name="connsiteX9" fmla="*/ 1467518 w 3057836"/>
                <a:gd name="connsiteY9" fmla="*/ 1417179 h 1779855"/>
                <a:gd name="connsiteX10" fmla="*/ 2071630 w 3057836"/>
                <a:gd name="connsiteY10" fmla="*/ 1304980 h 1779855"/>
                <a:gd name="connsiteX11" fmla="*/ 2651937 w 3057836"/>
                <a:gd name="connsiteY11" fmla="*/ 1329888 h 1779855"/>
                <a:gd name="connsiteX12" fmla="*/ 3057836 w 3057836"/>
                <a:gd name="connsiteY12" fmla="*/ 1410934 h 1779855"/>
                <a:gd name="connsiteX13" fmla="*/ 3046658 w 3057836"/>
                <a:gd name="connsiteY13" fmla="*/ 1563321 h 1779855"/>
                <a:gd name="connsiteX14" fmla="*/ 2556521 w 3057836"/>
                <a:gd name="connsiteY14" fmla="*/ 1500126 h 1779855"/>
                <a:gd name="connsiteX15" fmla="*/ 2023506 w 3057836"/>
                <a:gd name="connsiteY15" fmla="*/ 1492897 h 1779855"/>
                <a:gd name="connsiteX16" fmla="*/ 1563856 w 3057836"/>
                <a:gd name="connsiteY16" fmla="*/ 1597938 h 1779855"/>
                <a:gd name="connsiteX17" fmla="*/ 1198836 w 3057836"/>
                <a:gd name="connsiteY17" fmla="*/ 1598846 h 1779855"/>
                <a:gd name="connsiteX18" fmla="*/ 605633 w 3057836"/>
                <a:gd name="connsiteY18" fmla="*/ 1708405 h 1779855"/>
                <a:gd name="connsiteX19" fmla="*/ 4517 w 3057836"/>
                <a:gd name="connsiteY19" fmla="*/ 1779855 h 1779855"/>
                <a:gd name="connsiteX20" fmla="*/ 0 w 3057836"/>
                <a:gd name="connsiteY20" fmla="*/ 1554328 h 1779855"/>
                <a:gd name="connsiteX0" fmla="*/ 0 w 3057836"/>
                <a:gd name="connsiteY0" fmla="*/ 1554328 h 1779855"/>
                <a:gd name="connsiteX1" fmla="*/ 593303 w 3057836"/>
                <a:gd name="connsiteY1" fmla="*/ 1485494 h 1779855"/>
                <a:gd name="connsiteX2" fmla="*/ 1162808 w 3057836"/>
                <a:gd name="connsiteY2" fmla="*/ 1367542 h 1779855"/>
                <a:gd name="connsiteX3" fmla="*/ 1566444 w 3057836"/>
                <a:gd name="connsiteY3" fmla="*/ 857830 h 1779855"/>
                <a:gd name="connsiteX4" fmla="*/ 1740528 w 3057836"/>
                <a:gd name="connsiteY4" fmla="*/ 457408 h 1779855"/>
                <a:gd name="connsiteX5" fmla="*/ 1880350 w 3057836"/>
                <a:gd name="connsiteY5" fmla="*/ 1370 h 1779855"/>
                <a:gd name="connsiteX6" fmla="*/ 2082674 w 3057836"/>
                <a:gd name="connsiteY6" fmla="*/ 0 h 1779855"/>
                <a:gd name="connsiteX7" fmla="*/ 1927678 w 3057836"/>
                <a:gd name="connsiteY7" fmla="*/ 536230 h 1779855"/>
                <a:gd name="connsiteX8" fmla="*/ 1718804 w 3057836"/>
                <a:gd name="connsiteY8" fmla="*/ 980514 h 1779855"/>
                <a:gd name="connsiteX9" fmla="*/ 1467518 w 3057836"/>
                <a:gd name="connsiteY9" fmla="*/ 1417179 h 1779855"/>
                <a:gd name="connsiteX10" fmla="*/ 2071630 w 3057836"/>
                <a:gd name="connsiteY10" fmla="*/ 1304980 h 1779855"/>
                <a:gd name="connsiteX11" fmla="*/ 2651937 w 3057836"/>
                <a:gd name="connsiteY11" fmla="*/ 1329888 h 1779855"/>
                <a:gd name="connsiteX12" fmla="*/ 3057836 w 3057836"/>
                <a:gd name="connsiteY12" fmla="*/ 1410934 h 1779855"/>
                <a:gd name="connsiteX13" fmla="*/ 3046658 w 3057836"/>
                <a:gd name="connsiteY13" fmla="*/ 1563321 h 1779855"/>
                <a:gd name="connsiteX14" fmla="*/ 2556521 w 3057836"/>
                <a:gd name="connsiteY14" fmla="*/ 1500126 h 1779855"/>
                <a:gd name="connsiteX15" fmla="*/ 2023506 w 3057836"/>
                <a:gd name="connsiteY15" fmla="*/ 1492897 h 1779855"/>
                <a:gd name="connsiteX16" fmla="*/ 1563856 w 3057836"/>
                <a:gd name="connsiteY16" fmla="*/ 1597938 h 1779855"/>
                <a:gd name="connsiteX17" fmla="*/ 1198836 w 3057836"/>
                <a:gd name="connsiteY17" fmla="*/ 1598846 h 1779855"/>
                <a:gd name="connsiteX18" fmla="*/ 605633 w 3057836"/>
                <a:gd name="connsiteY18" fmla="*/ 1708405 h 1779855"/>
                <a:gd name="connsiteX19" fmla="*/ 4517 w 3057836"/>
                <a:gd name="connsiteY19" fmla="*/ 1779855 h 1779855"/>
                <a:gd name="connsiteX20" fmla="*/ 0 w 3057836"/>
                <a:gd name="connsiteY20" fmla="*/ 1554328 h 17798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057836" h="1779855">
                  <a:moveTo>
                    <a:pt x="0" y="1554328"/>
                  </a:moveTo>
                  <a:cubicBezTo>
                    <a:pt x="94061" y="1500968"/>
                    <a:pt x="396003" y="1511815"/>
                    <a:pt x="593303" y="1485494"/>
                  </a:cubicBezTo>
                  <a:cubicBezTo>
                    <a:pt x="790603" y="1459173"/>
                    <a:pt x="1053424" y="1421620"/>
                    <a:pt x="1162808" y="1367542"/>
                  </a:cubicBezTo>
                  <a:cubicBezTo>
                    <a:pt x="1323811" y="1210225"/>
                    <a:pt x="1444182" y="1081514"/>
                    <a:pt x="1566444" y="857830"/>
                  </a:cubicBezTo>
                  <a:cubicBezTo>
                    <a:pt x="1663537" y="699285"/>
                    <a:pt x="1690138" y="588915"/>
                    <a:pt x="1740528" y="457408"/>
                  </a:cubicBezTo>
                  <a:cubicBezTo>
                    <a:pt x="1790918" y="325901"/>
                    <a:pt x="1830328" y="77539"/>
                    <a:pt x="1880350" y="1370"/>
                  </a:cubicBezTo>
                  <a:lnTo>
                    <a:pt x="2082674" y="0"/>
                  </a:lnTo>
                  <a:cubicBezTo>
                    <a:pt x="2090048" y="82346"/>
                    <a:pt x="1985443" y="380143"/>
                    <a:pt x="1927678" y="536230"/>
                  </a:cubicBezTo>
                  <a:cubicBezTo>
                    <a:pt x="1869914" y="692317"/>
                    <a:pt x="1790088" y="833031"/>
                    <a:pt x="1718804" y="980514"/>
                  </a:cubicBezTo>
                  <a:cubicBezTo>
                    <a:pt x="1647520" y="1127998"/>
                    <a:pt x="1435932" y="1342208"/>
                    <a:pt x="1467518" y="1417179"/>
                  </a:cubicBezTo>
                  <a:cubicBezTo>
                    <a:pt x="1637124" y="1417180"/>
                    <a:pt x="1883994" y="1294676"/>
                    <a:pt x="2071630" y="1304980"/>
                  </a:cubicBezTo>
                  <a:cubicBezTo>
                    <a:pt x="2265817" y="1322186"/>
                    <a:pt x="2457750" y="1312682"/>
                    <a:pt x="2651937" y="1329888"/>
                  </a:cubicBezTo>
                  <a:cubicBezTo>
                    <a:pt x="2878647" y="1377509"/>
                    <a:pt x="2931581" y="1386494"/>
                    <a:pt x="3057836" y="1410934"/>
                  </a:cubicBezTo>
                  <a:cubicBezTo>
                    <a:pt x="3056823" y="1461684"/>
                    <a:pt x="3047671" y="1512571"/>
                    <a:pt x="3046658" y="1563321"/>
                  </a:cubicBezTo>
                  <a:cubicBezTo>
                    <a:pt x="2958244" y="1582474"/>
                    <a:pt x="2719906" y="1511698"/>
                    <a:pt x="2556521" y="1500126"/>
                  </a:cubicBezTo>
                  <a:cubicBezTo>
                    <a:pt x="2393136" y="1488554"/>
                    <a:pt x="2183280" y="1478149"/>
                    <a:pt x="2023506" y="1492897"/>
                  </a:cubicBezTo>
                  <a:cubicBezTo>
                    <a:pt x="1809269" y="1509102"/>
                    <a:pt x="1700279" y="1580732"/>
                    <a:pt x="1563856" y="1597938"/>
                  </a:cubicBezTo>
                  <a:cubicBezTo>
                    <a:pt x="1387106" y="1605727"/>
                    <a:pt x="1389275" y="1549747"/>
                    <a:pt x="1198836" y="1598846"/>
                  </a:cubicBezTo>
                  <a:cubicBezTo>
                    <a:pt x="994817" y="1633259"/>
                    <a:pt x="809652" y="1673992"/>
                    <a:pt x="605633" y="1708405"/>
                  </a:cubicBezTo>
                  <a:lnTo>
                    <a:pt x="4517" y="1779855"/>
                  </a:lnTo>
                  <a:cubicBezTo>
                    <a:pt x="3011" y="1707312"/>
                    <a:pt x="1506" y="1626871"/>
                    <a:pt x="0" y="1554328"/>
                  </a:cubicBezTo>
                  <a:close/>
                </a:path>
              </a:pathLst>
            </a:custGeom>
            <a:solidFill>
              <a:srgbClr val="FFD581"/>
            </a:solidFill>
            <a:ln w="9525">
              <a:solidFill>
                <a:srgbClr val="92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1" name="Rektangel 24">
              <a:extLst>
                <a:ext uri="{FF2B5EF4-FFF2-40B4-BE49-F238E27FC236}">
                  <a16:creationId xmlns:a16="http://schemas.microsoft.com/office/drawing/2014/main" id="{7030014F-F5C9-4686-AAEC-F6BC3164A6D5}"/>
                </a:ext>
              </a:extLst>
            </p:cNvPr>
            <p:cNvSpPr/>
            <p:nvPr/>
          </p:nvSpPr>
          <p:spPr>
            <a:xfrm>
              <a:off x="4364121" y="3752157"/>
              <a:ext cx="2050788" cy="1751870"/>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59025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84415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88690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75412 w 3012152"/>
                <a:gd name="connsiteY9" fmla="*/ 1393722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334731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48582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19085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76949 w 3019537"/>
                <a:gd name="connsiteY7" fmla="*/ 486699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18235 w 3019537"/>
                <a:gd name="connsiteY6" fmla="*/ 332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18235 w 3019537"/>
                <a:gd name="connsiteY6" fmla="*/ 332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04790"/>
                <a:gd name="connsiteY0" fmla="*/ 1551652 h 1713883"/>
                <a:gd name="connsiteX1" fmla="*/ 579136 w 3004790"/>
                <a:gd name="connsiteY1" fmla="*/ 1489588 h 1713883"/>
                <a:gd name="connsiteX2" fmla="*/ 1161777 w 3004790"/>
                <a:gd name="connsiteY2" fmla="*/ 1364226 h 1713883"/>
                <a:gd name="connsiteX3" fmla="*/ 1589470 w 3004790"/>
                <a:gd name="connsiteY3" fmla="*/ 796414 h 1713883"/>
                <a:gd name="connsiteX4" fmla="*/ 1751703 w 3004790"/>
                <a:gd name="connsiteY4" fmla="*/ 412958 h 1713883"/>
                <a:gd name="connsiteX5" fmla="*/ 1884425 w 3004790"/>
                <a:gd name="connsiteY5" fmla="*/ 0 h 1713883"/>
                <a:gd name="connsiteX6" fmla="*/ 2018235 w 3004790"/>
                <a:gd name="connsiteY6" fmla="*/ 3320 h 1713883"/>
                <a:gd name="connsiteX7" fmla="*/ 1876949 w 3004790"/>
                <a:gd name="connsiteY7" fmla="*/ 479326 h 1713883"/>
                <a:gd name="connsiteX8" fmla="*/ 1685220 w 3004790"/>
                <a:gd name="connsiteY8" fmla="*/ 899653 h 1713883"/>
                <a:gd name="connsiteX9" fmla="*/ 1397568 w 3004790"/>
                <a:gd name="connsiteY9" fmla="*/ 1415846 h 1713883"/>
                <a:gd name="connsiteX10" fmla="*/ 2068735 w 3004790"/>
                <a:gd name="connsiteY10" fmla="*/ 1297861 h 1713883"/>
                <a:gd name="connsiteX11" fmla="*/ 2636525 w 3004790"/>
                <a:gd name="connsiteY11" fmla="*/ 1327358 h 1713883"/>
                <a:gd name="connsiteX12" fmla="*/ 3002365 w 3004790"/>
                <a:gd name="connsiteY12" fmla="*/ 1405827 h 1713883"/>
                <a:gd name="connsiteX13" fmla="*/ 3004790 w 3004790"/>
                <a:gd name="connsiteY13" fmla="*/ 1507405 h 1713883"/>
                <a:gd name="connsiteX14" fmla="*/ 2533309 w 3004790"/>
                <a:gd name="connsiteY14" fmla="*/ 1430596 h 1713883"/>
                <a:gd name="connsiteX15" fmla="*/ 2024479 w 3004790"/>
                <a:gd name="connsiteY15" fmla="*/ 1430597 h 1713883"/>
                <a:gd name="connsiteX16" fmla="*/ 1545179 w 3004790"/>
                <a:gd name="connsiteY16" fmla="*/ 1533835 h 1713883"/>
                <a:gd name="connsiteX17" fmla="*/ 1198557 w 3004790"/>
                <a:gd name="connsiteY17" fmla="*/ 1526459 h 1713883"/>
                <a:gd name="connsiteX18" fmla="*/ 586499 w 3004790"/>
                <a:gd name="connsiteY18" fmla="*/ 1644446 h 1713883"/>
                <a:gd name="connsiteX19" fmla="*/ 0 w 3004790"/>
                <a:gd name="connsiteY19" fmla="*/ 1713883 h 1713883"/>
                <a:gd name="connsiteX20" fmla="*/ 10 w 3004790"/>
                <a:gd name="connsiteY20"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2068735 w 3002423"/>
                <a:gd name="connsiteY10" fmla="*/ 1297861 h 1713883"/>
                <a:gd name="connsiteX11" fmla="*/ 2636525 w 3002423"/>
                <a:gd name="connsiteY11" fmla="*/ 1327358 h 1713883"/>
                <a:gd name="connsiteX12" fmla="*/ 3002365 w 3002423"/>
                <a:gd name="connsiteY12" fmla="*/ 1405827 h 1713883"/>
                <a:gd name="connsiteX13" fmla="*/ 2996204 w 3002423"/>
                <a:gd name="connsiteY13" fmla="*/ 1504547 h 1713883"/>
                <a:gd name="connsiteX14" fmla="*/ 2533309 w 3002423"/>
                <a:gd name="connsiteY14" fmla="*/ 1430596 h 1713883"/>
                <a:gd name="connsiteX15" fmla="*/ 2024479 w 3002423"/>
                <a:gd name="connsiteY15" fmla="*/ 1430597 h 1713883"/>
                <a:gd name="connsiteX16" fmla="*/ 1545179 w 3002423"/>
                <a:gd name="connsiteY16" fmla="*/ 1533835 h 1713883"/>
                <a:gd name="connsiteX17" fmla="*/ 1198557 w 3002423"/>
                <a:gd name="connsiteY17" fmla="*/ 1526459 h 1713883"/>
                <a:gd name="connsiteX18" fmla="*/ 586499 w 3002423"/>
                <a:gd name="connsiteY18" fmla="*/ 1644446 h 1713883"/>
                <a:gd name="connsiteX19" fmla="*/ 0 w 3002423"/>
                <a:gd name="connsiteY19" fmla="*/ 1713883 h 1713883"/>
                <a:gd name="connsiteX20" fmla="*/ 10 w 3002423"/>
                <a:gd name="connsiteY20"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549319 w 3002423"/>
                <a:gd name="connsiteY10" fmla="*/ 1401837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23730 w 3002423"/>
                <a:gd name="connsiteY10" fmla="*/ 1381834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545179 w 3002423"/>
                <a:gd name="connsiteY17" fmla="*/ 1533835 h 1713883"/>
                <a:gd name="connsiteX18" fmla="*/ 1198557 w 3002423"/>
                <a:gd name="connsiteY18" fmla="*/ 1526459 h 1713883"/>
                <a:gd name="connsiteX19" fmla="*/ 586499 w 3002423"/>
                <a:gd name="connsiteY19" fmla="*/ 1644446 h 1713883"/>
                <a:gd name="connsiteX20" fmla="*/ 0 w 3002423"/>
                <a:gd name="connsiteY20" fmla="*/ 1713883 h 1713883"/>
                <a:gd name="connsiteX21" fmla="*/ 10 w 3002423"/>
                <a:gd name="connsiteY21"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3002423"/>
                <a:gd name="connsiteY0" fmla="*/ 1551652 h 1713883"/>
                <a:gd name="connsiteX1" fmla="*/ 579136 w 3002423"/>
                <a:gd name="connsiteY1" fmla="*/ 1489588 h 1713883"/>
                <a:gd name="connsiteX2" fmla="*/ 1161777 w 3002423"/>
                <a:gd name="connsiteY2" fmla="*/ 1364226 h 1713883"/>
                <a:gd name="connsiteX3" fmla="*/ 1589470 w 3002423"/>
                <a:gd name="connsiteY3" fmla="*/ 796414 h 1713883"/>
                <a:gd name="connsiteX4" fmla="*/ 1751703 w 3002423"/>
                <a:gd name="connsiteY4" fmla="*/ 412958 h 1713883"/>
                <a:gd name="connsiteX5" fmla="*/ 1884425 w 3002423"/>
                <a:gd name="connsiteY5" fmla="*/ 0 h 1713883"/>
                <a:gd name="connsiteX6" fmla="*/ 2018235 w 3002423"/>
                <a:gd name="connsiteY6" fmla="*/ 3320 h 1713883"/>
                <a:gd name="connsiteX7" fmla="*/ 1876949 w 3002423"/>
                <a:gd name="connsiteY7" fmla="*/ 479326 h 1713883"/>
                <a:gd name="connsiteX8" fmla="*/ 1685220 w 3002423"/>
                <a:gd name="connsiteY8" fmla="*/ 899653 h 1713883"/>
                <a:gd name="connsiteX9" fmla="*/ 1397568 w 3002423"/>
                <a:gd name="connsiteY9" fmla="*/ 1415846 h 1713883"/>
                <a:gd name="connsiteX10" fmla="*/ 1618007 w 3002423"/>
                <a:gd name="connsiteY10" fmla="*/ 1390406 h 1713883"/>
                <a:gd name="connsiteX11" fmla="*/ 2068735 w 3002423"/>
                <a:gd name="connsiteY11" fmla="*/ 1297861 h 1713883"/>
                <a:gd name="connsiteX12" fmla="*/ 2636525 w 3002423"/>
                <a:gd name="connsiteY12" fmla="*/ 1327358 h 1713883"/>
                <a:gd name="connsiteX13" fmla="*/ 3002365 w 3002423"/>
                <a:gd name="connsiteY13" fmla="*/ 1405827 h 1713883"/>
                <a:gd name="connsiteX14" fmla="*/ 2996204 w 3002423"/>
                <a:gd name="connsiteY14" fmla="*/ 1504547 h 1713883"/>
                <a:gd name="connsiteX15" fmla="*/ 2533309 w 3002423"/>
                <a:gd name="connsiteY15" fmla="*/ 1430596 h 1713883"/>
                <a:gd name="connsiteX16" fmla="*/ 2024479 w 3002423"/>
                <a:gd name="connsiteY16" fmla="*/ 1430597 h 1713883"/>
                <a:gd name="connsiteX17" fmla="*/ 1638040 w 3002423"/>
                <a:gd name="connsiteY17" fmla="*/ 1510086 h 1713883"/>
                <a:gd name="connsiteX18" fmla="*/ 1545179 w 3002423"/>
                <a:gd name="connsiteY18" fmla="*/ 1533835 h 1713883"/>
                <a:gd name="connsiteX19" fmla="*/ 1198557 w 3002423"/>
                <a:gd name="connsiteY19" fmla="*/ 1526459 h 1713883"/>
                <a:gd name="connsiteX20" fmla="*/ 586499 w 3002423"/>
                <a:gd name="connsiteY20" fmla="*/ 1644446 h 1713883"/>
                <a:gd name="connsiteX21" fmla="*/ 0 w 3002423"/>
                <a:gd name="connsiteY21" fmla="*/ 1713883 h 1713883"/>
                <a:gd name="connsiteX22" fmla="*/ 10 w 3002423"/>
                <a:gd name="connsiteY22" fmla="*/ 1551652 h 1713883"/>
                <a:gd name="connsiteX0" fmla="*/ 10 w 2996204"/>
                <a:gd name="connsiteY0" fmla="*/ 1551652 h 1713883"/>
                <a:gd name="connsiteX1" fmla="*/ 579136 w 2996204"/>
                <a:gd name="connsiteY1" fmla="*/ 1489588 h 1713883"/>
                <a:gd name="connsiteX2" fmla="*/ 1161777 w 2996204"/>
                <a:gd name="connsiteY2" fmla="*/ 1364226 h 1713883"/>
                <a:gd name="connsiteX3" fmla="*/ 1589470 w 2996204"/>
                <a:gd name="connsiteY3" fmla="*/ 796414 h 1713883"/>
                <a:gd name="connsiteX4" fmla="*/ 1751703 w 2996204"/>
                <a:gd name="connsiteY4" fmla="*/ 412958 h 1713883"/>
                <a:gd name="connsiteX5" fmla="*/ 1884425 w 2996204"/>
                <a:gd name="connsiteY5" fmla="*/ 0 h 1713883"/>
                <a:gd name="connsiteX6" fmla="*/ 2018235 w 2996204"/>
                <a:gd name="connsiteY6" fmla="*/ 3320 h 1713883"/>
                <a:gd name="connsiteX7" fmla="*/ 1876949 w 2996204"/>
                <a:gd name="connsiteY7" fmla="*/ 479326 h 1713883"/>
                <a:gd name="connsiteX8" fmla="*/ 1685220 w 2996204"/>
                <a:gd name="connsiteY8" fmla="*/ 899653 h 1713883"/>
                <a:gd name="connsiteX9" fmla="*/ 1397568 w 2996204"/>
                <a:gd name="connsiteY9" fmla="*/ 1415846 h 1713883"/>
                <a:gd name="connsiteX10" fmla="*/ 1618007 w 2996204"/>
                <a:gd name="connsiteY10" fmla="*/ 1390406 h 1713883"/>
                <a:gd name="connsiteX11" fmla="*/ 2068735 w 2996204"/>
                <a:gd name="connsiteY11" fmla="*/ 1297861 h 1713883"/>
                <a:gd name="connsiteX12" fmla="*/ 2636525 w 2996204"/>
                <a:gd name="connsiteY12" fmla="*/ 1327358 h 1713883"/>
                <a:gd name="connsiteX13" fmla="*/ 2996204 w 2996204"/>
                <a:gd name="connsiteY13" fmla="*/ 1504547 h 1713883"/>
                <a:gd name="connsiteX14" fmla="*/ 2533309 w 2996204"/>
                <a:gd name="connsiteY14" fmla="*/ 1430596 h 1713883"/>
                <a:gd name="connsiteX15" fmla="*/ 2024479 w 2996204"/>
                <a:gd name="connsiteY15" fmla="*/ 1430597 h 1713883"/>
                <a:gd name="connsiteX16" fmla="*/ 1638040 w 2996204"/>
                <a:gd name="connsiteY16" fmla="*/ 1510086 h 1713883"/>
                <a:gd name="connsiteX17" fmla="*/ 1545179 w 2996204"/>
                <a:gd name="connsiteY17" fmla="*/ 1533835 h 1713883"/>
                <a:gd name="connsiteX18" fmla="*/ 1198557 w 2996204"/>
                <a:gd name="connsiteY18" fmla="*/ 1526459 h 1713883"/>
                <a:gd name="connsiteX19" fmla="*/ 586499 w 2996204"/>
                <a:gd name="connsiteY19" fmla="*/ 1644446 h 1713883"/>
                <a:gd name="connsiteX20" fmla="*/ 0 w 2996204"/>
                <a:gd name="connsiteY20" fmla="*/ 1713883 h 1713883"/>
                <a:gd name="connsiteX21" fmla="*/ 10 w 2996204"/>
                <a:gd name="connsiteY21" fmla="*/ 1551652 h 1713883"/>
                <a:gd name="connsiteX0" fmla="*/ 10 w 2636525"/>
                <a:gd name="connsiteY0" fmla="*/ 1551652 h 1713883"/>
                <a:gd name="connsiteX1" fmla="*/ 579136 w 2636525"/>
                <a:gd name="connsiteY1" fmla="*/ 1489588 h 1713883"/>
                <a:gd name="connsiteX2" fmla="*/ 1161777 w 2636525"/>
                <a:gd name="connsiteY2" fmla="*/ 1364226 h 1713883"/>
                <a:gd name="connsiteX3" fmla="*/ 1589470 w 2636525"/>
                <a:gd name="connsiteY3" fmla="*/ 796414 h 1713883"/>
                <a:gd name="connsiteX4" fmla="*/ 1751703 w 2636525"/>
                <a:gd name="connsiteY4" fmla="*/ 412958 h 1713883"/>
                <a:gd name="connsiteX5" fmla="*/ 1884425 w 2636525"/>
                <a:gd name="connsiteY5" fmla="*/ 0 h 1713883"/>
                <a:gd name="connsiteX6" fmla="*/ 2018235 w 2636525"/>
                <a:gd name="connsiteY6" fmla="*/ 3320 h 1713883"/>
                <a:gd name="connsiteX7" fmla="*/ 1876949 w 2636525"/>
                <a:gd name="connsiteY7" fmla="*/ 479326 h 1713883"/>
                <a:gd name="connsiteX8" fmla="*/ 1685220 w 2636525"/>
                <a:gd name="connsiteY8" fmla="*/ 899653 h 1713883"/>
                <a:gd name="connsiteX9" fmla="*/ 1397568 w 2636525"/>
                <a:gd name="connsiteY9" fmla="*/ 1415846 h 1713883"/>
                <a:gd name="connsiteX10" fmla="*/ 1618007 w 2636525"/>
                <a:gd name="connsiteY10" fmla="*/ 1390406 h 1713883"/>
                <a:gd name="connsiteX11" fmla="*/ 2068735 w 2636525"/>
                <a:gd name="connsiteY11" fmla="*/ 1297861 h 1713883"/>
                <a:gd name="connsiteX12" fmla="*/ 2636525 w 2636525"/>
                <a:gd name="connsiteY12" fmla="*/ 1327358 h 1713883"/>
                <a:gd name="connsiteX13" fmla="*/ 2533309 w 2636525"/>
                <a:gd name="connsiteY13" fmla="*/ 1430596 h 1713883"/>
                <a:gd name="connsiteX14" fmla="*/ 2024479 w 2636525"/>
                <a:gd name="connsiteY14" fmla="*/ 1430597 h 1713883"/>
                <a:gd name="connsiteX15" fmla="*/ 1638040 w 2636525"/>
                <a:gd name="connsiteY15" fmla="*/ 1510086 h 1713883"/>
                <a:gd name="connsiteX16" fmla="*/ 1545179 w 2636525"/>
                <a:gd name="connsiteY16" fmla="*/ 1533835 h 1713883"/>
                <a:gd name="connsiteX17" fmla="*/ 1198557 w 2636525"/>
                <a:gd name="connsiteY17" fmla="*/ 1526459 h 1713883"/>
                <a:gd name="connsiteX18" fmla="*/ 586499 w 2636525"/>
                <a:gd name="connsiteY18" fmla="*/ 1644446 h 1713883"/>
                <a:gd name="connsiteX19" fmla="*/ 0 w 2636525"/>
                <a:gd name="connsiteY19" fmla="*/ 1713883 h 1713883"/>
                <a:gd name="connsiteX20" fmla="*/ 10 w 2636525"/>
                <a:gd name="connsiteY20" fmla="*/ 1551652 h 1713883"/>
                <a:gd name="connsiteX0" fmla="*/ 10 w 2533434"/>
                <a:gd name="connsiteY0" fmla="*/ 1551652 h 1713883"/>
                <a:gd name="connsiteX1" fmla="*/ 579136 w 2533434"/>
                <a:gd name="connsiteY1" fmla="*/ 1489588 h 1713883"/>
                <a:gd name="connsiteX2" fmla="*/ 1161777 w 2533434"/>
                <a:gd name="connsiteY2" fmla="*/ 1364226 h 1713883"/>
                <a:gd name="connsiteX3" fmla="*/ 1589470 w 2533434"/>
                <a:gd name="connsiteY3" fmla="*/ 796414 h 1713883"/>
                <a:gd name="connsiteX4" fmla="*/ 1751703 w 2533434"/>
                <a:gd name="connsiteY4" fmla="*/ 412958 h 1713883"/>
                <a:gd name="connsiteX5" fmla="*/ 1884425 w 2533434"/>
                <a:gd name="connsiteY5" fmla="*/ 0 h 1713883"/>
                <a:gd name="connsiteX6" fmla="*/ 2018235 w 2533434"/>
                <a:gd name="connsiteY6" fmla="*/ 3320 h 1713883"/>
                <a:gd name="connsiteX7" fmla="*/ 1876949 w 2533434"/>
                <a:gd name="connsiteY7" fmla="*/ 479326 h 1713883"/>
                <a:gd name="connsiteX8" fmla="*/ 1685220 w 2533434"/>
                <a:gd name="connsiteY8" fmla="*/ 899653 h 1713883"/>
                <a:gd name="connsiteX9" fmla="*/ 1397568 w 2533434"/>
                <a:gd name="connsiteY9" fmla="*/ 1415846 h 1713883"/>
                <a:gd name="connsiteX10" fmla="*/ 1618007 w 2533434"/>
                <a:gd name="connsiteY10" fmla="*/ 1390406 h 1713883"/>
                <a:gd name="connsiteX11" fmla="*/ 2068735 w 2533434"/>
                <a:gd name="connsiteY11" fmla="*/ 1297861 h 1713883"/>
                <a:gd name="connsiteX12" fmla="*/ 2533309 w 2533434"/>
                <a:gd name="connsiteY12" fmla="*/ 1430596 h 1713883"/>
                <a:gd name="connsiteX13" fmla="*/ 2024479 w 2533434"/>
                <a:gd name="connsiteY13" fmla="*/ 1430597 h 1713883"/>
                <a:gd name="connsiteX14" fmla="*/ 1638040 w 2533434"/>
                <a:gd name="connsiteY14" fmla="*/ 1510086 h 1713883"/>
                <a:gd name="connsiteX15" fmla="*/ 1545179 w 2533434"/>
                <a:gd name="connsiteY15" fmla="*/ 1533835 h 1713883"/>
                <a:gd name="connsiteX16" fmla="*/ 1198557 w 2533434"/>
                <a:gd name="connsiteY16" fmla="*/ 1526459 h 1713883"/>
                <a:gd name="connsiteX17" fmla="*/ 586499 w 2533434"/>
                <a:gd name="connsiteY17" fmla="*/ 1644446 h 1713883"/>
                <a:gd name="connsiteX18" fmla="*/ 0 w 2533434"/>
                <a:gd name="connsiteY18" fmla="*/ 1713883 h 1713883"/>
                <a:gd name="connsiteX19" fmla="*/ 10 w 2533434"/>
                <a:gd name="connsiteY19" fmla="*/ 1551652 h 1713883"/>
                <a:gd name="connsiteX0" fmla="*/ 10 w 2103487"/>
                <a:gd name="connsiteY0" fmla="*/ 1551652 h 1713883"/>
                <a:gd name="connsiteX1" fmla="*/ 579136 w 2103487"/>
                <a:gd name="connsiteY1" fmla="*/ 1489588 h 1713883"/>
                <a:gd name="connsiteX2" fmla="*/ 1161777 w 2103487"/>
                <a:gd name="connsiteY2" fmla="*/ 1364226 h 1713883"/>
                <a:gd name="connsiteX3" fmla="*/ 1589470 w 2103487"/>
                <a:gd name="connsiteY3" fmla="*/ 796414 h 1713883"/>
                <a:gd name="connsiteX4" fmla="*/ 1751703 w 2103487"/>
                <a:gd name="connsiteY4" fmla="*/ 412958 h 1713883"/>
                <a:gd name="connsiteX5" fmla="*/ 1884425 w 2103487"/>
                <a:gd name="connsiteY5" fmla="*/ 0 h 1713883"/>
                <a:gd name="connsiteX6" fmla="*/ 2018235 w 2103487"/>
                <a:gd name="connsiteY6" fmla="*/ 3320 h 1713883"/>
                <a:gd name="connsiteX7" fmla="*/ 1876949 w 2103487"/>
                <a:gd name="connsiteY7" fmla="*/ 479326 h 1713883"/>
                <a:gd name="connsiteX8" fmla="*/ 1685220 w 2103487"/>
                <a:gd name="connsiteY8" fmla="*/ 899653 h 1713883"/>
                <a:gd name="connsiteX9" fmla="*/ 1397568 w 2103487"/>
                <a:gd name="connsiteY9" fmla="*/ 1415846 h 1713883"/>
                <a:gd name="connsiteX10" fmla="*/ 1618007 w 2103487"/>
                <a:gd name="connsiteY10" fmla="*/ 1390406 h 1713883"/>
                <a:gd name="connsiteX11" fmla="*/ 2068735 w 2103487"/>
                <a:gd name="connsiteY11" fmla="*/ 1297861 h 1713883"/>
                <a:gd name="connsiteX12" fmla="*/ 2024479 w 2103487"/>
                <a:gd name="connsiteY12" fmla="*/ 1430597 h 1713883"/>
                <a:gd name="connsiteX13" fmla="*/ 1638040 w 2103487"/>
                <a:gd name="connsiteY13" fmla="*/ 1510086 h 1713883"/>
                <a:gd name="connsiteX14" fmla="*/ 1545179 w 2103487"/>
                <a:gd name="connsiteY14" fmla="*/ 1533835 h 1713883"/>
                <a:gd name="connsiteX15" fmla="*/ 1198557 w 2103487"/>
                <a:gd name="connsiteY15" fmla="*/ 1526459 h 1713883"/>
                <a:gd name="connsiteX16" fmla="*/ 586499 w 2103487"/>
                <a:gd name="connsiteY16" fmla="*/ 1644446 h 1713883"/>
                <a:gd name="connsiteX17" fmla="*/ 0 w 2103487"/>
                <a:gd name="connsiteY17" fmla="*/ 1713883 h 1713883"/>
                <a:gd name="connsiteX18" fmla="*/ 10 w 2103487"/>
                <a:gd name="connsiteY18" fmla="*/ 1551652 h 1713883"/>
                <a:gd name="connsiteX0" fmla="*/ 10 w 2024505"/>
                <a:gd name="connsiteY0" fmla="*/ 1551652 h 1713883"/>
                <a:gd name="connsiteX1" fmla="*/ 579136 w 2024505"/>
                <a:gd name="connsiteY1" fmla="*/ 1489588 h 1713883"/>
                <a:gd name="connsiteX2" fmla="*/ 1161777 w 2024505"/>
                <a:gd name="connsiteY2" fmla="*/ 1364226 h 1713883"/>
                <a:gd name="connsiteX3" fmla="*/ 1589470 w 2024505"/>
                <a:gd name="connsiteY3" fmla="*/ 796414 h 1713883"/>
                <a:gd name="connsiteX4" fmla="*/ 1751703 w 2024505"/>
                <a:gd name="connsiteY4" fmla="*/ 412958 h 1713883"/>
                <a:gd name="connsiteX5" fmla="*/ 1884425 w 2024505"/>
                <a:gd name="connsiteY5" fmla="*/ 0 h 1713883"/>
                <a:gd name="connsiteX6" fmla="*/ 2018235 w 2024505"/>
                <a:gd name="connsiteY6" fmla="*/ 3320 h 1713883"/>
                <a:gd name="connsiteX7" fmla="*/ 1876949 w 2024505"/>
                <a:gd name="connsiteY7" fmla="*/ 479326 h 1713883"/>
                <a:gd name="connsiteX8" fmla="*/ 1685220 w 2024505"/>
                <a:gd name="connsiteY8" fmla="*/ 899653 h 1713883"/>
                <a:gd name="connsiteX9" fmla="*/ 1397568 w 2024505"/>
                <a:gd name="connsiteY9" fmla="*/ 1415846 h 1713883"/>
                <a:gd name="connsiteX10" fmla="*/ 1618007 w 2024505"/>
                <a:gd name="connsiteY10" fmla="*/ 1390406 h 1713883"/>
                <a:gd name="connsiteX11" fmla="*/ 2024479 w 2024505"/>
                <a:gd name="connsiteY11" fmla="*/ 1430597 h 1713883"/>
                <a:gd name="connsiteX12" fmla="*/ 1638040 w 2024505"/>
                <a:gd name="connsiteY12" fmla="*/ 1510086 h 1713883"/>
                <a:gd name="connsiteX13" fmla="*/ 1545179 w 2024505"/>
                <a:gd name="connsiteY13" fmla="*/ 1533835 h 1713883"/>
                <a:gd name="connsiteX14" fmla="*/ 1198557 w 2024505"/>
                <a:gd name="connsiteY14" fmla="*/ 1526459 h 1713883"/>
                <a:gd name="connsiteX15" fmla="*/ 586499 w 2024505"/>
                <a:gd name="connsiteY15" fmla="*/ 1644446 h 1713883"/>
                <a:gd name="connsiteX16" fmla="*/ 0 w 2024505"/>
                <a:gd name="connsiteY16" fmla="*/ 1713883 h 1713883"/>
                <a:gd name="connsiteX17" fmla="*/ 10 w 2024505"/>
                <a:gd name="connsiteY17"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45179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38040 w 2018657"/>
                <a:gd name="connsiteY11" fmla="*/ 151008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26592 w 2018657"/>
                <a:gd name="connsiteY11" fmla="*/ 149865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10 w 2018657"/>
                <a:gd name="connsiteY0" fmla="*/ 1551652 h 1713883"/>
                <a:gd name="connsiteX1" fmla="*/ 579136 w 2018657"/>
                <a:gd name="connsiteY1" fmla="*/ 1489588 h 1713883"/>
                <a:gd name="connsiteX2" fmla="*/ 1161777 w 2018657"/>
                <a:gd name="connsiteY2" fmla="*/ 1364226 h 1713883"/>
                <a:gd name="connsiteX3" fmla="*/ 1589470 w 2018657"/>
                <a:gd name="connsiteY3" fmla="*/ 796414 h 1713883"/>
                <a:gd name="connsiteX4" fmla="*/ 1751703 w 2018657"/>
                <a:gd name="connsiteY4" fmla="*/ 412958 h 1713883"/>
                <a:gd name="connsiteX5" fmla="*/ 1884425 w 2018657"/>
                <a:gd name="connsiteY5" fmla="*/ 0 h 1713883"/>
                <a:gd name="connsiteX6" fmla="*/ 2018235 w 2018657"/>
                <a:gd name="connsiteY6" fmla="*/ 3320 h 1713883"/>
                <a:gd name="connsiteX7" fmla="*/ 1876949 w 2018657"/>
                <a:gd name="connsiteY7" fmla="*/ 479326 h 1713883"/>
                <a:gd name="connsiteX8" fmla="*/ 1685220 w 2018657"/>
                <a:gd name="connsiteY8" fmla="*/ 899653 h 1713883"/>
                <a:gd name="connsiteX9" fmla="*/ 1397568 w 2018657"/>
                <a:gd name="connsiteY9" fmla="*/ 1415846 h 1713883"/>
                <a:gd name="connsiteX10" fmla="*/ 1618007 w 2018657"/>
                <a:gd name="connsiteY10" fmla="*/ 1390406 h 1713883"/>
                <a:gd name="connsiteX11" fmla="*/ 1626592 w 2018657"/>
                <a:gd name="connsiteY11" fmla="*/ 1498656 h 1713883"/>
                <a:gd name="connsiteX12" fmla="*/ 1536592 w 2018657"/>
                <a:gd name="connsiteY12" fmla="*/ 1533835 h 1713883"/>
                <a:gd name="connsiteX13" fmla="*/ 1198557 w 2018657"/>
                <a:gd name="connsiteY13" fmla="*/ 1526459 h 1713883"/>
                <a:gd name="connsiteX14" fmla="*/ 586499 w 2018657"/>
                <a:gd name="connsiteY14" fmla="*/ 1644446 h 1713883"/>
                <a:gd name="connsiteX15" fmla="*/ 0 w 2018657"/>
                <a:gd name="connsiteY15" fmla="*/ 1713883 h 1713883"/>
                <a:gd name="connsiteX16" fmla="*/ 10 w 2018657"/>
                <a:gd name="connsiteY16" fmla="*/ 1551652 h 1713883"/>
                <a:gd name="connsiteX0" fmla="*/ 0 w 2048540"/>
                <a:gd name="connsiteY0" fmla="*/ 1551652 h 1713883"/>
                <a:gd name="connsiteX1" fmla="*/ 609019 w 2048540"/>
                <a:gd name="connsiteY1" fmla="*/ 1489588 h 1713883"/>
                <a:gd name="connsiteX2" fmla="*/ 1191660 w 2048540"/>
                <a:gd name="connsiteY2" fmla="*/ 1364226 h 1713883"/>
                <a:gd name="connsiteX3" fmla="*/ 1619353 w 2048540"/>
                <a:gd name="connsiteY3" fmla="*/ 796414 h 1713883"/>
                <a:gd name="connsiteX4" fmla="*/ 1781586 w 2048540"/>
                <a:gd name="connsiteY4" fmla="*/ 412958 h 1713883"/>
                <a:gd name="connsiteX5" fmla="*/ 1914308 w 2048540"/>
                <a:gd name="connsiteY5" fmla="*/ 0 h 1713883"/>
                <a:gd name="connsiteX6" fmla="*/ 2048118 w 2048540"/>
                <a:gd name="connsiteY6" fmla="*/ 3320 h 1713883"/>
                <a:gd name="connsiteX7" fmla="*/ 1906832 w 2048540"/>
                <a:gd name="connsiteY7" fmla="*/ 479326 h 1713883"/>
                <a:gd name="connsiteX8" fmla="*/ 1715103 w 2048540"/>
                <a:gd name="connsiteY8" fmla="*/ 899653 h 1713883"/>
                <a:gd name="connsiteX9" fmla="*/ 1427451 w 2048540"/>
                <a:gd name="connsiteY9" fmla="*/ 1415846 h 1713883"/>
                <a:gd name="connsiteX10" fmla="*/ 1647890 w 2048540"/>
                <a:gd name="connsiteY10" fmla="*/ 1390406 h 1713883"/>
                <a:gd name="connsiteX11" fmla="*/ 1656475 w 2048540"/>
                <a:gd name="connsiteY11" fmla="*/ 1498656 h 1713883"/>
                <a:gd name="connsiteX12" fmla="*/ 1566475 w 2048540"/>
                <a:gd name="connsiteY12" fmla="*/ 1533835 h 1713883"/>
                <a:gd name="connsiteX13" fmla="*/ 1228440 w 2048540"/>
                <a:gd name="connsiteY13" fmla="*/ 1526459 h 1713883"/>
                <a:gd name="connsiteX14" fmla="*/ 616382 w 2048540"/>
                <a:gd name="connsiteY14" fmla="*/ 1644446 h 1713883"/>
                <a:gd name="connsiteX15" fmla="*/ 29883 w 2048540"/>
                <a:gd name="connsiteY15" fmla="*/ 1713883 h 1713883"/>
                <a:gd name="connsiteX16" fmla="*/ 0 w 2048540"/>
                <a:gd name="connsiteY16" fmla="*/ 1551652 h 1713883"/>
                <a:gd name="connsiteX0" fmla="*/ 2727 w 2051267"/>
                <a:gd name="connsiteY0" fmla="*/ 1551652 h 1722023"/>
                <a:gd name="connsiteX1" fmla="*/ 611746 w 2051267"/>
                <a:gd name="connsiteY1" fmla="*/ 1489588 h 1722023"/>
                <a:gd name="connsiteX2" fmla="*/ 1194387 w 2051267"/>
                <a:gd name="connsiteY2" fmla="*/ 1364226 h 1722023"/>
                <a:gd name="connsiteX3" fmla="*/ 1622080 w 2051267"/>
                <a:gd name="connsiteY3" fmla="*/ 796414 h 1722023"/>
                <a:gd name="connsiteX4" fmla="*/ 1784313 w 2051267"/>
                <a:gd name="connsiteY4" fmla="*/ 412958 h 1722023"/>
                <a:gd name="connsiteX5" fmla="*/ 1917035 w 2051267"/>
                <a:gd name="connsiteY5" fmla="*/ 0 h 1722023"/>
                <a:gd name="connsiteX6" fmla="*/ 2050845 w 2051267"/>
                <a:gd name="connsiteY6" fmla="*/ 3320 h 1722023"/>
                <a:gd name="connsiteX7" fmla="*/ 1909559 w 2051267"/>
                <a:gd name="connsiteY7" fmla="*/ 479326 h 1722023"/>
                <a:gd name="connsiteX8" fmla="*/ 1717830 w 2051267"/>
                <a:gd name="connsiteY8" fmla="*/ 899653 h 1722023"/>
                <a:gd name="connsiteX9" fmla="*/ 1430178 w 2051267"/>
                <a:gd name="connsiteY9" fmla="*/ 1415846 h 1722023"/>
                <a:gd name="connsiteX10" fmla="*/ 1650617 w 2051267"/>
                <a:gd name="connsiteY10" fmla="*/ 1390406 h 1722023"/>
                <a:gd name="connsiteX11" fmla="*/ 1659202 w 2051267"/>
                <a:gd name="connsiteY11" fmla="*/ 1498656 h 1722023"/>
                <a:gd name="connsiteX12" fmla="*/ 1569202 w 2051267"/>
                <a:gd name="connsiteY12" fmla="*/ 1533835 h 1722023"/>
                <a:gd name="connsiteX13" fmla="*/ 1231167 w 2051267"/>
                <a:gd name="connsiteY13" fmla="*/ 1526459 h 1722023"/>
                <a:gd name="connsiteX14" fmla="*/ 619109 w 2051267"/>
                <a:gd name="connsiteY14" fmla="*/ 1644446 h 1722023"/>
                <a:gd name="connsiteX15" fmla="*/ 0 w 2051267"/>
                <a:gd name="connsiteY15" fmla="*/ 1722023 h 1722023"/>
                <a:gd name="connsiteX16" fmla="*/ 2727 w 2051267"/>
                <a:gd name="connsiteY16" fmla="*/ 1551652 h 1722023"/>
                <a:gd name="connsiteX0" fmla="*/ 10 w 2051267"/>
                <a:gd name="connsiteY0" fmla="*/ 1557079 h 1722023"/>
                <a:gd name="connsiteX1" fmla="*/ 611746 w 2051267"/>
                <a:gd name="connsiteY1" fmla="*/ 1489588 h 1722023"/>
                <a:gd name="connsiteX2" fmla="*/ 1194387 w 2051267"/>
                <a:gd name="connsiteY2" fmla="*/ 1364226 h 1722023"/>
                <a:gd name="connsiteX3" fmla="*/ 1622080 w 2051267"/>
                <a:gd name="connsiteY3" fmla="*/ 796414 h 1722023"/>
                <a:gd name="connsiteX4" fmla="*/ 1784313 w 2051267"/>
                <a:gd name="connsiteY4" fmla="*/ 412958 h 1722023"/>
                <a:gd name="connsiteX5" fmla="*/ 1917035 w 2051267"/>
                <a:gd name="connsiteY5" fmla="*/ 0 h 1722023"/>
                <a:gd name="connsiteX6" fmla="*/ 2050845 w 2051267"/>
                <a:gd name="connsiteY6" fmla="*/ 3320 h 1722023"/>
                <a:gd name="connsiteX7" fmla="*/ 1909559 w 2051267"/>
                <a:gd name="connsiteY7" fmla="*/ 479326 h 1722023"/>
                <a:gd name="connsiteX8" fmla="*/ 1717830 w 2051267"/>
                <a:gd name="connsiteY8" fmla="*/ 899653 h 1722023"/>
                <a:gd name="connsiteX9" fmla="*/ 1430178 w 2051267"/>
                <a:gd name="connsiteY9" fmla="*/ 1415846 h 1722023"/>
                <a:gd name="connsiteX10" fmla="*/ 1650617 w 2051267"/>
                <a:gd name="connsiteY10" fmla="*/ 1390406 h 1722023"/>
                <a:gd name="connsiteX11" fmla="*/ 1659202 w 2051267"/>
                <a:gd name="connsiteY11" fmla="*/ 1498656 h 1722023"/>
                <a:gd name="connsiteX12" fmla="*/ 1569202 w 2051267"/>
                <a:gd name="connsiteY12" fmla="*/ 1533835 h 1722023"/>
                <a:gd name="connsiteX13" fmla="*/ 1231167 w 2051267"/>
                <a:gd name="connsiteY13" fmla="*/ 1526459 h 1722023"/>
                <a:gd name="connsiteX14" fmla="*/ 619109 w 2051267"/>
                <a:gd name="connsiteY14" fmla="*/ 1644446 h 1722023"/>
                <a:gd name="connsiteX15" fmla="*/ 0 w 2051267"/>
                <a:gd name="connsiteY15" fmla="*/ 1722023 h 1722023"/>
                <a:gd name="connsiteX16" fmla="*/ 10 w 2051267"/>
                <a:gd name="connsiteY16" fmla="*/ 1557079 h 1722023"/>
                <a:gd name="connsiteX0" fmla="*/ 10 w 2051267"/>
                <a:gd name="connsiteY0" fmla="*/ 1557079 h 1722023"/>
                <a:gd name="connsiteX1" fmla="*/ 611746 w 2051267"/>
                <a:gd name="connsiteY1" fmla="*/ 1489588 h 1722023"/>
                <a:gd name="connsiteX2" fmla="*/ 1194387 w 2051267"/>
                <a:gd name="connsiteY2" fmla="*/ 1364226 h 1722023"/>
                <a:gd name="connsiteX3" fmla="*/ 1622080 w 2051267"/>
                <a:gd name="connsiteY3" fmla="*/ 796414 h 1722023"/>
                <a:gd name="connsiteX4" fmla="*/ 1784313 w 2051267"/>
                <a:gd name="connsiteY4" fmla="*/ 412958 h 1722023"/>
                <a:gd name="connsiteX5" fmla="*/ 1917035 w 2051267"/>
                <a:gd name="connsiteY5" fmla="*/ 0 h 1722023"/>
                <a:gd name="connsiteX6" fmla="*/ 2050845 w 2051267"/>
                <a:gd name="connsiteY6" fmla="*/ 3320 h 1722023"/>
                <a:gd name="connsiteX7" fmla="*/ 1909559 w 2051267"/>
                <a:gd name="connsiteY7" fmla="*/ 479326 h 1722023"/>
                <a:gd name="connsiteX8" fmla="*/ 1717830 w 2051267"/>
                <a:gd name="connsiteY8" fmla="*/ 899653 h 1722023"/>
                <a:gd name="connsiteX9" fmla="*/ 1430178 w 2051267"/>
                <a:gd name="connsiteY9" fmla="*/ 1415846 h 1722023"/>
                <a:gd name="connsiteX10" fmla="*/ 1650617 w 2051267"/>
                <a:gd name="connsiteY10" fmla="*/ 1390406 h 1722023"/>
                <a:gd name="connsiteX11" fmla="*/ 1659202 w 2051267"/>
                <a:gd name="connsiteY11" fmla="*/ 1498656 h 1722023"/>
                <a:gd name="connsiteX12" fmla="*/ 1569202 w 2051267"/>
                <a:gd name="connsiteY12" fmla="*/ 1533835 h 1722023"/>
                <a:gd name="connsiteX13" fmla="*/ 1231167 w 2051267"/>
                <a:gd name="connsiteY13" fmla="*/ 1526459 h 1722023"/>
                <a:gd name="connsiteX14" fmla="*/ 619109 w 2051267"/>
                <a:gd name="connsiteY14" fmla="*/ 1644446 h 1722023"/>
                <a:gd name="connsiteX15" fmla="*/ 0 w 2051267"/>
                <a:gd name="connsiteY15" fmla="*/ 1722023 h 1722023"/>
                <a:gd name="connsiteX16" fmla="*/ 10 w 2051267"/>
                <a:gd name="connsiteY16" fmla="*/ 1557079 h 1722023"/>
                <a:gd name="connsiteX0" fmla="*/ 10 w 2051267"/>
                <a:gd name="connsiteY0" fmla="*/ 1548939 h 1722023"/>
                <a:gd name="connsiteX1" fmla="*/ 611746 w 2051267"/>
                <a:gd name="connsiteY1" fmla="*/ 1489588 h 1722023"/>
                <a:gd name="connsiteX2" fmla="*/ 1194387 w 2051267"/>
                <a:gd name="connsiteY2" fmla="*/ 1364226 h 1722023"/>
                <a:gd name="connsiteX3" fmla="*/ 1622080 w 2051267"/>
                <a:gd name="connsiteY3" fmla="*/ 796414 h 1722023"/>
                <a:gd name="connsiteX4" fmla="*/ 1784313 w 2051267"/>
                <a:gd name="connsiteY4" fmla="*/ 412958 h 1722023"/>
                <a:gd name="connsiteX5" fmla="*/ 1917035 w 2051267"/>
                <a:gd name="connsiteY5" fmla="*/ 0 h 1722023"/>
                <a:gd name="connsiteX6" fmla="*/ 2050845 w 2051267"/>
                <a:gd name="connsiteY6" fmla="*/ 3320 h 1722023"/>
                <a:gd name="connsiteX7" fmla="*/ 1909559 w 2051267"/>
                <a:gd name="connsiteY7" fmla="*/ 479326 h 1722023"/>
                <a:gd name="connsiteX8" fmla="*/ 1717830 w 2051267"/>
                <a:gd name="connsiteY8" fmla="*/ 899653 h 1722023"/>
                <a:gd name="connsiteX9" fmla="*/ 1430178 w 2051267"/>
                <a:gd name="connsiteY9" fmla="*/ 1415846 h 1722023"/>
                <a:gd name="connsiteX10" fmla="*/ 1650617 w 2051267"/>
                <a:gd name="connsiteY10" fmla="*/ 1390406 h 1722023"/>
                <a:gd name="connsiteX11" fmla="*/ 1659202 w 2051267"/>
                <a:gd name="connsiteY11" fmla="*/ 1498656 h 1722023"/>
                <a:gd name="connsiteX12" fmla="*/ 1569202 w 2051267"/>
                <a:gd name="connsiteY12" fmla="*/ 1533835 h 1722023"/>
                <a:gd name="connsiteX13" fmla="*/ 1231167 w 2051267"/>
                <a:gd name="connsiteY13" fmla="*/ 1526459 h 1722023"/>
                <a:gd name="connsiteX14" fmla="*/ 619109 w 2051267"/>
                <a:gd name="connsiteY14" fmla="*/ 1644446 h 1722023"/>
                <a:gd name="connsiteX15" fmla="*/ 0 w 2051267"/>
                <a:gd name="connsiteY15" fmla="*/ 1722023 h 1722023"/>
                <a:gd name="connsiteX16" fmla="*/ 10 w 2051267"/>
                <a:gd name="connsiteY16" fmla="*/ 1548939 h 1722023"/>
                <a:gd name="connsiteX0" fmla="*/ 10 w 2051267"/>
                <a:gd name="connsiteY0" fmla="*/ 1548939 h 1722023"/>
                <a:gd name="connsiteX1" fmla="*/ 611746 w 2051267"/>
                <a:gd name="connsiteY1" fmla="*/ 1489588 h 1722023"/>
                <a:gd name="connsiteX2" fmla="*/ 1194387 w 2051267"/>
                <a:gd name="connsiteY2" fmla="*/ 1364226 h 1722023"/>
                <a:gd name="connsiteX3" fmla="*/ 1622080 w 2051267"/>
                <a:gd name="connsiteY3" fmla="*/ 796414 h 1722023"/>
                <a:gd name="connsiteX4" fmla="*/ 1784313 w 2051267"/>
                <a:gd name="connsiteY4" fmla="*/ 412958 h 1722023"/>
                <a:gd name="connsiteX5" fmla="*/ 1917035 w 2051267"/>
                <a:gd name="connsiteY5" fmla="*/ 0 h 1722023"/>
                <a:gd name="connsiteX6" fmla="*/ 2050845 w 2051267"/>
                <a:gd name="connsiteY6" fmla="*/ 3320 h 1722023"/>
                <a:gd name="connsiteX7" fmla="*/ 1909559 w 2051267"/>
                <a:gd name="connsiteY7" fmla="*/ 479326 h 1722023"/>
                <a:gd name="connsiteX8" fmla="*/ 1717830 w 2051267"/>
                <a:gd name="connsiteY8" fmla="*/ 899653 h 1722023"/>
                <a:gd name="connsiteX9" fmla="*/ 1430178 w 2051267"/>
                <a:gd name="connsiteY9" fmla="*/ 1415846 h 1722023"/>
                <a:gd name="connsiteX10" fmla="*/ 1650617 w 2051267"/>
                <a:gd name="connsiteY10" fmla="*/ 1390406 h 1722023"/>
                <a:gd name="connsiteX11" fmla="*/ 1659202 w 2051267"/>
                <a:gd name="connsiteY11" fmla="*/ 1498656 h 1722023"/>
                <a:gd name="connsiteX12" fmla="*/ 1569202 w 2051267"/>
                <a:gd name="connsiteY12" fmla="*/ 1533835 h 1722023"/>
                <a:gd name="connsiteX13" fmla="*/ 1231167 w 2051267"/>
                <a:gd name="connsiteY13" fmla="*/ 1526459 h 1722023"/>
                <a:gd name="connsiteX14" fmla="*/ 619109 w 2051267"/>
                <a:gd name="connsiteY14" fmla="*/ 1644446 h 1722023"/>
                <a:gd name="connsiteX15" fmla="*/ 0 w 2051267"/>
                <a:gd name="connsiteY15" fmla="*/ 1722023 h 1722023"/>
                <a:gd name="connsiteX16" fmla="*/ 10 w 2051267"/>
                <a:gd name="connsiteY16" fmla="*/ 1548939 h 1722023"/>
                <a:gd name="connsiteX0" fmla="*/ 10 w 2051267"/>
                <a:gd name="connsiteY0" fmla="*/ 1578786 h 1751870"/>
                <a:gd name="connsiteX1" fmla="*/ 611746 w 2051267"/>
                <a:gd name="connsiteY1" fmla="*/ 1519435 h 1751870"/>
                <a:gd name="connsiteX2" fmla="*/ 1194387 w 2051267"/>
                <a:gd name="connsiteY2" fmla="*/ 1394073 h 1751870"/>
                <a:gd name="connsiteX3" fmla="*/ 1622080 w 2051267"/>
                <a:gd name="connsiteY3" fmla="*/ 826261 h 1751870"/>
                <a:gd name="connsiteX4" fmla="*/ 1784313 w 2051267"/>
                <a:gd name="connsiteY4" fmla="*/ 442805 h 1751870"/>
                <a:gd name="connsiteX5" fmla="*/ 1925187 w 2051267"/>
                <a:gd name="connsiteY5" fmla="*/ 0 h 1751870"/>
                <a:gd name="connsiteX6" fmla="*/ 2050845 w 2051267"/>
                <a:gd name="connsiteY6" fmla="*/ 33167 h 1751870"/>
                <a:gd name="connsiteX7" fmla="*/ 1909559 w 2051267"/>
                <a:gd name="connsiteY7" fmla="*/ 509173 h 1751870"/>
                <a:gd name="connsiteX8" fmla="*/ 1717830 w 2051267"/>
                <a:gd name="connsiteY8" fmla="*/ 929500 h 1751870"/>
                <a:gd name="connsiteX9" fmla="*/ 1430178 w 2051267"/>
                <a:gd name="connsiteY9" fmla="*/ 1445693 h 1751870"/>
                <a:gd name="connsiteX10" fmla="*/ 1650617 w 2051267"/>
                <a:gd name="connsiteY10" fmla="*/ 1420253 h 1751870"/>
                <a:gd name="connsiteX11" fmla="*/ 1659202 w 2051267"/>
                <a:gd name="connsiteY11" fmla="*/ 1528503 h 1751870"/>
                <a:gd name="connsiteX12" fmla="*/ 1569202 w 2051267"/>
                <a:gd name="connsiteY12" fmla="*/ 1563682 h 1751870"/>
                <a:gd name="connsiteX13" fmla="*/ 1231167 w 2051267"/>
                <a:gd name="connsiteY13" fmla="*/ 1556306 h 1751870"/>
                <a:gd name="connsiteX14" fmla="*/ 619109 w 2051267"/>
                <a:gd name="connsiteY14" fmla="*/ 1674293 h 1751870"/>
                <a:gd name="connsiteX15" fmla="*/ 0 w 2051267"/>
                <a:gd name="connsiteY15" fmla="*/ 1751870 h 1751870"/>
                <a:gd name="connsiteX16" fmla="*/ 10 w 2051267"/>
                <a:gd name="connsiteY16" fmla="*/ 1578786 h 1751870"/>
                <a:gd name="connsiteX0" fmla="*/ 10 w 2053973"/>
                <a:gd name="connsiteY0" fmla="*/ 1578786 h 1751870"/>
                <a:gd name="connsiteX1" fmla="*/ 611746 w 2053973"/>
                <a:gd name="connsiteY1" fmla="*/ 1519435 h 1751870"/>
                <a:gd name="connsiteX2" fmla="*/ 1194387 w 2053973"/>
                <a:gd name="connsiteY2" fmla="*/ 1394073 h 1751870"/>
                <a:gd name="connsiteX3" fmla="*/ 1622080 w 2053973"/>
                <a:gd name="connsiteY3" fmla="*/ 826261 h 1751870"/>
                <a:gd name="connsiteX4" fmla="*/ 1784313 w 2053973"/>
                <a:gd name="connsiteY4" fmla="*/ 442805 h 1751870"/>
                <a:gd name="connsiteX5" fmla="*/ 1925187 w 2053973"/>
                <a:gd name="connsiteY5" fmla="*/ 0 h 1751870"/>
                <a:gd name="connsiteX6" fmla="*/ 2053563 w 2053973"/>
                <a:gd name="connsiteY6" fmla="*/ 8747 h 1751870"/>
                <a:gd name="connsiteX7" fmla="*/ 1909559 w 2053973"/>
                <a:gd name="connsiteY7" fmla="*/ 509173 h 1751870"/>
                <a:gd name="connsiteX8" fmla="*/ 1717830 w 2053973"/>
                <a:gd name="connsiteY8" fmla="*/ 929500 h 1751870"/>
                <a:gd name="connsiteX9" fmla="*/ 1430178 w 2053973"/>
                <a:gd name="connsiteY9" fmla="*/ 1445693 h 1751870"/>
                <a:gd name="connsiteX10" fmla="*/ 1650617 w 2053973"/>
                <a:gd name="connsiteY10" fmla="*/ 1420253 h 1751870"/>
                <a:gd name="connsiteX11" fmla="*/ 1659202 w 2053973"/>
                <a:gd name="connsiteY11" fmla="*/ 1528503 h 1751870"/>
                <a:gd name="connsiteX12" fmla="*/ 1569202 w 2053973"/>
                <a:gd name="connsiteY12" fmla="*/ 1563682 h 1751870"/>
                <a:gd name="connsiteX13" fmla="*/ 1231167 w 2053973"/>
                <a:gd name="connsiteY13" fmla="*/ 1556306 h 1751870"/>
                <a:gd name="connsiteX14" fmla="*/ 619109 w 2053973"/>
                <a:gd name="connsiteY14" fmla="*/ 1674293 h 1751870"/>
                <a:gd name="connsiteX15" fmla="*/ 0 w 2053973"/>
                <a:gd name="connsiteY15" fmla="*/ 1751870 h 1751870"/>
                <a:gd name="connsiteX16" fmla="*/ 10 w 2053973"/>
                <a:gd name="connsiteY16" fmla="*/ 1578786 h 1751870"/>
                <a:gd name="connsiteX0" fmla="*/ 10 w 2053973"/>
                <a:gd name="connsiteY0" fmla="*/ 1578786 h 1751870"/>
                <a:gd name="connsiteX1" fmla="*/ 611746 w 2053973"/>
                <a:gd name="connsiteY1" fmla="*/ 1519435 h 1751870"/>
                <a:gd name="connsiteX2" fmla="*/ 1194387 w 2053973"/>
                <a:gd name="connsiteY2" fmla="*/ 1394073 h 1751870"/>
                <a:gd name="connsiteX3" fmla="*/ 1622080 w 2053973"/>
                <a:gd name="connsiteY3" fmla="*/ 826261 h 1751870"/>
                <a:gd name="connsiteX4" fmla="*/ 1784313 w 2053973"/>
                <a:gd name="connsiteY4" fmla="*/ 442805 h 1751870"/>
                <a:gd name="connsiteX5" fmla="*/ 1925187 w 2053973"/>
                <a:gd name="connsiteY5" fmla="*/ 0 h 1751870"/>
                <a:gd name="connsiteX6" fmla="*/ 2053563 w 2053973"/>
                <a:gd name="connsiteY6" fmla="*/ 8747 h 1751870"/>
                <a:gd name="connsiteX7" fmla="*/ 1909559 w 2053973"/>
                <a:gd name="connsiteY7" fmla="*/ 509173 h 1751870"/>
                <a:gd name="connsiteX8" fmla="*/ 1717830 w 2053973"/>
                <a:gd name="connsiteY8" fmla="*/ 929500 h 1751870"/>
                <a:gd name="connsiteX9" fmla="*/ 1430178 w 2053973"/>
                <a:gd name="connsiteY9" fmla="*/ 1445693 h 1751870"/>
                <a:gd name="connsiteX10" fmla="*/ 1650617 w 2053973"/>
                <a:gd name="connsiteY10" fmla="*/ 1420253 h 1751870"/>
                <a:gd name="connsiteX11" fmla="*/ 1664636 w 2053973"/>
                <a:gd name="connsiteY11" fmla="*/ 1539357 h 1751870"/>
                <a:gd name="connsiteX12" fmla="*/ 1569202 w 2053973"/>
                <a:gd name="connsiteY12" fmla="*/ 1563682 h 1751870"/>
                <a:gd name="connsiteX13" fmla="*/ 1231167 w 2053973"/>
                <a:gd name="connsiteY13" fmla="*/ 1556306 h 1751870"/>
                <a:gd name="connsiteX14" fmla="*/ 619109 w 2053973"/>
                <a:gd name="connsiteY14" fmla="*/ 1674293 h 1751870"/>
                <a:gd name="connsiteX15" fmla="*/ 0 w 2053973"/>
                <a:gd name="connsiteY15" fmla="*/ 1751870 h 1751870"/>
                <a:gd name="connsiteX16" fmla="*/ 10 w 2053973"/>
                <a:gd name="connsiteY16" fmla="*/ 1578786 h 17518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53973" h="1751870">
                  <a:moveTo>
                    <a:pt x="10" y="1578786"/>
                  </a:moveTo>
                  <a:cubicBezTo>
                    <a:pt x="113093" y="1547134"/>
                    <a:pt x="414446" y="1545756"/>
                    <a:pt x="611746" y="1519435"/>
                  </a:cubicBezTo>
                  <a:cubicBezTo>
                    <a:pt x="809046" y="1493114"/>
                    <a:pt x="1085003" y="1448151"/>
                    <a:pt x="1194387" y="1394073"/>
                  </a:cubicBezTo>
                  <a:cubicBezTo>
                    <a:pt x="1355390" y="1236756"/>
                    <a:pt x="1512696" y="1049945"/>
                    <a:pt x="1622080" y="826261"/>
                  </a:cubicBezTo>
                  <a:cubicBezTo>
                    <a:pt x="1719173" y="667716"/>
                    <a:pt x="1733923" y="574312"/>
                    <a:pt x="1784313" y="442805"/>
                  </a:cubicBezTo>
                  <a:cubicBezTo>
                    <a:pt x="1834703" y="311298"/>
                    <a:pt x="1863735" y="67597"/>
                    <a:pt x="1925187" y="0"/>
                  </a:cubicBezTo>
                  <a:cubicBezTo>
                    <a:pt x="2031691" y="1690"/>
                    <a:pt x="1993340" y="8747"/>
                    <a:pt x="2053563" y="8747"/>
                  </a:cubicBezTo>
                  <a:cubicBezTo>
                    <a:pt x="2060937" y="91093"/>
                    <a:pt x="1967324" y="353086"/>
                    <a:pt x="1909559" y="509173"/>
                  </a:cubicBezTo>
                  <a:cubicBezTo>
                    <a:pt x="1851795" y="665260"/>
                    <a:pt x="1789114" y="782017"/>
                    <a:pt x="1717830" y="929500"/>
                  </a:cubicBezTo>
                  <a:cubicBezTo>
                    <a:pt x="1606481" y="1165567"/>
                    <a:pt x="1427071" y="1293416"/>
                    <a:pt x="1430178" y="1445693"/>
                  </a:cubicBezTo>
                  <a:cubicBezTo>
                    <a:pt x="1527729" y="1437950"/>
                    <a:pt x="1619124" y="1427406"/>
                    <a:pt x="1650617" y="1420253"/>
                  </a:cubicBezTo>
                  <a:cubicBezTo>
                    <a:pt x="1690696" y="1435960"/>
                    <a:pt x="1691084" y="1549742"/>
                    <a:pt x="1664636" y="1539357"/>
                  </a:cubicBezTo>
                  <a:cubicBezTo>
                    <a:pt x="1619096" y="1553705"/>
                    <a:pt x="1642449" y="1560953"/>
                    <a:pt x="1569202" y="1563682"/>
                  </a:cubicBezTo>
                  <a:cubicBezTo>
                    <a:pt x="1453026" y="1586413"/>
                    <a:pt x="1404461" y="1524352"/>
                    <a:pt x="1231167" y="1556306"/>
                  </a:cubicBezTo>
                  <a:cubicBezTo>
                    <a:pt x="1027148" y="1590719"/>
                    <a:pt x="823128" y="1639880"/>
                    <a:pt x="619109" y="1674293"/>
                  </a:cubicBezTo>
                  <a:lnTo>
                    <a:pt x="0" y="1751870"/>
                  </a:lnTo>
                  <a:cubicBezTo>
                    <a:pt x="3" y="1697793"/>
                    <a:pt x="7" y="1632863"/>
                    <a:pt x="10" y="1578786"/>
                  </a:cubicBezTo>
                  <a:close/>
                </a:path>
              </a:pathLst>
            </a:custGeom>
            <a:solidFill>
              <a:srgbClr val="FF0000"/>
            </a:solid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2" name="Rektangel 24">
              <a:extLst>
                <a:ext uri="{FF2B5EF4-FFF2-40B4-BE49-F238E27FC236}">
                  <a16:creationId xmlns:a16="http://schemas.microsoft.com/office/drawing/2014/main" id="{49AB3BB8-F926-4FCF-A849-F7D331EEE875}"/>
                </a:ext>
              </a:extLst>
            </p:cNvPr>
            <p:cNvSpPr/>
            <p:nvPr/>
          </p:nvSpPr>
          <p:spPr>
            <a:xfrm>
              <a:off x="5934715" y="5081934"/>
              <a:ext cx="1471739" cy="219048"/>
            </a:xfrm>
            <a:custGeom>
              <a:avLst/>
              <a:gdLst>
                <a:gd name="connsiteX0" fmla="*/ 0 w 3004767"/>
                <a:gd name="connsiteY0" fmla="*/ 0 h 280218"/>
                <a:gd name="connsiteX1" fmla="*/ 3004767 w 3004767"/>
                <a:gd name="connsiteY1" fmla="*/ 0 h 280218"/>
                <a:gd name="connsiteX2" fmla="*/ 3004767 w 3004767"/>
                <a:gd name="connsiteY2" fmla="*/ 280218 h 280218"/>
                <a:gd name="connsiteX3" fmla="*/ 0 w 3004767"/>
                <a:gd name="connsiteY3" fmla="*/ 280218 h 280218"/>
                <a:gd name="connsiteX4" fmla="*/ 0 w 3004767"/>
                <a:gd name="connsiteY4" fmla="*/ 0 h 280218"/>
                <a:gd name="connsiteX0" fmla="*/ 0 w 3004767"/>
                <a:gd name="connsiteY0" fmla="*/ 0 h 383457"/>
                <a:gd name="connsiteX1" fmla="*/ 3004767 w 3004767"/>
                <a:gd name="connsiteY1" fmla="*/ 0 h 383457"/>
                <a:gd name="connsiteX2" fmla="*/ 3004767 w 3004767"/>
                <a:gd name="connsiteY2" fmla="*/ 280218 h 383457"/>
                <a:gd name="connsiteX3" fmla="*/ 0 w 3004767"/>
                <a:gd name="connsiteY3" fmla="*/ 383457 h 383457"/>
                <a:gd name="connsiteX4" fmla="*/ 0 w 3004767"/>
                <a:gd name="connsiteY4" fmla="*/ 0 h 383457"/>
                <a:gd name="connsiteX0" fmla="*/ 14748 w 3004767"/>
                <a:gd name="connsiteY0" fmla="*/ 140110 h 383457"/>
                <a:gd name="connsiteX1" fmla="*/ 3004767 w 3004767"/>
                <a:gd name="connsiteY1" fmla="*/ 0 h 383457"/>
                <a:gd name="connsiteX2" fmla="*/ 3004767 w 3004767"/>
                <a:gd name="connsiteY2" fmla="*/ 280218 h 383457"/>
                <a:gd name="connsiteX3" fmla="*/ 0 w 3004767"/>
                <a:gd name="connsiteY3" fmla="*/ 383457 h 383457"/>
                <a:gd name="connsiteX4" fmla="*/ 14748 w 3004767"/>
                <a:gd name="connsiteY4" fmla="*/ 140110 h 383457"/>
                <a:gd name="connsiteX0" fmla="*/ 0 w 3012142"/>
                <a:gd name="connsiteY0" fmla="*/ 140110 h 383457"/>
                <a:gd name="connsiteX1" fmla="*/ 3012142 w 3012142"/>
                <a:gd name="connsiteY1" fmla="*/ 0 h 383457"/>
                <a:gd name="connsiteX2" fmla="*/ 3012142 w 3012142"/>
                <a:gd name="connsiteY2" fmla="*/ 280218 h 383457"/>
                <a:gd name="connsiteX3" fmla="*/ 7375 w 3012142"/>
                <a:gd name="connsiteY3" fmla="*/ 383457 h 383457"/>
                <a:gd name="connsiteX4" fmla="*/ 0 w 3012142"/>
                <a:gd name="connsiteY4" fmla="*/ 140110 h 383457"/>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7375 w 3012142"/>
                <a:gd name="connsiteY4" fmla="*/ 401276 h 401276"/>
                <a:gd name="connsiteX5" fmla="*/ 0 w 3012142"/>
                <a:gd name="connsiteY5"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3012142 w 3012142"/>
                <a:gd name="connsiteY3" fmla="*/ 298037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1183799 w 3012142"/>
                <a:gd name="connsiteY1" fmla="*/ 0 h 401276"/>
                <a:gd name="connsiteX2" fmla="*/ 3012142 w 3012142"/>
                <a:gd name="connsiteY2" fmla="*/ 17819 h 401276"/>
                <a:gd name="connsiteX3" fmla="*/ 2997393 w 3012142"/>
                <a:gd name="connsiteY3" fmla="*/ 180050 h 401276"/>
                <a:gd name="connsiteX4" fmla="*/ 1198547 w 3012142"/>
                <a:gd name="connsiteY4" fmla="*/ 213852 h 401276"/>
                <a:gd name="connsiteX5" fmla="*/ 7375 w 3012142"/>
                <a:gd name="connsiteY5" fmla="*/ 401276 h 401276"/>
                <a:gd name="connsiteX6" fmla="*/ 0 w 3012142"/>
                <a:gd name="connsiteY6"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7375 w 3012142"/>
                <a:gd name="connsiteY6" fmla="*/ 401276 h 401276"/>
                <a:gd name="connsiteX7" fmla="*/ 0 w 3012142"/>
                <a:gd name="connsiteY7" fmla="*/ 157929 h 401276"/>
                <a:gd name="connsiteX0" fmla="*/ 0 w 3012142"/>
                <a:gd name="connsiteY0" fmla="*/ 157929 h 401276"/>
                <a:gd name="connsiteX1" fmla="*/ 571741 w 3012142"/>
                <a:gd name="connsiteY1" fmla="*/ 103239 h 401276"/>
                <a:gd name="connsiteX2" fmla="*/ 1183799 w 3012142"/>
                <a:gd name="connsiteY2" fmla="*/ 0 h 401276"/>
                <a:gd name="connsiteX3" fmla="*/ 3012142 w 3012142"/>
                <a:gd name="connsiteY3" fmla="*/ 17819 h 401276"/>
                <a:gd name="connsiteX4" fmla="*/ 2997393 w 3012142"/>
                <a:gd name="connsiteY4" fmla="*/ 180050 h 401276"/>
                <a:gd name="connsiteX5" fmla="*/ 1198547 w 3012142"/>
                <a:gd name="connsiteY5" fmla="*/ 213852 h 401276"/>
                <a:gd name="connsiteX6" fmla="*/ 586489 w 3012142"/>
                <a:gd name="connsiteY6" fmla="*/ 331839 h 401276"/>
                <a:gd name="connsiteX7" fmla="*/ 7375 w 3012142"/>
                <a:gd name="connsiteY7" fmla="*/ 401276 h 401276"/>
                <a:gd name="connsiteX8" fmla="*/ 0 w 3012142"/>
                <a:gd name="connsiteY8" fmla="*/ 157929 h 401276"/>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3012142 w 3012142"/>
                <a:gd name="connsiteY4" fmla="*/ 777361 h 1160818"/>
                <a:gd name="connsiteX5" fmla="*/ 2997393 w 3012142"/>
                <a:gd name="connsiteY5" fmla="*/ 939592 h 1160818"/>
                <a:gd name="connsiteX6" fmla="*/ 1198547 w 3012142"/>
                <a:gd name="connsiteY6" fmla="*/ 973394 h 1160818"/>
                <a:gd name="connsiteX7" fmla="*/ 586489 w 3012142"/>
                <a:gd name="connsiteY7" fmla="*/ 1091381 h 1160818"/>
                <a:gd name="connsiteX8" fmla="*/ 7375 w 3012142"/>
                <a:gd name="connsiteY8" fmla="*/ 1160818 h 1160818"/>
                <a:gd name="connsiteX9" fmla="*/ 0 w 3012142"/>
                <a:gd name="connsiteY9" fmla="*/ 917471 h 1160818"/>
                <a:gd name="connsiteX0" fmla="*/ 0 w 3012142"/>
                <a:gd name="connsiteY0" fmla="*/ 917471 h 1160818"/>
                <a:gd name="connsiteX1" fmla="*/ 571741 w 3012142"/>
                <a:gd name="connsiteY1" fmla="*/ 862781 h 1160818"/>
                <a:gd name="connsiteX2" fmla="*/ 1183799 w 3012142"/>
                <a:gd name="connsiteY2" fmla="*/ 759542 h 1160818"/>
                <a:gd name="connsiteX3" fmla="*/ 1574631 w 3012142"/>
                <a:gd name="connsiteY3" fmla="*/ 0 h 1160818"/>
                <a:gd name="connsiteX4" fmla="*/ 1456644 w 3012142"/>
                <a:gd name="connsiteY4" fmla="*/ 789039 h 1160818"/>
                <a:gd name="connsiteX5" fmla="*/ 3012142 w 3012142"/>
                <a:gd name="connsiteY5" fmla="*/ 777361 h 1160818"/>
                <a:gd name="connsiteX6" fmla="*/ 2997393 w 3012142"/>
                <a:gd name="connsiteY6" fmla="*/ 939592 h 1160818"/>
                <a:gd name="connsiteX7" fmla="*/ 1198547 w 3012142"/>
                <a:gd name="connsiteY7" fmla="*/ 973394 h 1160818"/>
                <a:gd name="connsiteX8" fmla="*/ 586489 w 3012142"/>
                <a:gd name="connsiteY8" fmla="*/ 1091381 h 1160818"/>
                <a:gd name="connsiteX9" fmla="*/ 7375 w 3012142"/>
                <a:gd name="connsiteY9" fmla="*/ 1160818 h 1160818"/>
                <a:gd name="connsiteX10" fmla="*/ 0 w 3012142"/>
                <a:gd name="connsiteY10" fmla="*/ 917471 h 1160818"/>
                <a:gd name="connsiteX0" fmla="*/ 0 w 3012142"/>
                <a:gd name="connsiteY0" fmla="*/ 1500032 h 1743379"/>
                <a:gd name="connsiteX1" fmla="*/ 571741 w 3012142"/>
                <a:gd name="connsiteY1" fmla="*/ 1445342 h 1743379"/>
                <a:gd name="connsiteX2" fmla="*/ 1183799 w 3012142"/>
                <a:gd name="connsiteY2" fmla="*/ 1342103 h 1743379"/>
                <a:gd name="connsiteX3" fmla="*/ 1493515 w 3012142"/>
                <a:gd name="connsiteY3" fmla="*/ 0 h 1743379"/>
                <a:gd name="connsiteX4" fmla="*/ 1456644 w 3012142"/>
                <a:gd name="connsiteY4" fmla="*/ 1371600 h 1743379"/>
                <a:gd name="connsiteX5" fmla="*/ 3012142 w 3012142"/>
                <a:gd name="connsiteY5" fmla="*/ 1359922 h 1743379"/>
                <a:gd name="connsiteX6" fmla="*/ 2997393 w 3012142"/>
                <a:gd name="connsiteY6" fmla="*/ 1522153 h 1743379"/>
                <a:gd name="connsiteX7" fmla="*/ 1198547 w 3012142"/>
                <a:gd name="connsiteY7" fmla="*/ 1555955 h 1743379"/>
                <a:gd name="connsiteX8" fmla="*/ 586489 w 3012142"/>
                <a:gd name="connsiteY8" fmla="*/ 1673942 h 1743379"/>
                <a:gd name="connsiteX9" fmla="*/ 7375 w 3012142"/>
                <a:gd name="connsiteY9" fmla="*/ 1743379 h 1743379"/>
                <a:gd name="connsiteX10" fmla="*/ 0 w 3012142"/>
                <a:gd name="connsiteY10" fmla="*/ 1500032 h 1743379"/>
                <a:gd name="connsiteX0" fmla="*/ 0 w 3012142"/>
                <a:gd name="connsiteY0" fmla="*/ 1626071 h 1869418"/>
                <a:gd name="connsiteX1" fmla="*/ 571741 w 3012142"/>
                <a:gd name="connsiteY1" fmla="*/ 1571381 h 1869418"/>
                <a:gd name="connsiteX2" fmla="*/ 1183799 w 3012142"/>
                <a:gd name="connsiteY2" fmla="*/ 1468142 h 1869418"/>
                <a:gd name="connsiteX3" fmla="*/ 1493515 w 3012142"/>
                <a:gd name="connsiteY3" fmla="*/ 126039 h 1869418"/>
                <a:gd name="connsiteX4" fmla="*/ 1677870 w 3012142"/>
                <a:gd name="connsiteY4" fmla="*/ 126040 h 1869418"/>
                <a:gd name="connsiteX5" fmla="*/ 1456644 w 3012142"/>
                <a:gd name="connsiteY5" fmla="*/ 1497639 h 1869418"/>
                <a:gd name="connsiteX6" fmla="*/ 3012142 w 3012142"/>
                <a:gd name="connsiteY6" fmla="*/ 1485961 h 1869418"/>
                <a:gd name="connsiteX7" fmla="*/ 2997393 w 3012142"/>
                <a:gd name="connsiteY7" fmla="*/ 1648192 h 1869418"/>
                <a:gd name="connsiteX8" fmla="*/ 1198547 w 3012142"/>
                <a:gd name="connsiteY8" fmla="*/ 1681994 h 1869418"/>
                <a:gd name="connsiteX9" fmla="*/ 586489 w 3012142"/>
                <a:gd name="connsiteY9" fmla="*/ 1799981 h 1869418"/>
                <a:gd name="connsiteX10" fmla="*/ 7375 w 3012142"/>
                <a:gd name="connsiteY10" fmla="*/ 1869418 h 1869418"/>
                <a:gd name="connsiteX11" fmla="*/ 0 w 3012142"/>
                <a:gd name="connsiteY11" fmla="*/ 1626071 h 1869418"/>
                <a:gd name="connsiteX0" fmla="*/ 0 w 3012142"/>
                <a:gd name="connsiteY0" fmla="*/ 1612411 h 1855758"/>
                <a:gd name="connsiteX1" fmla="*/ 571741 w 3012142"/>
                <a:gd name="connsiteY1" fmla="*/ 1557721 h 1855758"/>
                <a:gd name="connsiteX2" fmla="*/ 1183799 w 3012142"/>
                <a:gd name="connsiteY2" fmla="*/ 1454482 h 1855758"/>
                <a:gd name="connsiteX3" fmla="*/ 1493515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456644 w 3012142"/>
                <a:gd name="connsiteY5" fmla="*/ 1483979 h 1855758"/>
                <a:gd name="connsiteX6" fmla="*/ 3012142 w 3012142"/>
                <a:gd name="connsiteY6" fmla="*/ 1472301 h 1855758"/>
                <a:gd name="connsiteX7" fmla="*/ 2997393 w 3012142"/>
                <a:gd name="connsiteY7" fmla="*/ 1634532 h 1855758"/>
                <a:gd name="connsiteX8" fmla="*/ 1198547 w 3012142"/>
                <a:gd name="connsiteY8" fmla="*/ 1668334 h 1855758"/>
                <a:gd name="connsiteX9" fmla="*/ 586489 w 3012142"/>
                <a:gd name="connsiteY9" fmla="*/ 1786321 h 1855758"/>
                <a:gd name="connsiteX10" fmla="*/ 7375 w 3012142"/>
                <a:gd name="connsiteY10" fmla="*/ 1855758 h 1855758"/>
                <a:gd name="connsiteX11" fmla="*/ 0 w 3012142"/>
                <a:gd name="connsiteY11"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840102 w 3012142"/>
                <a:gd name="connsiteY3" fmla="*/ 112379 h 1855758"/>
                <a:gd name="connsiteX4" fmla="*/ 2039205 w 3012142"/>
                <a:gd name="connsiteY4" fmla="*/ 134502 h 1855758"/>
                <a:gd name="connsiteX5" fmla="*/ 1707367 w 3012142"/>
                <a:gd name="connsiteY5" fmla="*/ 1034154 h 1855758"/>
                <a:gd name="connsiteX6" fmla="*/ 1456644 w 3012142"/>
                <a:gd name="connsiteY6" fmla="*/ 1483979 h 1855758"/>
                <a:gd name="connsiteX7" fmla="*/ 3012142 w 3012142"/>
                <a:gd name="connsiteY7" fmla="*/ 1472301 h 1855758"/>
                <a:gd name="connsiteX8" fmla="*/ 2997393 w 3012142"/>
                <a:gd name="connsiteY8" fmla="*/ 1634532 h 1855758"/>
                <a:gd name="connsiteX9" fmla="*/ 1198547 w 3012142"/>
                <a:gd name="connsiteY9" fmla="*/ 1668334 h 1855758"/>
                <a:gd name="connsiteX10" fmla="*/ 586489 w 3012142"/>
                <a:gd name="connsiteY10" fmla="*/ 1786321 h 1855758"/>
                <a:gd name="connsiteX11" fmla="*/ 7375 w 3012142"/>
                <a:gd name="connsiteY11" fmla="*/ 1855758 h 1855758"/>
                <a:gd name="connsiteX12" fmla="*/ 0 w 3012142"/>
                <a:gd name="connsiteY12" fmla="*/ 1612411 h 1855758"/>
                <a:gd name="connsiteX0" fmla="*/ 0 w 3012142"/>
                <a:gd name="connsiteY0" fmla="*/ 1612411 h 1855758"/>
                <a:gd name="connsiteX1" fmla="*/ 571741 w 3012142"/>
                <a:gd name="connsiteY1" fmla="*/ 1557721 h 1855758"/>
                <a:gd name="connsiteX2" fmla="*/ 1183799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612411 h 1855758"/>
                <a:gd name="connsiteX1" fmla="*/ 571741 w 3012142"/>
                <a:gd name="connsiteY1" fmla="*/ 1557721 h 1855758"/>
                <a:gd name="connsiteX2" fmla="*/ 1102683 w 3012142"/>
                <a:gd name="connsiteY2" fmla="*/ 1454482 h 1855758"/>
                <a:gd name="connsiteX3" fmla="*/ 1537760 w 3012142"/>
                <a:gd name="connsiteY3" fmla="*/ 894044 h 1855758"/>
                <a:gd name="connsiteX4" fmla="*/ 1840102 w 3012142"/>
                <a:gd name="connsiteY4" fmla="*/ 112379 h 1855758"/>
                <a:gd name="connsiteX5" fmla="*/ 2039205 w 3012142"/>
                <a:gd name="connsiteY5" fmla="*/ 134502 h 1855758"/>
                <a:gd name="connsiteX6" fmla="*/ 1707367 w 3012142"/>
                <a:gd name="connsiteY6" fmla="*/ 1034154 h 1855758"/>
                <a:gd name="connsiteX7" fmla="*/ 1456644 w 3012142"/>
                <a:gd name="connsiteY7" fmla="*/ 1483979 h 1855758"/>
                <a:gd name="connsiteX8" fmla="*/ 3012142 w 3012142"/>
                <a:gd name="connsiteY8" fmla="*/ 1472301 h 1855758"/>
                <a:gd name="connsiteX9" fmla="*/ 2997393 w 3012142"/>
                <a:gd name="connsiteY9" fmla="*/ 1634532 h 1855758"/>
                <a:gd name="connsiteX10" fmla="*/ 1198547 w 3012142"/>
                <a:gd name="connsiteY10" fmla="*/ 1668334 h 1855758"/>
                <a:gd name="connsiteX11" fmla="*/ 586489 w 3012142"/>
                <a:gd name="connsiteY11" fmla="*/ 1786321 h 1855758"/>
                <a:gd name="connsiteX12" fmla="*/ 7375 w 3012142"/>
                <a:gd name="connsiteY12" fmla="*/ 1855758 h 1855758"/>
                <a:gd name="connsiteX13" fmla="*/ 0 w 3012142"/>
                <a:gd name="connsiteY13" fmla="*/ 1612411 h 1855758"/>
                <a:gd name="connsiteX0" fmla="*/ 0 w 3012142"/>
                <a:gd name="connsiteY0" fmla="*/ 1581764 h 1825111"/>
                <a:gd name="connsiteX1" fmla="*/ 571741 w 3012142"/>
                <a:gd name="connsiteY1" fmla="*/ 1527074 h 1825111"/>
                <a:gd name="connsiteX2" fmla="*/ 1102683 w 3012142"/>
                <a:gd name="connsiteY2" fmla="*/ 1423835 h 1825111"/>
                <a:gd name="connsiteX3" fmla="*/ 1537760 w 3012142"/>
                <a:gd name="connsiteY3" fmla="*/ 863397 h 1825111"/>
                <a:gd name="connsiteX4" fmla="*/ 1840102 w 3012142"/>
                <a:gd name="connsiteY4" fmla="*/ 81732 h 1825111"/>
                <a:gd name="connsiteX5" fmla="*/ 2039205 w 3012142"/>
                <a:gd name="connsiteY5" fmla="*/ 103855 h 1825111"/>
                <a:gd name="connsiteX6" fmla="*/ 1707367 w 3012142"/>
                <a:gd name="connsiteY6" fmla="*/ 1003507 h 1825111"/>
                <a:gd name="connsiteX7" fmla="*/ 1456644 w 3012142"/>
                <a:gd name="connsiteY7" fmla="*/ 1453332 h 1825111"/>
                <a:gd name="connsiteX8" fmla="*/ 3012142 w 3012142"/>
                <a:gd name="connsiteY8" fmla="*/ 1441654 h 1825111"/>
                <a:gd name="connsiteX9" fmla="*/ 2997393 w 3012142"/>
                <a:gd name="connsiteY9" fmla="*/ 1603885 h 1825111"/>
                <a:gd name="connsiteX10" fmla="*/ 1198547 w 3012142"/>
                <a:gd name="connsiteY10" fmla="*/ 1637687 h 1825111"/>
                <a:gd name="connsiteX11" fmla="*/ 586489 w 3012142"/>
                <a:gd name="connsiteY11" fmla="*/ 1755674 h 1825111"/>
                <a:gd name="connsiteX12" fmla="*/ 7375 w 3012142"/>
                <a:gd name="connsiteY12" fmla="*/ 1825111 h 1825111"/>
                <a:gd name="connsiteX13" fmla="*/ 0 w 3012142"/>
                <a:gd name="connsiteY13" fmla="*/ 1581764 h 1825111"/>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39205 w 3012142"/>
                <a:gd name="connsiteY5" fmla="*/ 22123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29529 h 1772876"/>
                <a:gd name="connsiteX1" fmla="*/ 571741 w 3012142"/>
                <a:gd name="connsiteY1" fmla="*/ 1474839 h 1772876"/>
                <a:gd name="connsiteX2" fmla="*/ 1102683 w 3012142"/>
                <a:gd name="connsiteY2" fmla="*/ 1371600 h 1772876"/>
                <a:gd name="connsiteX3" fmla="*/ 1537760 w 3012142"/>
                <a:gd name="connsiteY3" fmla="*/ 811162 h 1772876"/>
                <a:gd name="connsiteX4" fmla="*/ 1840102 w 3012142"/>
                <a:gd name="connsiteY4" fmla="*/ 29497 h 1772876"/>
                <a:gd name="connsiteX5" fmla="*/ 2039205 w 3012142"/>
                <a:gd name="connsiteY5" fmla="*/ 0 h 1772876"/>
                <a:gd name="connsiteX6" fmla="*/ 1707367 w 3012142"/>
                <a:gd name="connsiteY6" fmla="*/ 951272 h 1772876"/>
                <a:gd name="connsiteX7" fmla="*/ 1456644 w 3012142"/>
                <a:gd name="connsiteY7" fmla="*/ 1401097 h 1772876"/>
                <a:gd name="connsiteX8" fmla="*/ 3012142 w 3012142"/>
                <a:gd name="connsiteY8" fmla="*/ 1389419 h 1772876"/>
                <a:gd name="connsiteX9" fmla="*/ 2997393 w 3012142"/>
                <a:gd name="connsiteY9" fmla="*/ 1551650 h 1772876"/>
                <a:gd name="connsiteX10" fmla="*/ 1198547 w 3012142"/>
                <a:gd name="connsiteY10" fmla="*/ 1585452 h 1772876"/>
                <a:gd name="connsiteX11" fmla="*/ 586489 w 3012142"/>
                <a:gd name="connsiteY11" fmla="*/ 1703439 h 1772876"/>
                <a:gd name="connsiteX12" fmla="*/ 7375 w 3012142"/>
                <a:gd name="connsiteY12" fmla="*/ 1772876 h 1772876"/>
                <a:gd name="connsiteX13" fmla="*/ 0 w 3012142"/>
                <a:gd name="connsiteY13" fmla="*/ 1529529 h 1772876"/>
                <a:gd name="connsiteX0" fmla="*/ 0 w 3012142"/>
                <a:gd name="connsiteY0" fmla="*/ 1500032 h 1743379"/>
                <a:gd name="connsiteX1" fmla="*/ 571741 w 3012142"/>
                <a:gd name="connsiteY1" fmla="*/ 1445342 h 1743379"/>
                <a:gd name="connsiteX2" fmla="*/ 1102683 w 3012142"/>
                <a:gd name="connsiteY2" fmla="*/ 1342103 h 1743379"/>
                <a:gd name="connsiteX3" fmla="*/ 1537760 w 3012142"/>
                <a:gd name="connsiteY3" fmla="*/ 781665 h 1743379"/>
                <a:gd name="connsiteX4" fmla="*/ 1840102 w 3012142"/>
                <a:gd name="connsiteY4" fmla="*/ 0 h 1743379"/>
                <a:gd name="connsiteX5" fmla="*/ 2053954 w 3012142"/>
                <a:gd name="connsiteY5" fmla="*/ 0 h 1743379"/>
                <a:gd name="connsiteX6" fmla="*/ 1707367 w 3012142"/>
                <a:gd name="connsiteY6" fmla="*/ 921775 h 1743379"/>
                <a:gd name="connsiteX7" fmla="*/ 1456644 w 3012142"/>
                <a:gd name="connsiteY7" fmla="*/ 1371600 h 1743379"/>
                <a:gd name="connsiteX8" fmla="*/ 3012142 w 3012142"/>
                <a:gd name="connsiteY8" fmla="*/ 1359922 h 1743379"/>
                <a:gd name="connsiteX9" fmla="*/ 2997393 w 3012142"/>
                <a:gd name="connsiteY9" fmla="*/ 1522153 h 1743379"/>
                <a:gd name="connsiteX10" fmla="*/ 1198547 w 3012142"/>
                <a:gd name="connsiteY10" fmla="*/ 1555955 h 1743379"/>
                <a:gd name="connsiteX11" fmla="*/ 586489 w 3012142"/>
                <a:gd name="connsiteY11" fmla="*/ 1673942 h 1743379"/>
                <a:gd name="connsiteX12" fmla="*/ 7375 w 3012142"/>
                <a:gd name="connsiteY12" fmla="*/ 1743379 h 1743379"/>
                <a:gd name="connsiteX13" fmla="*/ 0 w 3012142"/>
                <a:gd name="connsiteY13" fmla="*/ 1500032 h 1743379"/>
                <a:gd name="connsiteX0" fmla="*/ 0 w 3012142"/>
                <a:gd name="connsiteY0" fmla="*/ 1507407 h 1750754"/>
                <a:gd name="connsiteX1" fmla="*/ 571741 w 3012142"/>
                <a:gd name="connsiteY1" fmla="*/ 1452717 h 1750754"/>
                <a:gd name="connsiteX2" fmla="*/ 1102683 w 3012142"/>
                <a:gd name="connsiteY2" fmla="*/ 1349478 h 1750754"/>
                <a:gd name="connsiteX3" fmla="*/ 1537760 w 3012142"/>
                <a:gd name="connsiteY3" fmla="*/ 789040 h 1750754"/>
                <a:gd name="connsiteX4" fmla="*/ 1840102 w 3012142"/>
                <a:gd name="connsiteY4" fmla="*/ 0 h 1750754"/>
                <a:gd name="connsiteX5" fmla="*/ 2053954 w 3012142"/>
                <a:gd name="connsiteY5" fmla="*/ 7375 h 1750754"/>
                <a:gd name="connsiteX6" fmla="*/ 1707367 w 3012142"/>
                <a:gd name="connsiteY6" fmla="*/ 929150 h 1750754"/>
                <a:gd name="connsiteX7" fmla="*/ 1456644 w 3012142"/>
                <a:gd name="connsiteY7" fmla="*/ 1378975 h 1750754"/>
                <a:gd name="connsiteX8" fmla="*/ 3012142 w 3012142"/>
                <a:gd name="connsiteY8" fmla="*/ 1367297 h 1750754"/>
                <a:gd name="connsiteX9" fmla="*/ 2997393 w 3012142"/>
                <a:gd name="connsiteY9" fmla="*/ 1529528 h 1750754"/>
                <a:gd name="connsiteX10" fmla="*/ 1198547 w 3012142"/>
                <a:gd name="connsiteY10" fmla="*/ 1563330 h 1750754"/>
                <a:gd name="connsiteX11" fmla="*/ 586489 w 3012142"/>
                <a:gd name="connsiteY11" fmla="*/ 1681317 h 1750754"/>
                <a:gd name="connsiteX12" fmla="*/ 7375 w 3012142"/>
                <a:gd name="connsiteY12" fmla="*/ 1750754 h 1750754"/>
                <a:gd name="connsiteX13" fmla="*/ 0 w 3012142"/>
                <a:gd name="connsiteY13" fmla="*/ 1507407 h 1750754"/>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707367 w 3012142"/>
                <a:gd name="connsiteY6" fmla="*/ 936523 h 1758127"/>
                <a:gd name="connsiteX7" fmla="*/ 1456644 w 3012142"/>
                <a:gd name="connsiteY7" fmla="*/ 1386348 h 1758127"/>
                <a:gd name="connsiteX8" fmla="*/ 3012142 w 3012142"/>
                <a:gd name="connsiteY8" fmla="*/ 1374670 h 1758127"/>
                <a:gd name="connsiteX9" fmla="*/ 2997393 w 3012142"/>
                <a:gd name="connsiteY9" fmla="*/ 1536901 h 1758127"/>
                <a:gd name="connsiteX10" fmla="*/ 1198547 w 3012142"/>
                <a:gd name="connsiteY10" fmla="*/ 1570703 h 1758127"/>
                <a:gd name="connsiteX11" fmla="*/ 586489 w 3012142"/>
                <a:gd name="connsiteY11" fmla="*/ 1688690 h 1758127"/>
                <a:gd name="connsiteX12" fmla="*/ 7375 w 3012142"/>
                <a:gd name="connsiteY12" fmla="*/ 1758127 h 1758127"/>
                <a:gd name="connsiteX13" fmla="*/ 0 w 3012142"/>
                <a:gd name="connsiteY13"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840102 w 3012142"/>
                <a:gd name="connsiteY4" fmla="*/ 7373 h 1758127"/>
                <a:gd name="connsiteX5" fmla="*/ 2053954 w 3012142"/>
                <a:gd name="connsiteY5" fmla="*/ 0 h 1758127"/>
                <a:gd name="connsiteX6" fmla="*/ 1899096 w 3012142"/>
                <a:gd name="connsiteY6" fmla="*/ 508821 h 1758127"/>
                <a:gd name="connsiteX7" fmla="*/ 1707367 w 3012142"/>
                <a:gd name="connsiteY7" fmla="*/ 936523 h 1758127"/>
                <a:gd name="connsiteX8" fmla="*/ 1456644 w 3012142"/>
                <a:gd name="connsiteY8" fmla="*/ 1386348 h 1758127"/>
                <a:gd name="connsiteX9" fmla="*/ 3012142 w 3012142"/>
                <a:gd name="connsiteY9" fmla="*/ 1374670 h 1758127"/>
                <a:gd name="connsiteX10" fmla="*/ 2997393 w 3012142"/>
                <a:gd name="connsiteY10" fmla="*/ 1536901 h 1758127"/>
                <a:gd name="connsiteX11" fmla="*/ 1198547 w 3012142"/>
                <a:gd name="connsiteY11" fmla="*/ 1570703 h 1758127"/>
                <a:gd name="connsiteX12" fmla="*/ 586489 w 3012142"/>
                <a:gd name="connsiteY12" fmla="*/ 1688690 h 1758127"/>
                <a:gd name="connsiteX13" fmla="*/ 7375 w 3012142"/>
                <a:gd name="connsiteY13" fmla="*/ 1758127 h 1758127"/>
                <a:gd name="connsiteX14" fmla="*/ 0 w 3012142"/>
                <a:gd name="connsiteY14"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3012142 w 3012142"/>
                <a:gd name="connsiteY10" fmla="*/ 1374670 h 1758127"/>
                <a:gd name="connsiteX11" fmla="*/ 2997393 w 3012142"/>
                <a:gd name="connsiteY11" fmla="*/ 1536901 h 1758127"/>
                <a:gd name="connsiteX12" fmla="*/ 1198547 w 3012142"/>
                <a:gd name="connsiteY12" fmla="*/ 1570703 h 1758127"/>
                <a:gd name="connsiteX13" fmla="*/ 586489 w 3012142"/>
                <a:gd name="connsiteY13" fmla="*/ 1688690 h 1758127"/>
                <a:gd name="connsiteX14" fmla="*/ 7375 w 3012142"/>
                <a:gd name="connsiteY14" fmla="*/ 1758127 h 1758127"/>
                <a:gd name="connsiteX15" fmla="*/ 0 w 3012142"/>
                <a:gd name="connsiteY15"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1198547 w 3012142"/>
                <a:gd name="connsiteY13" fmla="*/ 1570703 h 1758127"/>
                <a:gd name="connsiteX14" fmla="*/ 586489 w 3012142"/>
                <a:gd name="connsiteY14" fmla="*/ 1688690 h 1758127"/>
                <a:gd name="connsiteX15" fmla="*/ 7375 w 3012142"/>
                <a:gd name="connsiteY15" fmla="*/ 1758127 h 1758127"/>
                <a:gd name="connsiteX16" fmla="*/ 0 w 3012142"/>
                <a:gd name="connsiteY16"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198547 w 3012142"/>
                <a:gd name="connsiteY14" fmla="*/ 1570703 h 1758127"/>
                <a:gd name="connsiteX15" fmla="*/ 586489 w 3012142"/>
                <a:gd name="connsiteY15" fmla="*/ 1688690 h 1758127"/>
                <a:gd name="connsiteX16" fmla="*/ 7375 w 3012142"/>
                <a:gd name="connsiteY16" fmla="*/ 1758127 h 1758127"/>
                <a:gd name="connsiteX17" fmla="*/ 0 w 3012142"/>
                <a:gd name="connsiteY17"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3012142 w 3012142"/>
                <a:gd name="connsiteY11" fmla="*/ 1374670 h 1758127"/>
                <a:gd name="connsiteX12" fmla="*/ 2997393 w 3012142"/>
                <a:gd name="connsiteY12" fmla="*/ 1536901 h 1758127"/>
                <a:gd name="connsiteX13" fmla="*/ 2017083 w 3012142"/>
                <a:gd name="connsiteY13" fmla="*/ 1467466 h 1758127"/>
                <a:gd name="connsiteX14" fmla="*/ 1523012 w 3012142"/>
                <a:gd name="connsiteY14" fmla="*/ 1578079 h 1758127"/>
                <a:gd name="connsiteX15" fmla="*/ 1198547 w 3012142"/>
                <a:gd name="connsiteY15" fmla="*/ 1570703 h 1758127"/>
                <a:gd name="connsiteX16" fmla="*/ 586489 w 3012142"/>
                <a:gd name="connsiteY16" fmla="*/ 1688690 h 1758127"/>
                <a:gd name="connsiteX17" fmla="*/ 7375 w 3012142"/>
                <a:gd name="connsiteY17" fmla="*/ 1758127 h 1758127"/>
                <a:gd name="connsiteX18" fmla="*/ 0 w 3012142"/>
                <a:gd name="connsiteY18"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017083 w 3012142"/>
                <a:gd name="connsiteY14" fmla="*/ 1467466 h 1758127"/>
                <a:gd name="connsiteX15" fmla="*/ 1523012 w 3012142"/>
                <a:gd name="connsiteY15" fmla="*/ 1578079 h 1758127"/>
                <a:gd name="connsiteX16" fmla="*/ 1198547 w 3012142"/>
                <a:gd name="connsiteY16" fmla="*/ 1570703 h 1758127"/>
                <a:gd name="connsiteX17" fmla="*/ 586489 w 3012142"/>
                <a:gd name="connsiteY17" fmla="*/ 1688690 h 1758127"/>
                <a:gd name="connsiteX18" fmla="*/ 7375 w 3012142"/>
                <a:gd name="connsiteY18" fmla="*/ 1758127 h 1758127"/>
                <a:gd name="connsiteX19" fmla="*/ 0 w 3012142"/>
                <a:gd name="connsiteY19" fmla="*/ 1514780 h 1758127"/>
                <a:gd name="connsiteX0" fmla="*/ 0 w 3012142"/>
                <a:gd name="connsiteY0" fmla="*/ 1514780 h 1758127"/>
                <a:gd name="connsiteX1" fmla="*/ 571741 w 3012142"/>
                <a:gd name="connsiteY1" fmla="*/ 1460090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14780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14780 h 1758127"/>
                <a:gd name="connsiteX0" fmla="*/ 0 w 3012142"/>
                <a:gd name="connsiteY0" fmla="*/ 1559025 h 1758127"/>
                <a:gd name="connsiteX1" fmla="*/ 579126 w 3012142"/>
                <a:gd name="connsiteY1" fmla="*/ 1496961 h 1758127"/>
                <a:gd name="connsiteX2" fmla="*/ 1102683 w 3012142"/>
                <a:gd name="connsiteY2" fmla="*/ 1356851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37760 w 3012142"/>
                <a:gd name="connsiteY3" fmla="*/ 796413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40102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699993 w 3012142"/>
                <a:gd name="connsiteY4" fmla="*/ 427705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62259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0 w 3012142"/>
                <a:gd name="connsiteY0" fmla="*/ 1559025 h 1758127"/>
                <a:gd name="connsiteX1" fmla="*/ 579126 w 3012142"/>
                <a:gd name="connsiteY1" fmla="*/ 1496961 h 1758127"/>
                <a:gd name="connsiteX2" fmla="*/ 1161767 w 3012142"/>
                <a:gd name="connsiteY2" fmla="*/ 1371599 h 1758127"/>
                <a:gd name="connsiteX3" fmla="*/ 1589460 w 3012142"/>
                <a:gd name="connsiteY3" fmla="*/ 803787 h 1758127"/>
                <a:gd name="connsiteX4" fmla="*/ 1751693 w 3012142"/>
                <a:gd name="connsiteY4" fmla="*/ 420331 h 1758127"/>
                <a:gd name="connsiteX5" fmla="*/ 1884415 w 3012142"/>
                <a:gd name="connsiteY5" fmla="*/ 7373 h 1758127"/>
                <a:gd name="connsiteX6" fmla="*/ 2053954 w 3012142"/>
                <a:gd name="connsiteY6" fmla="*/ 0 h 1758127"/>
                <a:gd name="connsiteX7" fmla="*/ 1899096 w 3012142"/>
                <a:gd name="connsiteY7" fmla="*/ 508821 h 1758127"/>
                <a:gd name="connsiteX8" fmla="*/ 1707367 w 3012142"/>
                <a:gd name="connsiteY8" fmla="*/ 936523 h 1758127"/>
                <a:gd name="connsiteX9" fmla="*/ 1456644 w 3012142"/>
                <a:gd name="connsiteY9" fmla="*/ 1386348 h 1758127"/>
                <a:gd name="connsiteX10" fmla="*/ 2053954 w 3012142"/>
                <a:gd name="connsiteY10" fmla="*/ 1260989 h 1758127"/>
                <a:gd name="connsiteX11" fmla="*/ 2636515 w 3012142"/>
                <a:gd name="connsiteY11" fmla="*/ 1290485 h 1758127"/>
                <a:gd name="connsiteX12" fmla="*/ 3012142 w 3012142"/>
                <a:gd name="connsiteY12" fmla="*/ 1374670 h 1758127"/>
                <a:gd name="connsiteX13" fmla="*/ 2997393 w 3012142"/>
                <a:gd name="connsiteY13" fmla="*/ 1536901 h 1758127"/>
                <a:gd name="connsiteX14" fmla="*/ 2518528 w 3012142"/>
                <a:gd name="connsiteY14" fmla="*/ 1474840 h 1758127"/>
                <a:gd name="connsiteX15" fmla="*/ 2017083 w 3012142"/>
                <a:gd name="connsiteY15" fmla="*/ 1467466 h 1758127"/>
                <a:gd name="connsiteX16" fmla="*/ 1523012 w 3012142"/>
                <a:gd name="connsiteY16" fmla="*/ 1578079 h 1758127"/>
                <a:gd name="connsiteX17" fmla="*/ 1198547 w 3012142"/>
                <a:gd name="connsiteY17" fmla="*/ 1570703 h 1758127"/>
                <a:gd name="connsiteX18" fmla="*/ 586489 w 3012142"/>
                <a:gd name="connsiteY18" fmla="*/ 1688690 h 1758127"/>
                <a:gd name="connsiteX19" fmla="*/ 7375 w 3012142"/>
                <a:gd name="connsiteY19" fmla="*/ 1758127 h 1758127"/>
                <a:gd name="connsiteX20" fmla="*/ 0 w 3012142"/>
                <a:gd name="connsiteY20" fmla="*/ 1559025 h 1758127"/>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88690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70703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23022 w 3012152"/>
                <a:gd name="connsiteY16" fmla="*/ 1578079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17093 w 3012152"/>
                <a:gd name="connsiteY15" fmla="*/ 1467466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18538 w 3012152"/>
                <a:gd name="connsiteY14" fmla="*/ 1474840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2997403 w 3012152"/>
                <a:gd name="connsiteY13" fmla="*/ 1536901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456654 w 3012152"/>
                <a:gd name="connsiteY9" fmla="*/ 1386348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75412 w 3012152"/>
                <a:gd name="connsiteY9" fmla="*/ 1393722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53964 w 3012152"/>
                <a:gd name="connsiteY10" fmla="*/ 1260989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290485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2152"/>
                <a:gd name="connsiteY0" fmla="*/ 1559025 h 1721256"/>
                <a:gd name="connsiteX1" fmla="*/ 579136 w 3012152"/>
                <a:gd name="connsiteY1" fmla="*/ 1496961 h 1721256"/>
                <a:gd name="connsiteX2" fmla="*/ 1161777 w 3012152"/>
                <a:gd name="connsiteY2" fmla="*/ 1371599 h 1721256"/>
                <a:gd name="connsiteX3" fmla="*/ 1589470 w 3012152"/>
                <a:gd name="connsiteY3" fmla="*/ 803787 h 1721256"/>
                <a:gd name="connsiteX4" fmla="*/ 1751703 w 3012152"/>
                <a:gd name="connsiteY4" fmla="*/ 420331 h 1721256"/>
                <a:gd name="connsiteX5" fmla="*/ 1884425 w 3012152"/>
                <a:gd name="connsiteY5" fmla="*/ 7373 h 1721256"/>
                <a:gd name="connsiteX6" fmla="*/ 2053964 w 3012152"/>
                <a:gd name="connsiteY6" fmla="*/ 0 h 1721256"/>
                <a:gd name="connsiteX7" fmla="*/ 1899106 w 3012152"/>
                <a:gd name="connsiteY7" fmla="*/ 508821 h 1721256"/>
                <a:gd name="connsiteX8" fmla="*/ 1707377 w 3012152"/>
                <a:gd name="connsiteY8" fmla="*/ 936523 h 1721256"/>
                <a:gd name="connsiteX9" fmla="*/ 1397568 w 3012152"/>
                <a:gd name="connsiteY9" fmla="*/ 1437967 h 1721256"/>
                <a:gd name="connsiteX10" fmla="*/ 2068735 w 3012152"/>
                <a:gd name="connsiteY10" fmla="*/ 1305234 h 1721256"/>
                <a:gd name="connsiteX11" fmla="*/ 2636525 w 3012152"/>
                <a:gd name="connsiteY11" fmla="*/ 1334731 h 1721256"/>
                <a:gd name="connsiteX12" fmla="*/ 3012152 w 3012152"/>
                <a:gd name="connsiteY12" fmla="*/ 1374670 h 1721256"/>
                <a:gd name="connsiteX13" fmla="*/ 3004790 w 3012152"/>
                <a:gd name="connsiteY13" fmla="*/ 1514778 h 1721256"/>
                <a:gd name="connsiteX14" fmla="*/ 2533309 w 3012152"/>
                <a:gd name="connsiteY14" fmla="*/ 1437969 h 1721256"/>
                <a:gd name="connsiteX15" fmla="*/ 2024479 w 3012152"/>
                <a:gd name="connsiteY15" fmla="*/ 1437970 h 1721256"/>
                <a:gd name="connsiteX16" fmla="*/ 1552565 w 3012152"/>
                <a:gd name="connsiteY16" fmla="*/ 1548582 h 1721256"/>
                <a:gd name="connsiteX17" fmla="*/ 1198557 w 3012152"/>
                <a:gd name="connsiteY17" fmla="*/ 1533832 h 1721256"/>
                <a:gd name="connsiteX18" fmla="*/ 586499 w 3012152"/>
                <a:gd name="connsiteY18" fmla="*/ 1651819 h 1721256"/>
                <a:gd name="connsiteX19" fmla="*/ 0 w 3012152"/>
                <a:gd name="connsiteY19" fmla="*/ 1721256 h 1721256"/>
                <a:gd name="connsiteX20" fmla="*/ 10 w 3012152"/>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48582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52565 w 3019537"/>
                <a:gd name="connsiteY16" fmla="*/ 1519085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37967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707377 w 3019537"/>
                <a:gd name="connsiteY8" fmla="*/ 936523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99106 w 3019537"/>
                <a:gd name="connsiteY7" fmla="*/ 508821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9025 h 1721256"/>
                <a:gd name="connsiteX1" fmla="*/ 579136 w 3019537"/>
                <a:gd name="connsiteY1" fmla="*/ 1496961 h 1721256"/>
                <a:gd name="connsiteX2" fmla="*/ 1161777 w 3019537"/>
                <a:gd name="connsiteY2" fmla="*/ 1371599 h 1721256"/>
                <a:gd name="connsiteX3" fmla="*/ 1589470 w 3019537"/>
                <a:gd name="connsiteY3" fmla="*/ 803787 h 1721256"/>
                <a:gd name="connsiteX4" fmla="*/ 1751703 w 3019537"/>
                <a:gd name="connsiteY4" fmla="*/ 420331 h 1721256"/>
                <a:gd name="connsiteX5" fmla="*/ 1884425 w 3019537"/>
                <a:gd name="connsiteY5" fmla="*/ 7373 h 1721256"/>
                <a:gd name="connsiteX6" fmla="*/ 2053964 w 3019537"/>
                <a:gd name="connsiteY6" fmla="*/ 0 h 1721256"/>
                <a:gd name="connsiteX7" fmla="*/ 1876949 w 3019537"/>
                <a:gd name="connsiteY7" fmla="*/ 486699 h 1721256"/>
                <a:gd name="connsiteX8" fmla="*/ 1685220 w 3019537"/>
                <a:gd name="connsiteY8" fmla="*/ 907026 h 1721256"/>
                <a:gd name="connsiteX9" fmla="*/ 1397568 w 3019537"/>
                <a:gd name="connsiteY9" fmla="*/ 1423219 h 1721256"/>
                <a:gd name="connsiteX10" fmla="*/ 2068735 w 3019537"/>
                <a:gd name="connsiteY10" fmla="*/ 1305234 h 1721256"/>
                <a:gd name="connsiteX11" fmla="*/ 2636525 w 3019537"/>
                <a:gd name="connsiteY11" fmla="*/ 1334731 h 1721256"/>
                <a:gd name="connsiteX12" fmla="*/ 3019537 w 3019537"/>
                <a:gd name="connsiteY12" fmla="*/ 1418915 h 1721256"/>
                <a:gd name="connsiteX13" fmla="*/ 3004790 w 3019537"/>
                <a:gd name="connsiteY13" fmla="*/ 1514778 h 1721256"/>
                <a:gd name="connsiteX14" fmla="*/ 2533309 w 3019537"/>
                <a:gd name="connsiteY14" fmla="*/ 1437969 h 1721256"/>
                <a:gd name="connsiteX15" fmla="*/ 2024479 w 3019537"/>
                <a:gd name="connsiteY15" fmla="*/ 1437970 h 1721256"/>
                <a:gd name="connsiteX16" fmla="*/ 1545179 w 3019537"/>
                <a:gd name="connsiteY16" fmla="*/ 1541208 h 1721256"/>
                <a:gd name="connsiteX17" fmla="*/ 1198557 w 3019537"/>
                <a:gd name="connsiteY17" fmla="*/ 1533832 h 1721256"/>
                <a:gd name="connsiteX18" fmla="*/ 586499 w 3019537"/>
                <a:gd name="connsiteY18" fmla="*/ 1651819 h 1721256"/>
                <a:gd name="connsiteX19" fmla="*/ 0 w 3019537"/>
                <a:gd name="connsiteY19" fmla="*/ 1721256 h 1721256"/>
                <a:gd name="connsiteX20" fmla="*/ 10 w 3019537"/>
                <a:gd name="connsiteY20" fmla="*/ 1559025 h 1721256"/>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161777 w 3019537"/>
                <a:gd name="connsiteY2" fmla="*/ 1364226 h 1713883"/>
                <a:gd name="connsiteX3" fmla="*/ 1589470 w 3019537"/>
                <a:gd name="connsiteY3" fmla="*/ 796414 h 1713883"/>
                <a:gd name="connsiteX4" fmla="*/ 1751703 w 3019537"/>
                <a:gd name="connsiteY4" fmla="*/ 412958 h 1713883"/>
                <a:gd name="connsiteX5" fmla="*/ 1884425 w 3019537"/>
                <a:gd name="connsiteY5" fmla="*/ 0 h 1713883"/>
                <a:gd name="connsiteX6" fmla="*/ 2009649 w 3019537"/>
                <a:gd name="connsiteY6" fmla="*/ 14750 h 1713883"/>
                <a:gd name="connsiteX7" fmla="*/ 1876949 w 3019537"/>
                <a:gd name="connsiteY7" fmla="*/ 479326 h 1713883"/>
                <a:gd name="connsiteX8" fmla="*/ 1685220 w 3019537"/>
                <a:gd name="connsiteY8" fmla="*/ 899653 h 1713883"/>
                <a:gd name="connsiteX9" fmla="*/ 1397568 w 3019537"/>
                <a:gd name="connsiteY9" fmla="*/ 1415846 h 1713883"/>
                <a:gd name="connsiteX10" fmla="*/ 2068735 w 3019537"/>
                <a:gd name="connsiteY10" fmla="*/ 1297861 h 1713883"/>
                <a:gd name="connsiteX11" fmla="*/ 2636525 w 3019537"/>
                <a:gd name="connsiteY11" fmla="*/ 1327358 h 1713883"/>
                <a:gd name="connsiteX12" fmla="*/ 3019537 w 3019537"/>
                <a:gd name="connsiteY12" fmla="*/ 1411542 h 1713883"/>
                <a:gd name="connsiteX13" fmla="*/ 3004790 w 3019537"/>
                <a:gd name="connsiteY13" fmla="*/ 1507405 h 1713883"/>
                <a:gd name="connsiteX14" fmla="*/ 2533309 w 3019537"/>
                <a:gd name="connsiteY14" fmla="*/ 1430596 h 1713883"/>
                <a:gd name="connsiteX15" fmla="*/ 2024479 w 3019537"/>
                <a:gd name="connsiteY15" fmla="*/ 1430597 h 1713883"/>
                <a:gd name="connsiteX16" fmla="*/ 1545179 w 3019537"/>
                <a:gd name="connsiteY16" fmla="*/ 1533835 h 1713883"/>
                <a:gd name="connsiteX17" fmla="*/ 1198557 w 3019537"/>
                <a:gd name="connsiteY17" fmla="*/ 1526459 h 1713883"/>
                <a:gd name="connsiteX18" fmla="*/ 586499 w 3019537"/>
                <a:gd name="connsiteY18" fmla="*/ 1644446 h 1713883"/>
                <a:gd name="connsiteX19" fmla="*/ 0 w 3019537"/>
                <a:gd name="connsiteY19" fmla="*/ 1713883 h 1713883"/>
                <a:gd name="connsiteX20" fmla="*/ 10 w 3019537"/>
                <a:gd name="connsiteY20" fmla="*/ 1551652 h 1713883"/>
                <a:gd name="connsiteX0" fmla="*/ 10 w 3019537"/>
                <a:gd name="connsiteY0" fmla="*/ 1551652 h 1713883"/>
                <a:gd name="connsiteX1" fmla="*/ 579136 w 3019537"/>
                <a:gd name="connsiteY1" fmla="*/ 1489588 h 1713883"/>
                <a:gd name="connsiteX2" fmla="*/ 1589470 w 3019537"/>
                <a:gd name="connsiteY2" fmla="*/ 796414 h 1713883"/>
                <a:gd name="connsiteX3" fmla="*/ 1751703 w 3019537"/>
                <a:gd name="connsiteY3" fmla="*/ 412958 h 1713883"/>
                <a:gd name="connsiteX4" fmla="*/ 1884425 w 3019537"/>
                <a:gd name="connsiteY4" fmla="*/ 0 h 1713883"/>
                <a:gd name="connsiteX5" fmla="*/ 2009649 w 3019537"/>
                <a:gd name="connsiteY5" fmla="*/ 14750 h 1713883"/>
                <a:gd name="connsiteX6" fmla="*/ 1876949 w 3019537"/>
                <a:gd name="connsiteY6" fmla="*/ 479326 h 1713883"/>
                <a:gd name="connsiteX7" fmla="*/ 1685220 w 3019537"/>
                <a:gd name="connsiteY7" fmla="*/ 899653 h 1713883"/>
                <a:gd name="connsiteX8" fmla="*/ 1397568 w 3019537"/>
                <a:gd name="connsiteY8" fmla="*/ 1415846 h 1713883"/>
                <a:gd name="connsiteX9" fmla="*/ 2068735 w 3019537"/>
                <a:gd name="connsiteY9" fmla="*/ 1297861 h 1713883"/>
                <a:gd name="connsiteX10" fmla="*/ 2636525 w 3019537"/>
                <a:gd name="connsiteY10" fmla="*/ 1327358 h 1713883"/>
                <a:gd name="connsiteX11" fmla="*/ 3019537 w 3019537"/>
                <a:gd name="connsiteY11" fmla="*/ 1411542 h 1713883"/>
                <a:gd name="connsiteX12" fmla="*/ 3004790 w 3019537"/>
                <a:gd name="connsiteY12" fmla="*/ 1507405 h 1713883"/>
                <a:gd name="connsiteX13" fmla="*/ 2533309 w 3019537"/>
                <a:gd name="connsiteY13" fmla="*/ 1430596 h 1713883"/>
                <a:gd name="connsiteX14" fmla="*/ 2024479 w 3019537"/>
                <a:gd name="connsiteY14" fmla="*/ 1430597 h 1713883"/>
                <a:gd name="connsiteX15" fmla="*/ 1545179 w 3019537"/>
                <a:gd name="connsiteY15" fmla="*/ 1533835 h 1713883"/>
                <a:gd name="connsiteX16" fmla="*/ 1198557 w 3019537"/>
                <a:gd name="connsiteY16" fmla="*/ 1526459 h 1713883"/>
                <a:gd name="connsiteX17" fmla="*/ 586499 w 3019537"/>
                <a:gd name="connsiteY17" fmla="*/ 1644446 h 1713883"/>
                <a:gd name="connsiteX18" fmla="*/ 0 w 3019537"/>
                <a:gd name="connsiteY18" fmla="*/ 1713883 h 1713883"/>
                <a:gd name="connsiteX19" fmla="*/ 10 w 3019537"/>
                <a:gd name="connsiteY19" fmla="*/ 1551652 h 1713883"/>
                <a:gd name="connsiteX0" fmla="*/ 10 w 3019537"/>
                <a:gd name="connsiteY0" fmla="*/ 1551652 h 1713883"/>
                <a:gd name="connsiteX1" fmla="*/ 579136 w 3019537"/>
                <a:gd name="connsiteY1" fmla="*/ 1489588 h 1713883"/>
                <a:gd name="connsiteX2" fmla="*/ 1589470 w 3019537"/>
                <a:gd name="connsiteY2" fmla="*/ 796414 h 1713883"/>
                <a:gd name="connsiteX3" fmla="*/ 1751703 w 3019537"/>
                <a:gd name="connsiteY3" fmla="*/ 412958 h 1713883"/>
                <a:gd name="connsiteX4" fmla="*/ 1884425 w 3019537"/>
                <a:gd name="connsiteY4" fmla="*/ 0 h 1713883"/>
                <a:gd name="connsiteX5" fmla="*/ 2009649 w 3019537"/>
                <a:gd name="connsiteY5" fmla="*/ 14750 h 1713883"/>
                <a:gd name="connsiteX6" fmla="*/ 1876949 w 3019537"/>
                <a:gd name="connsiteY6" fmla="*/ 479326 h 1713883"/>
                <a:gd name="connsiteX7" fmla="*/ 1685220 w 3019537"/>
                <a:gd name="connsiteY7" fmla="*/ 899653 h 1713883"/>
                <a:gd name="connsiteX8" fmla="*/ 1397568 w 3019537"/>
                <a:gd name="connsiteY8" fmla="*/ 1415846 h 1713883"/>
                <a:gd name="connsiteX9" fmla="*/ 2068735 w 3019537"/>
                <a:gd name="connsiteY9" fmla="*/ 1297861 h 1713883"/>
                <a:gd name="connsiteX10" fmla="*/ 2636525 w 3019537"/>
                <a:gd name="connsiteY10" fmla="*/ 1327358 h 1713883"/>
                <a:gd name="connsiteX11" fmla="*/ 3019537 w 3019537"/>
                <a:gd name="connsiteY11" fmla="*/ 1411542 h 1713883"/>
                <a:gd name="connsiteX12" fmla="*/ 3004790 w 3019537"/>
                <a:gd name="connsiteY12" fmla="*/ 1507405 h 1713883"/>
                <a:gd name="connsiteX13" fmla="*/ 2533309 w 3019537"/>
                <a:gd name="connsiteY13" fmla="*/ 1430596 h 1713883"/>
                <a:gd name="connsiteX14" fmla="*/ 2024479 w 3019537"/>
                <a:gd name="connsiteY14" fmla="*/ 1430597 h 1713883"/>
                <a:gd name="connsiteX15" fmla="*/ 1545179 w 3019537"/>
                <a:gd name="connsiteY15" fmla="*/ 1533835 h 1713883"/>
                <a:gd name="connsiteX16" fmla="*/ 586499 w 3019537"/>
                <a:gd name="connsiteY16" fmla="*/ 1644446 h 1713883"/>
                <a:gd name="connsiteX17" fmla="*/ 0 w 3019537"/>
                <a:gd name="connsiteY17" fmla="*/ 1713883 h 1713883"/>
                <a:gd name="connsiteX18" fmla="*/ 10 w 3019537"/>
                <a:gd name="connsiteY18" fmla="*/ 1551652 h 1713883"/>
                <a:gd name="connsiteX0" fmla="*/ 3 w 3019540"/>
                <a:gd name="connsiteY0" fmla="*/ 1713883 h 1713883"/>
                <a:gd name="connsiteX1" fmla="*/ 579139 w 3019540"/>
                <a:gd name="connsiteY1" fmla="*/ 1489588 h 1713883"/>
                <a:gd name="connsiteX2" fmla="*/ 1589473 w 3019540"/>
                <a:gd name="connsiteY2" fmla="*/ 796414 h 1713883"/>
                <a:gd name="connsiteX3" fmla="*/ 1751706 w 3019540"/>
                <a:gd name="connsiteY3" fmla="*/ 412958 h 1713883"/>
                <a:gd name="connsiteX4" fmla="*/ 1884428 w 3019540"/>
                <a:gd name="connsiteY4" fmla="*/ 0 h 1713883"/>
                <a:gd name="connsiteX5" fmla="*/ 2009652 w 3019540"/>
                <a:gd name="connsiteY5" fmla="*/ 14750 h 1713883"/>
                <a:gd name="connsiteX6" fmla="*/ 1876952 w 3019540"/>
                <a:gd name="connsiteY6" fmla="*/ 479326 h 1713883"/>
                <a:gd name="connsiteX7" fmla="*/ 1685223 w 3019540"/>
                <a:gd name="connsiteY7" fmla="*/ 899653 h 1713883"/>
                <a:gd name="connsiteX8" fmla="*/ 1397571 w 3019540"/>
                <a:gd name="connsiteY8" fmla="*/ 1415846 h 1713883"/>
                <a:gd name="connsiteX9" fmla="*/ 2068738 w 3019540"/>
                <a:gd name="connsiteY9" fmla="*/ 1297861 h 1713883"/>
                <a:gd name="connsiteX10" fmla="*/ 2636528 w 3019540"/>
                <a:gd name="connsiteY10" fmla="*/ 1327358 h 1713883"/>
                <a:gd name="connsiteX11" fmla="*/ 3019540 w 3019540"/>
                <a:gd name="connsiteY11" fmla="*/ 1411542 h 1713883"/>
                <a:gd name="connsiteX12" fmla="*/ 3004793 w 3019540"/>
                <a:gd name="connsiteY12" fmla="*/ 1507405 h 1713883"/>
                <a:gd name="connsiteX13" fmla="*/ 2533312 w 3019540"/>
                <a:gd name="connsiteY13" fmla="*/ 1430596 h 1713883"/>
                <a:gd name="connsiteX14" fmla="*/ 2024482 w 3019540"/>
                <a:gd name="connsiteY14" fmla="*/ 1430597 h 1713883"/>
                <a:gd name="connsiteX15" fmla="*/ 1545182 w 3019540"/>
                <a:gd name="connsiteY15" fmla="*/ 1533835 h 1713883"/>
                <a:gd name="connsiteX16" fmla="*/ 586502 w 3019540"/>
                <a:gd name="connsiteY16" fmla="*/ 1644446 h 1713883"/>
                <a:gd name="connsiteX17" fmla="*/ 3 w 3019540"/>
                <a:gd name="connsiteY17" fmla="*/ 1713883 h 1713883"/>
                <a:gd name="connsiteX0" fmla="*/ 7363 w 2440401"/>
                <a:gd name="connsiteY0" fmla="*/ 1644446 h 1644446"/>
                <a:gd name="connsiteX1" fmla="*/ 0 w 2440401"/>
                <a:gd name="connsiteY1" fmla="*/ 1489588 h 1644446"/>
                <a:gd name="connsiteX2" fmla="*/ 1010334 w 2440401"/>
                <a:gd name="connsiteY2" fmla="*/ 796414 h 1644446"/>
                <a:gd name="connsiteX3" fmla="*/ 1172567 w 2440401"/>
                <a:gd name="connsiteY3" fmla="*/ 412958 h 1644446"/>
                <a:gd name="connsiteX4" fmla="*/ 1305289 w 2440401"/>
                <a:gd name="connsiteY4" fmla="*/ 0 h 1644446"/>
                <a:gd name="connsiteX5" fmla="*/ 1430513 w 2440401"/>
                <a:gd name="connsiteY5" fmla="*/ 14750 h 1644446"/>
                <a:gd name="connsiteX6" fmla="*/ 1297813 w 2440401"/>
                <a:gd name="connsiteY6" fmla="*/ 479326 h 1644446"/>
                <a:gd name="connsiteX7" fmla="*/ 1106084 w 2440401"/>
                <a:gd name="connsiteY7" fmla="*/ 899653 h 1644446"/>
                <a:gd name="connsiteX8" fmla="*/ 818432 w 2440401"/>
                <a:gd name="connsiteY8" fmla="*/ 1415846 h 1644446"/>
                <a:gd name="connsiteX9" fmla="*/ 1489599 w 2440401"/>
                <a:gd name="connsiteY9" fmla="*/ 1297861 h 1644446"/>
                <a:gd name="connsiteX10" fmla="*/ 2057389 w 2440401"/>
                <a:gd name="connsiteY10" fmla="*/ 1327358 h 1644446"/>
                <a:gd name="connsiteX11" fmla="*/ 2440401 w 2440401"/>
                <a:gd name="connsiteY11" fmla="*/ 1411542 h 1644446"/>
                <a:gd name="connsiteX12" fmla="*/ 2425654 w 2440401"/>
                <a:gd name="connsiteY12" fmla="*/ 1507405 h 1644446"/>
                <a:gd name="connsiteX13" fmla="*/ 1954173 w 2440401"/>
                <a:gd name="connsiteY13" fmla="*/ 1430596 h 1644446"/>
                <a:gd name="connsiteX14" fmla="*/ 1445343 w 2440401"/>
                <a:gd name="connsiteY14" fmla="*/ 1430597 h 1644446"/>
                <a:gd name="connsiteX15" fmla="*/ 966043 w 2440401"/>
                <a:gd name="connsiteY15" fmla="*/ 1533835 h 1644446"/>
                <a:gd name="connsiteX16" fmla="*/ 7363 w 2440401"/>
                <a:gd name="connsiteY16" fmla="*/ 1644446 h 1644446"/>
                <a:gd name="connsiteX0" fmla="*/ 0 w 2433038"/>
                <a:gd name="connsiteY0" fmla="*/ 1644446 h 1644446"/>
                <a:gd name="connsiteX1" fmla="*/ 1002971 w 2433038"/>
                <a:gd name="connsiteY1" fmla="*/ 796414 h 1644446"/>
                <a:gd name="connsiteX2" fmla="*/ 1165204 w 2433038"/>
                <a:gd name="connsiteY2" fmla="*/ 412958 h 1644446"/>
                <a:gd name="connsiteX3" fmla="*/ 1297926 w 2433038"/>
                <a:gd name="connsiteY3" fmla="*/ 0 h 1644446"/>
                <a:gd name="connsiteX4" fmla="*/ 1423150 w 2433038"/>
                <a:gd name="connsiteY4" fmla="*/ 14750 h 1644446"/>
                <a:gd name="connsiteX5" fmla="*/ 1290450 w 2433038"/>
                <a:gd name="connsiteY5" fmla="*/ 479326 h 1644446"/>
                <a:gd name="connsiteX6" fmla="*/ 1098721 w 2433038"/>
                <a:gd name="connsiteY6" fmla="*/ 899653 h 1644446"/>
                <a:gd name="connsiteX7" fmla="*/ 811069 w 2433038"/>
                <a:gd name="connsiteY7" fmla="*/ 1415846 h 1644446"/>
                <a:gd name="connsiteX8" fmla="*/ 1482236 w 2433038"/>
                <a:gd name="connsiteY8" fmla="*/ 1297861 h 1644446"/>
                <a:gd name="connsiteX9" fmla="*/ 2050026 w 2433038"/>
                <a:gd name="connsiteY9" fmla="*/ 1327358 h 1644446"/>
                <a:gd name="connsiteX10" fmla="*/ 2433038 w 2433038"/>
                <a:gd name="connsiteY10" fmla="*/ 1411542 h 1644446"/>
                <a:gd name="connsiteX11" fmla="*/ 2418291 w 2433038"/>
                <a:gd name="connsiteY11" fmla="*/ 1507405 h 1644446"/>
                <a:gd name="connsiteX12" fmla="*/ 1946810 w 2433038"/>
                <a:gd name="connsiteY12" fmla="*/ 1430596 h 1644446"/>
                <a:gd name="connsiteX13" fmla="*/ 1437980 w 2433038"/>
                <a:gd name="connsiteY13" fmla="*/ 1430597 h 1644446"/>
                <a:gd name="connsiteX14" fmla="*/ 958680 w 2433038"/>
                <a:gd name="connsiteY14" fmla="*/ 1533835 h 1644446"/>
                <a:gd name="connsiteX15" fmla="*/ 0 w 2433038"/>
                <a:gd name="connsiteY15" fmla="*/ 1644446 h 1644446"/>
                <a:gd name="connsiteX0" fmla="*/ 152395 w 1626753"/>
                <a:gd name="connsiteY0" fmla="*/ 1533835 h 1563051"/>
                <a:gd name="connsiteX1" fmla="*/ 196686 w 1626753"/>
                <a:gd name="connsiteY1" fmla="*/ 796414 h 1563051"/>
                <a:gd name="connsiteX2" fmla="*/ 358919 w 1626753"/>
                <a:gd name="connsiteY2" fmla="*/ 412958 h 1563051"/>
                <a:gd name="connsiteX3" fmla="*/ 491641 w 1626753"/>
                <a:gd name="connsiteY3" fmla="*/ 0 h 1563051"/>
                <a:gd name="connsiteX4" fmla="*/ 616865 w 1626753"/>
                <a:gd name="connsiteY4" fmla="*/ 14750 h 1563051"/>
                <a:gd name="connsiteX5" fmla="*/ 484165 w 1626753"/>
                <a:gd name="connsiteY5" fmla="*/ 479326 h 1563051"/>
                <a:gd name="connsiteX6" fmla="*/ 292436 w 1626753"/>
                <a:gd name="connsiteY6" fmla="*/ 899653 h 1563051"/>
                <a:gd name="connsiteX7" fmla="*/ 4784 w 1626753"/>
                <a:gd name="connsiteY7" fmla="*/ 1415846 h 1563051"/>
                <a:gd name="connsiteX8" fmla="*/ 675951 w 1626753"/>
                <a:gd name="connsiteY8" fmla="*/ 1297861 h 1563051"/>
                <a:gd name="connsiteX9" fmla="*/ 1243741 w 1626753"/>
                <a:gd name="connsiteY9" fmla="*/ 1327358 h 1563051"/>
                <a:gd name="connsiteX10" fmla="*/ 1626753 w 1626753"/>
                <a:gd name="connsiteY10" fmla="*/ 1411542 h 1563051"/>
                <a:gd name="connsiteX11" fmla="*/ 1612006 w 1626753"/>
                <a:gd name="connsiteY11" fmla="*/ 1507405 h 1563051"/>
                <a:gd name="connsiteX12" fmla="*/ 1140525 w 1626753"/>
                <a:gd name="connsiteY12" fmla="*/ 1430596 h 1563051"/>
                <a:gd name="connsiteX13" fmla="*/ 631695 w 1626753"/>
                <a:gd name="connsiteY13" fmla="*/ 1430597 h 1563051"/>
                <a:gd name="connsiteX14" fmla="*/ 152395 w 1626753"/>
                <a:gd name="connsiteY14" fmla="*/ 1533835 h 1563051"/>
                <a:gd name="connsiteX0" fmla="*/ 149385 w 1623743"/>
                <a:gd name="connsiteY0" fmla="*/ 1533835 h 1563051"/>
                <a:gd name="connsiteX1" fmla="*/ 193676 w 1623743"/>
                <a:gd name="connsiteY1" fmla="*/ 796414 h 1563051"/>
                <a:gd name="connsiteX2" fmla="*/ 355909 w 1623743"/>
                <a:gd name="connsiteY2" fmla="*/ 412958 h 1563051"/>
                <a:gd name="connsiteX3" fmla="*/ 488631 w 1623743"/>
                <a:gd name="connsiteY3" fmla="*/ 0 h 1563051"/>
                <a:gd name="connsiteX4" fmla="*/ 613855 w 1623743"/>
                <a:gd name="connsiteY4" fmla="*/ 14750 h 1563051"/>
                <a:gd name="connsiteX5" fmla="*/ 481155 w 1623743"/>
                <a:gd name="connsiteY5" fmla="*/ 479326 h 1563051"/>
                <a:gd name="connsiteX6" fmla="*/ 1774 w 1623743"/>
                <a:gd name="connsiteY6" fmla="*/ 1415846 h 1563051"/>
                <a:gd name="connsiteX7" fmla="*/ 672941 w 1623743"/>
                <a:gd name="connsiteY7" fmla="*/ 1297861 h 1563051"/>
                <a:gd name="connsiteX8" fmla="*/ 1240731 w 1623743"/>
                <a:gd name="connsiteY8" fmla="*/ 1327358 h 1563051"/>
                <a:gd name="connsiteX9" fmla="*/ 1623743 w 1623743"/>
                <a:gd name="connsiteY9" fmla="*/ 1411542 h 1563051"/>
                <a:gd name="connsiteX10" fmla="*/ 1608996 w 1623743"/>
                <a:gd name="connsiteY10" fmla="*/ 1507405 h 1563051"/>
                <a:gd name="connsiteX11" fmla="*/ 1137515 w 1623743"/>
                <a:gd name="connsiteY11" fmla="*/ 1430596 h 1563051"/>
                <a:gd name="connsiteX12" fmla="*/ 628685 w 1623743"/>
                <a:gd name="connsiteY12" fmla="*/ 1430597 h 1563051"/>
                <a:gd name="connsiteX13" fmla="*/ 149385 w 1623743"/>
                <a:gd name="connsiteY13" fmla="*/ 1533835 h 1563051"/>
                <a:gd name="connsiteX0" fmla="*/ 149385 w 1623743"/>
                <a:gd name="connsiteY0" fmla="*/ 1533835 h 1563051"/>
                <a:gd name="connsiteX1" fmla="*/ 355909 w 1623743"/>
                <a:gd name="connsiteY1" fmla="*/ 412958 h 1563051"/>
                <a:gd name="connsiteX2" fmla="*/ 488631 w 1623743"/>
                <a:gd name="connsiteY2" fmla="*/ 0 h 1563051"/>
                <a:gd name="connsiteX3" fmla="*/ 613855 w 1623743"/>
                <a:gd name="connsiteY3" fmla="*/ 14750 h 1563051"/>
                <a:gd name="connsiteX4" fmla="*/ 481155 w 1623743"/>
                <a:gd name="connsiteY4" fmla="*/ 479326 h 1563051"/>
                <a:gd name="connsiteX5" fmla="*/ 1774 w 1623743"/>
                <a:gd name="connsiteY5" fmla="*/ 1415846 h 1563051"/>
                <a:gd name="connsiteX6" fmla="*/ 672941 w 1623743"/>
                <a:gd name="connsiteY6" fmla="*/ 1297861 h 1563051"/>
                <a:gd name="connsiteX7" fmla="*/ 1240731 w 1623743"/>
                <a:gd name="connsiteY7" fmla="*/ 1327358 h 1563051"/>
                <a:gd name="connsiteX8" fmla="*/ 1623743 w 1623743"/>
                <a:gd name="connsiteY8" fmla="*/ 1411542 h 1563051"/>
                <a:gd name="connsiteX9" fmla="*/ 1608996 w 1623743"/>
                <a:gd name="connsiteY9" fmla="*/ 1507405 h 1563051"/>
                <a:gd name="connsiteX10" fmla="*/ 1137515 w 1623743"/>
                <a:gd name="connsiteY10" fmla="*/ 1430596 h 1563051"/>
                <a:gd name="connsiteX11" fmla="*/ 628685 w 1623743"/>
                <a:gd name="connsiteY11" fmla="*/ 1430597 h 1563051"/>
                <a:gd name="connsiteX12" fmla="*/ 149385 w 1623743"/>
                <a:gd name="connsiteY12" fmla="*/ 1533835 h 1563051"/>
                <a:gd name="connsiteX0" fmla="*/ 149385 w 1623743"/>
                <a:gd name="connsiteY0" fmla="*/ 1533835 h 1563051"/>
                <a:gd name="connsiteX1" fmla="*/ 488631 w 1623743"/>
                <a:gd name="connsiteY1" fmla="*/ 0 h 1563051"/>
                <a:gd name="connsiteX2" fmla="*/ 613855 w 1623743"/>
                <a:gd name="connsiteY2" fmla="*/ 14750 h 1563051"/>
                <a:gd name="connsiteX3" fmla="*/ 481155 w 1623743"/>
                <a:gd name="connsiteY3" fmla="*/ 479326 h 1563051"/>
                <a:gd name="connsiteX4" fmla="*/ 1774 w 1623743"/>
                <a:gd name="connsiteY4" fmla="*/ 1415846 h 1563051"/>
                <a:gd name="connsiteX5" fmla="*/ 672941 w 1623743"/>
                <a:gd name="connsiteY5" fmla="*/ 1297861 h 1563051"/>
                <a:gd name="connsiteX6" fmla="*/ 1240731 w 1623743"/>
                <a:gd name="connsiteY6" fmla="*/ 1327358 h 1563051"/>
                <a:gd name="connsiteX7" fmla="*/ 1623743 w 1623743"/>
                <a:gd name="connsiteY7" fmla="*/ 1411542 h 1563051"/>
                <a:gd name="connsiteX8" fmla="*/ 1608996 w 1623743"/>
                <a:gd name="connsiteY8" fmla="*/ 1507405 h 1563051"/>
                <a:gd name="connsiteX9" fmla="*/ 1137515 w 1623743"/>
                <a:gd name="connsiteY9" fmla="*/ 1430596 h 1563051"/>
                <a:gd name="connsiteX10" fmla="*/ 628685 w 1623743"/>
                <a:gd name="connsiteY10" fmla="*/ 1430597 h 1563051"/>
                <a:gd name="connsiteX11" fmla="*/ 149385 w 1623743"/>
                <a:gd name="connsiteY11" fmla="*/ 1533835 h 1563051"/>
                <a:gd name="connsiteX0" fmla="*/ 147744 w 1622102"/>
                <a:gd name="connsiteY0" fmla="*/ 1533835 h 1563051"/>
                <a:gd name="connsiteX1" fmla="*/ 486990 w 1622102"/>
                <a:gd name="connsiteY1" fmla="*/ 0 h 1563051"/>
                <a:gd name="connsiteX2" fmla="*/ 612214 w 1622102"/>
                <a:gd name="connsiteY2" fmla="*/ 14750 h 1563051"/>
                <a:gd name="connsiteX3" fmla="*/ 133 w 1622102"/>
                <a:gd name="connsiteY3" fmla="*/ 1415846 h 1563051"/>
                <a:gd name="connsiteX4" fmla="*/ 671300 w 1622102"/>
                <a:gd name="connsiteY4" fmla="*/ 1297861 h 1563051"/>
                <a:gd name="connsiteX5" fmla="*/ 1239090 w 1622102"/>
                <a:gd name="connsiteY5" fmla="*/ 1327358 h 1563051"/>
                <a:gd name="connsiteX6" fmla="*/ 1622102 w 1622102"/>
                <a:gd name="connsiteY6" fmla="*/ 1411542 h 1563051"/>
                <a:gd name="connsiteX7" fmla="*/ 1607355 w 1622102"/>
                <a:gd name="connsiteY7" fmla="*/ 1507405 h 1563051"/>
                <a:gd name="connsiteX8" fmla="*/ 1135874 w 1622102"/>
                <a:gd name="connsiteY8" fmla="*/ 1430596 h 1563051"/>
                <a:gd name="connsiteX9" fmla="*/ 627044 w 1622102"/>
                <a:gd name="connsiteY9" fmla="*/ 1430597 h 1563051"/>
                <a:gd name="connsiteX10" fmla="*/ 147744 w 1622102"/>
                <a:gd name="connsiteY10" fmla="*/ 1533835 h 1563051"/>
                <a:gd name="connsiteX0" fmla="*/ 147744 w 1622102"/>
                <a:gd name="connsiteY0" fmla="*/ 1519085 h 1548301"/>
                <a:gd name="connsiteX1" fmla="*/ 612214 w 1622102"/>
                <a:gd name="connsiteY1" fmla="*/ 0 h 1548301"/>
                <a:gd name="connsiteX2" fmla="*/ 133 w 1622102"/>
                <a:gd name="connsiteY2" fmla="*/ 1401096 h 1548301"/>
                <a:gd name="connsiteX3" fmla="*/ 671300 w 1622102"/>
                <a:gd name="connsiteY3" fmla="*/ 1283111 h 1548301"/>
                <a:gd name="connsiteX4" fmla="*/ 1239090 w 1622102"/>
                <a:gd name="connsiteY4" fmla="*/ 1312608 h 1548301"/>
                <a:gd name="connsiteX5" fmla="*/ 1622102 w 1622102"/>
                <a:gd name="connsiteY5" fmla="*/ 1396792 h 1548301"/>
                <a:gd name="connsiteX6" fmla="*/ 1607355 w 1622102"/>
                <a:gd name="connsiteY6" fmla="*/ 1492655 h 1548301"/>
                <a:gd name="connsiteX7" fmla="*/ 1135874 w 1622102"/>
                <a:gd name="connsiteY7" fmla="*/ 1415846 h 1548301"/>
                <a:gd name="connsiteX8" fmla="*/ 627044 w 1622102"/>
                <a:gd name="connsiteY8" fmla="*/ 1415847 h 1548301"/>
                <a:gd name="connsiteX9" fmla="*/ 147744 w 1622102"/>
                <a:gd name="connsiteY9" fmla="*/ 1519085 h 1548301"/>
                <a:gd name="connsiteX0" fmla="*/ 176242 w 1650600"/>
                <a:gd name="connsiteY0" fmla="*/ 235975 h 265191"/>
                <a:gd name="connsiteX1" fmla="*/ 28631 w 1650600"/>
                <a:gd name="connsiteY1" fmla="*/ 117986 h 265191"/>
                <a:gd name="connsiteX2" fmla="*/ 699798 w 1650600"/>
                <a:gd name="connsiteY2" fmla="*/ 1 h 265191"/>
                <a:gd name="connsiteX3" fmla="*/ 1267588 w 1650600"/>
                <a:gd name="connsiteY3" fmla="*/ 29498 h 265191"/>
                <a:gd name="connsiteX4" fmla="*/ 1650600 w 1650600"/>
                <a:gd name="connsiteY4" fmla="*/ 113682 h 265191"/>
                <a:gd name="connsiteX5" fmla="*/ 1635853 w 1650600"/>
                <a:gd name="connsiteY5" fmla="*/ 209545 h 265191"/>
                <a:gd name="connsiteX6" fmla="*/ 1164372 w 1650600"/>
                <a:gd name="connsiteY6" fmla="*/ 132736 h 265191"/>
                <a:gd name="connsiteX7" fmla="*/ 655542 w 1650600"/>
                <a:gd name="connsiteY7" fmla="*/ 132737 h 265191"/>
                <a:gd name="connsiteX8" fmla="*/ 176242 w 1650600"/>
                <a:gd name="connsiteY8" fmla="*/ 235975 h 265191"/>
                <a:gd name="connsiteX0" fmla="*/ 87718 w 1562076"/>
                <a:gd name="connsiteY0" fmla="*/ 235975 h 265191"/>
                <a:gd name="connsiteX1" fmla="*/ 57855 w 1562076"/>
                <a:gd name="connsiteY1" fmla="*/ 104924 h 265191"/>
                <a:gd name="connsiteX2" fmla="*/ 611274 w 1562076"/>
                <a:gd name="connsiteY2" fmla="*/ 1 h 265191"/>
                <a:gd name="connsiteX3" fmla="*/ 1179064 w 1562076"/>
                <a:gd name="connsiteY3" fmla="*/ 29498 h 265191"/>
                <a:gd name="connsiteX4" fmla="*/ 1562076 w 1562076"/>
                <a:gd name="connsiteY4" fmla="*/ 113682 h 265191"/>
                <a:gd name="connsiteX5" fmla="*/ 1547329 w 1562076"/>
                <a:gd name="connsiteY5" fmla="*/ 209545 h 265191"/>
                <a:gd name="connsiteX6" fmla="*/ 1075848 w 1562076"/>
                <a:gd name="connsiteY6" fmla="*/ 132736 h 265191"/>
                <a:gd name="connsiteX7" fmla="*/ 567018 w 1562076"/>
                <a:gd name="connsiteY7" fmla="*/ 132737 h 265191"/>
                <a:gd name="connsiteX8" fmla="*/ 87718 w 1562076"/>
                <a:gd name="connsiteY8" fmla="*/ 235975 h 265191"/>
                <a:gd name="connsiteX0" fmla="*/ 87718 w 1562076"/>
                <a:gd name="connsiteY0" fmla="*/ 235975 h 235975"/>
                <a:gd name="connsiteX1" fmla="*/ 57855 w 1562076"/>
                <a:gd name="connsiteY1" fmla="*/ 104924 h 235975"/>
                <a:gd name="connsiteX2" fmla="*/ 611274 w 1562076"/>
                <a:gd name="connsiteY2" fmla="*/ 1 h 235975"/>
                <a:gd name="connsiteX3" fmla="*/ 1179064 w 1562076"/>
                <a:gd name="connsiteY3" fmla="*/ 29498 h 235975"/>
                <a:gd name="connsiteX4" fmla="*/ 1562076 w 1562076"/>
                <a:gd name="connsiteY4" fmla="*/ 113682 h 235975"/>
                <a:gd name="connsiteX5" fmla="*/ 1547329 w 1562076"/>
                <a:gd name="connsiteY5" fmla="*/ 209545 h 235975"/>
                <a:gd name="connsiteX6" fmla="*/ 1075848 w 1562076"/>
                <a:gd name="connsiteY6" fmla="*/ 132736 h 235975"/>
                <a:gd name="connsiteX7" fmla="*/ 567018 w 1562076"/>
                <a:gd name="connsiteY7" fmla="*/ 132737 h 235975"/>
                <a:gd name="connsiteX8" fmla="*/ 87718 w 1562076"/>
                <a:gd name="connsiteY8" fmla="*/ 235975 h 235975"/>
                <a:gd name="connsiteX0" fmla="*/ 55609 w 1529967"/>
                <a:gd name="connsiteY0" fmla="*/ 235975 h 235975"/>
                <a:gd name="connsiteX1" fmla="*/ 97703 w 1529967"/>
                <a:gd name="connsiteY1" fmla="*/ 101658 h 235975"/>
                <a:gd name="connsiteX2" fmla="*/ 579165 w 1529967"/>
                <a:gd name="connsiteY2" fmla="*/ 1 h 235975"/>
                <a:gd name="connsiteX3" fmla="*/ 1146955 w 1529967"/>
                <a:gd name="connsiteY3" fmla="*/ 29498 h 235975"/>
                <a:gd name="connsiteX4" fmla="*/ 1529967 w 1529967"/>
                <a:gd name="connsiteY4" fmla="*/ 113682 h 235975"/>
                <a:gd name="connsiteX5" fmla="*/ 1515220 w 1529967"/>
                <a:gd name="connsiteY5" fmla="*/ 209545 h 235975"/>
                <a:gd name="connsiteX6" fmla="*/ 1043739 w 1529967"/>
                <a:gd name="connsiteY6" fmla="*/ 132736 h 235975"/>
                <a:gd name="connsiteX7" fmla="*/ 534909 w 1529967"/>
                <a:gd name="connsiteY7" fmla="*/ 132737 h 235975"/>
                <a:gd name="connsiteX8" fmla="*/ 55609 w 1529967"/>
                <a:gd name="connsiteY8" fmla="*/ 235975 h 235975"/>
                <a:gd name="connsiteX0" fmla="*/ 138084 w 1468528"/>
                <a:gd name="connsiteY0" fmla="*/ 183724 h 212361"/>
                <a:gd name="connsiteX1" fmla="*/ 36264 w 1468528"/>
                <a:gd name="connsiteY1" fmla="*/ 101658 h 212361"/>
                <a:gd name="connsiteX2" fmla="*/ 517726 w 1468528"/>
                <a:gd name="connsiteY2" fmla="*/ 1 h 212361"/>
                <a:gd name="connsiteX3" fmla="*/ 1085516 w 1468528"/>
                <a:gd name="connsiteY3" fmla="*/ 29498 h 212361"/>
                <a:gd name="connsiteX4" fmla="*/ 1468528 w 1468528"/>
                <a:gd name="connsiteY4" fmla="*/ 113682 h 212361"/>
                <a:gd name="connsiteX5" fmla="*/ 1453781 w 1468528"/>
                <a:gd name="connsiteY5" fmla="*/ 209545 h 212361"/>
                <a:gd name="connsiteX6" fmla="*/ 982300 w 1468528"/>
                <a:gd name="connsiteY6" fmla="*/ 132736 h 212361"/>
                <a:gd name="connsiteX7" fmla="*/ 473470 w 1468528"/>
                <a:gd name="connsiteY7" fmla="*/ 132737 h 212361"/>
                <a:gd name="connsiteX8" fmla="*/ 138084 w 1468528"/>
                <a:gd name="connsiteY8" fmla="*/ 183724 h 212361"/>
                <a:gd name="connsiteX0" fmla="*/ 138084 w 1468528"/>
                <a:gd name="connsiteY0" fmla="*/ 183724 h 212361"/>
                <a:gd name="connsiteX1" fmla="*/ 36264 w 1468528"/>
                <a:gd name="connsiteY1" fmla="*/ 101658 h 212361"/>
                <a:gd name="connsiteX2" fmla="*/ 517726 w 1468528"/>
                <a:gd name="connsiteY2" fmla="*/ 1 h 212361"/>
                <a:gd name="connsiteX3" fmla="*/ 1085516 w 1468528"/>
                <a:gd name="connsiteY3" fmla="*/ 29498 h 212361"/>
                <a:gd name="connsiteX4" fmla="*/ 1468528 w 1468528"/>
                <a:gd name="connsiteY4" fmla="*/ 113682 h 212361"/>
                <a:gd name="connsiteX5" fmla="*/ 1453781 w 1468528"/>
                <a:gd name="connsiteY5" fmla="*/ 209545 h 212361"/>
                <a:gd name="connsiteX6" fmla="*/ 982300 w 1468528"/>
                <a:gd name="connsiteY6" fmla="*/ 132736 h 212361"/>
                <a:gd name="connsiteX7" fmla="*/ 473470 w 1468528"/>
                <a:gd name="connsiteY7" fmla="*/ 132737 h 212361"/>
                <a:gd name="connsiteX8" fmla="*/ 138084 w 1468528"/>
                <a:gd name="connsiteY8" fmla="*/ 183724 h 212361"/>
                <a:gd name="connsiteX0" fmla="*/ 115665 w 1475546"/>
                <a:gd name="connsiteY0" fmla="*/ 203318 h 212361"/>
                <a:gd name="connsiteX1" fmla="*/ 43282 w 1475546"/>
                <a:gd name="connsiteY1" fmla="*/ 101658 h 212361"/>
                <a:gd name="connsiteX2" fmla="*/ 524744 w 1475546"/>
                <a:gd name="connsiteY2" fmla="*/ 1 h 212361"/>
                <a:gd name="connsiteX3" fmla="*/ 1092534 w 1475546"/>
                <a:gd name="connsiteY3" fmla="*/ 29498 h 212361"/>
                <a:gd name="connsiteX4" fmla="*/ 1475546 w 1475546"/>
                <a:gd name="connsiteY4" fmla="*/ 113682 h 212361"/>
                <a:gd name="connsiteX5" fmla="*/ 1460799 w 1475546"/>
                <a:gd name="connsiteY5" fmla="*/ 209545 h 212361"/>
                <a:gd name="connsiteX6" fmla="*/ 989318 w 1475546"/>
                <a:gd name="connsiteY6" fmla="*/ 132736 h 212361"/>
                <a:gd name="connsiteX7" fmla="*/ 480488 w 1475546"/>
                <a:gd name="connsiteY7" fmla="*/ 132737 h 212361"/>
                <a:gd name="connsiteX8" fmla="*/ 115665 w 1475546"/>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60213"/>
                <a:gd name="connsiteY0" fmla="*/ 203318 h 212361"/>
                <a:gd name="connsiteX1" fmla="*/ 27949 w 1460213"/>
                <a:gd name="connsiteY1" fmla="*/ 101658 h 212361"/>
                <a:gd name="connsiteX2" fmla="*/ 509411 w 1460213"/>
                <a:gd name="connsiteY2" fmla="*/ 1 h 212361"/>
                <a:gd name="connsiteX3" fmla="*/ 1077201 w 1460213"/>
                <a:gd name="connsiteY3" fmla="*/ 29498 h 212361"/>
                <a:gd name="connsiteX4" fmla="*/ 1460213 w 1460213"/>
                <a:gd name="connsiteY4" fmla="*/ 113682 h 212361"/>
                <a:gd name="connsiteX5" fmla="*/ 1445466 w 1460213"/>
                <a:gd name="connsiteY5" fmla="*/ 209545 h 212361"/>
                <a:gd name="connsiteX6" fmla="*/ 973985 w 1460213"/>
                <a:gd name="connsiteY6" fmla="*/ 132736 h 212361"/>
                <a:gd name="connsiteX7" fmla="*/ 465155 w 1460213"/>
                <a:gd name="connsiteY7" fmla="*/ 132737 h 212361"/>
                <a:gd name="connsiteX8" fmla="*/ 100332 w 1460213"/>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65155 w 1448765"/>
                <a:gd name="connsiteY7" fmla="*/ 132737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48765"/>
                <a:gd name="connsiteY0" fmla="*/ 203318 h 212361"/>
                <a:gd name="connsiteX1" fmla="*/ 27949 w 1448765"/>
                <a:gd name="connsiteY1" fmla="*/ 101658 h 212361"/>
                <a:gd name="connsiteX2" fmla="*/ 509411 w 1448765"/>
                <a:gd name="connsiteY2" fmla="*/ 1 h 212361"/>
                <a:gd name="connsiteX3" fmla="*/ 1077201 w 1448765"/>
                <a:gd name="connsiteY3" fmla="*/ 29498 h 212361"/>
                <a:gd name="connsiteX4" fmla="*/ 1448765 w 1448765"/>
                <a:gd name="connsiteY4" fmla="*/ 113682 h 212361"/>
                <a:gd name="connsiteX5" fmla="*/ 1445466 w 1448765"/>
                <a:gd name="connsiteY5" fmla="*/ 209545 h 212361"/>
                <a:gd name="connsiteX6" fmla="*/ 973985 w 1448765"/>
                <a:gd name="connsiteY6" fmla="*/ 132736 h 212361"/>
                <a:gd name="connsiteX7" fmla="*/ 473741 w 1448765"/>
                <a:gd name="connsiteY7" fmla="*/ 127022 h 212361"/>
                <a:gd name="connsiteX8" fmla="*/ 100332 w 1448765"/>
                <a:gd name="connsiteY8" fmla="*/ 203318 h 212361"/>
                <a:gd name="connsiteX0" fmla="*/ 100332 w 1451627"/>
                <a:gd name="connsiteY0" fmla="*/ 203318 h 212361"/>
                <a:gd name="connsiteX1" fmla="*/ 27949 w 1451627"/>
                <a:gd name="connsiteY1" fmla="*/ 101658 h 212361"/>
                <a:gd name="connsiteX2" fmla="*/ 509411 w 1451627"/>
                <a:gd name="connsiteY2" fmla="*/ 1 h 212361"/>
                <a:gd name="connsiteX3" fmla="*/ 1077201 w 1451627"/>
                <a:gd name="connsiteY3" fmla="*/ 29498 h 212361"/>
                <a:gd name="connsiteX4" fmla="*/ 1451627 w 1451627"/>
                <a:gd name="connsiteY4" fmla="*/ 110824 h 212361"/>
                <a:gd name="connsiteX5" fmla="*/ 1445466 w 1451627"/>
                <a:gd name="connsiteY5" fmla="*/ 209545 h 212361"/>
                <a:gd name="connsiteX6" fmla="*/ 973985 w 1451627"/>
                <a:gd name="connsiteY6" fmla="*/ 132736 h 212361"/>
                <a:gd name="connsiteX7" fmla="*/ 473741 w 1451627"/>
                <a:gd name="connsiteY7" fmla="*/ 127022 h 212361"/>
                <a:gd name="connsiteX8" fmla="*/ 100332 w 1451627"/>
                <a:gd name="connsiteY8" fmla="*/ 203318 h 212361"/>
                <a:gd name="connsiteX0" fmla="*/ 100332 w 1451627"/>
                <a:gd name="connsiteY0" fmla="*/ 203318 h 212361"/>
                <a:gd name="connsiteX1" fmla="*/ 27949 w 1451627"/>
                <a:gd name="connsiteY1" fmla="*/ 101658 h 212361"/>
                <a:gd name="connsiteX2" fmla="*/ 509411 w 1451627"/>
                <a:gd name="connsiteY2" fmla="*/ 1 h 212361"/>
                <a:gd name="connsiteX3" fmla="*/ 1077201 w 1451627"/>
                <a:gd name="connsiteY3" fmla="*/ 29498 h 212361"/>
                <a:gd name="connsiteX4" fmla="*/ 1451627 w 1451627"/>
                <a:gd name="connsiteY4" fmla="*/ 107966 h 212361"/>
                <a:gd name="connsiteX5" fmla="*/ 1445466 w 1451627"/>
                <a:gd name="connsiteY5" fmla="*/ 209545 h 212361"/>
                <a:gd name="connsiteX6" fmla="*/ 973985 w 1451627"/>
                <a:gd name="connsiteY6" fmla="*/ 132736 h 212361"/>
                <a:gd name="connsiteX7" fmla="*/ 473741 w 1451627"/>
                <a:gd name="connsiteY7" fmla="*/ 127022 h 212361"/>
                <a:gd name="connsiteX8" fmla="*/ 100332 w 1451627"/>
                <a:gd name="connsiteY8" fmla="*/ 203318 h 212361"/>
                <a:gd name="connsiteX0" fmla="*/ 76360 w 1456033"/>
                <a:gd name="connsiteY0" fmla="*/ 213621 h 213621"/>
                <a:gd name="connsiteX1" fmla="*/ 32355 w 1456033"/>
                <a:gd name="connsiteY1" fmla="*/ 101658 h 213621"/>
                <a:gd name="connsiteX2" fmla="*/ 513817 w 1456033"/>
                <a:gd name="connsiteY2" fmla="*/ 1 h 213621"/>
                <a:gd name="connsiteX3" fmla="*/ 1081607 w 1456033"/>
                <a:gd name="connsiteY3" fmla="*/ 29498 h 213621"/>
                <a:gd name="connsiteX4" fmla="*/ 1456033 w 1456033"/>
                <a:gd name="connsiteY4" fmla="*/ 107966 h 213621"/>
                <a:gd name="connsiteX5" fmla="*/ 1449872 w 1456033"/>
                <a:gd name="connsiteY5" fmla="*/ 209545 h 213621"/>
                <a:gd name="connsiteX6" fmla="*/ 978391 w 1456033"/>
                <a:gd name="connsiteY6" fmla="*/ 132736 h 213621"/>
                <a:gd name="connsiteX7" fmla="*/ 478147 w 1456033"/>
                <a:gd name="connsiteY7" fmla="*/ 127022 h 213621"/>
                <a:gd name="connsiteX8" fmla="*/ 76360 w 1456033"/>
                <a:gd name="connsiteY8" fmla="*/ 213621 h 213621"/>
                <a:gd name="connsiteX0" fmla="*/ 76360 w 1469620"/>
                <a:gd name="connsiteY0" fmla="*/ 213621 h 213621"/>
                <a:gd name="connsiteX1" fmla="*/ 32355 w 1469620"/>
                <a:gd name="connsiteY1" fmla="*/ 101658 h 213621"/>
                <a:gd name="connsiteX2" fmla="*/ 513817 w 1469620"/>
                <a:gd name="connsiteY2" fmla="*/ 1 h 213621"/>
                <a:gd name="connsiteX3" fmla="*/ 1081607 w 1469620"/>
                <a:gd name="connsiteY3" fmla="*/ 29498 h 213621"/>
                <a:gd name="connsiteX4" fmla="*/ 1469620 w 1469620"/>
                <a:gd name="connsiteY4" fmla="*/ 107966 h 213621"/>
                <a:gd name="connsiteX5" fmla="*/ 1449872 w 1469620"/>
                <a:gd name="connsiteY5" fmla="*/ 209545 h 213621"/>
                <a:gd name="connsiteX6" fmla="*/ 978391 w 1469620"/>
                <a:gd name="connsiteY6" fmla="*/ 132736 h 213621"/>
                <a:gd name="connsiteX7" fmla="*/ 478147 w 1469620"/>
                <a:gd name="connsiteY7" fmla="*/ 127022 h 213621"/>
                <a:gd name="connsiteX8" fmla="*/ 76360 w 1469620"/>
                <a:gd name="connsiteY8" fmla="*/ 213621 h 213621"/>
                <a:gd name="connsiteX0" fmla="*/ 76360 w 1469620"/>
                <a:gd name="connsiteY0" fmla="*/ 213621 h 213621"/>
                <a:gd name="connsiteX1" fmla="*/ 32355 w 1469620"/>
                <a:gd name="connsiteY1" fmla="*/ 101658 h 213621"/>
                <a:gd name="connsiteX2" fmla="*/ 513817 w 1469620"/>
                <a:gd name="connsiteY2" fmla="*/ 1 h 213621"/>
                <a:gd name="connsiteX3" fmla="*/ 1081607 w 1469620"/>
                <a:gd name="connsiteY3" fmla="*/ 29498 h 213621"/>
                <a:gd name="connsiteX4" fmla="*/ 1469620 w 1469620"/>
                <a:gd name="connsiteY4" fmla="*/ 107966 h 213621"/>
                <a:gd name="connsiteX5" fmla="*/ 1466178 w 1469620"/>
                <a:gd name="connsiteY5" fmla="*/ 209545 h 213621"/>
                <a:gd name="connsiteX6" fmla="*/ 978391 w 1469620"/>
                <a:gd name="connsiteY6" fmla="*/ 132736 h 213621"/>
                <a:gd name="connsiteX7" fmla="*/ 478147 w 1469620"/>
                <a:gd name="connsiteY7" fmla="*/ 127022 h 213621"/>
                <a:gd name="connsiteX8" fmla="*/ 76360 w 1469620"/>
                <a:gd name="connsiteY8" fmla="*/ 213621 h 213621"/>
                <a:gd name="connsiteX0" fmla="*/ 59026 w 1474025"/>
                <a:gd name="connsiteY0" fmla="*/ 219048 h 219048"/>
                <a:gd name="connsiteX1" fmla="*/ 36760 w 1474025"/>
                <a:gd name="connsiteY1" fmla="*/ 101658 h 219048"/>
                <a:gd name="connsiteX2" fmla="*/ 518222 w 1474025"/>
                <a:gd name="connsiteY2" fmla="*/ 1 h 219048"/>
                <a:gd name="connsiteX3" fmla="*/ 1086012 w 1474025"/>
                <a:gd name="connsiteY3" fmla="*/ 29498 h 219048"/>
                <a:gd name="connsiteX4" fmla="*/ 1474025 w 1474025"/>
                <a:gd name="connsiteY4" fmla="*/ 107966 h 219048"/>
                <a:gd name="connsiteX5" fmla="*/ 1470583 w 1474025"/>
                <a:gd name="connsiteY5" fmla="*/ 209545 h 219048"/>
                <a:gd name="connsiteX6" fmla="*/ 982796 w 1474025"/>
                <a:gd name="connsiteY6" fmla="*/ 132736 h 219048"/>
                <a:gd name="connsiteX7" fmla="*/ 482552 w 1474025"/>
                <a:gd name="connsiteY7" fmla="*/ 127022 h 219048"/>
                <a:gd name="connsiteX8" fmla="*/ 59026 w 1474025"/>
                <a:gd name="connsiteY8" fmla="*/ 219048 h 2190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474025" h="219048">
                  <a:moveTo>
                    <a:pt x="59026" y="219048"/>
                  </a:moveTo>
                  <a:cubicBezTo>
                    <a:pt x="42852" y="196996"/>
                    <a:pt x="-50499" y="140987"/>
                    <a:pt x="36760" y="101658"/>
                  </a:cubicBezTo>
                  <a:cubicBezTo>
                    <a:pt x="232532" y="49408"/>
                    <a:pt x="348616" y="0"/>
                    <a:pt x="518222" y="1"/>
                  </a:cubicBezTo>
                  <a:cubicBezTo>
                    <a:pt x="712409" y="17207"/>
                    <a:pt x="891825" y="12292"/>
                    <a:pt x="1086012" y="29498"/>
                  </a:cubicBezTo>
                  <a:lnTo>
                    <a:pt x="1474025" y="107966"/>
                  </a:lnTo>
                  <a:lnTo>
                    <a:pt x="1470583" y="209545"/>
                  </a:lnTo>
                  <a:cubicBezTo>
                    <a:pt x="1382169" y="228698"/>
                    <a:pt x="1146181" y="144308"/>
                    <a:pt x="982796" y="132736"/>
                  </a:cubicBezTo>
                  <a:cubicBezTo>
                    <a:pt x="819411" y="121164"/>
                    <a:pt x="645187" y="123705"/>
                    <a:pt x="482552" y="127022"/>
                  </a:cubicBezTo>
                  <a:cubicBezTo>
                    <a:pt x="256891" y="140368"/>
                    <a:pt x="232923" y="171256"/>
                    <a:pt x="59026" y="219048"/>
                  </a:cubicBezTo>
                  <a:close/>
                </a:path>
              </a:pathLst>
            </a:custGeom>
            <a:solidFill>
              <a:schemeClr val="tx2">
                <a:lumMod val="60000"/>
                <a:lumOff val="40000"/>
              </a:schemeClr>
            </a:solidFill>
            <a:ln w="9525">
              <a:solidFill>
                <a:schemeClr val="tx1">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3" name="Sky 72">
              <a:extLst>
                <a:ext uri="{FF2B5EF4-FFF2-40B4-BE49-F238E27FC236}">
                  <a16:creationId xmlns:a16="http://schemas.microsoft.com/office/drawing/2014/main" id="{6C6181E2-A54C-43C0-A266-A3D57E2514B0}"/>
                </a:ext>
              </a:extLst>
            </p:cNvPr>
            <p:cNvSpPr/>
            <p:nvPr/>
          </p:nvSpPr>
          <p:spPr>
            <a:xfrm rot="21311212">
              <a:off x="5899091" y="5174131"/>
              <a:ext cx="184091" cy="126153"/>
            </a:xfrm>
            <a:prstGeom prst="cloud">
              <a:avLst/>
            </a:prstGeom>
            <a:gradFill flip="none" rotWithShape="1">
              <a:gsLst>
                <a:gs pos="0">
                  <a:srgbClr val="C00000"/>
                </a:gs>
                <a:gs pos="74000">
                  <a:srgbClr val="680000"/>
                </a:gs>
                <a:gs pos="83000">
                  <a:srgbClr val="8A0000"/>
                </a:gs>
                <a:gs pos="100000">
                  <a:srgbClr val="680000"/>
                </a:gs>
              </a:gsLst>
              <a:path path="circle">
                <a:fillToRect l="50000" t="50000" r="50000" b="50000"/>
              </a:path>
              <a:tileRect/>
            </a:gradFill>
            <a:ln w="9525">
              <a:solidFill>
                <a:srgbClr val="4C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4" name="Kombinationstegning: figur 73">
              <a:extLst>
                <a:ext uri="{FF2B5EF4-FFF2-40B4-BE49-F238E27FC236}">
                  <a16:creationId xmlns:a16="http://schemas.microsoft.com/office/drawing/2014/main" id="{89428569-807D-4DFD-B41F-657AFC8E5CE3}"/>
                </a:ext>
              </a:extLst>
            </p:cNvPr>
            <p:cNvSpPr/>
            <p:nvPr/>
          </p:nvSpPr>
          <p:spPr>
            <a:xfrm>
              <a:off x="4708963" y="5249235"/>
              <a:ext cx="1160543" cy="135131"/>
            </a:xfrm>
            <a:custGeom>
              <a:avLst/>
              <a:gdLst>
                <a:gd name="connsiteX0" fmla="*/ 0 w 1051560"/>
                <a:gd name="connsiteY0" fmla="*/ 118337 h 118337"/>
                <a:gd name="connsiteX1" fmla="*/ 646611 w 1051560"/>
                <a:gd name="connsiteY1" fmla="*/ 10569 h 118337"/>
                <a:gd name="connsiteX2" fmla="*/ 1051560 w 1051560"/>
                <a:gd name="connsiteY2" fmla="*/ 4037 h 118337"/>
                <a:gd name="connsiteX3" fmla="*/ 1051560 w 1051560"/>
                <a:gd name="connsiteY3" fmla="*/ 4037 h 118337"/>
                <a:gd name="connsiteX0" fmla="*/ 0 w 1051560"/>
                <a:gd name="connsiteY0" fmla="*/ 114300 h 114300"/>
                <a:gd name="connsiteX1" fmla="*/ 586998 w 1051560"/>
                <a:gd name="connsiteY1" fmla="*/ 30686 h 114300"/>
                <a:gd name="connsiteX2" fmla="*/ 1051560 w 1051560"/>
                <a:gd name="connsiteY2" fmla="*/ 0 h 114300"/>
                <a:gd name="connsiteX3" fmla="*/ 1051560 w 1051560"/>
                <a:gd name="connsiteY3" fmla="*/ 0 h 114300"/>
                <a:gd name="connsiteX0" fmla="*/ 0 w 1054541"/>
                <a:gd name="connsiteY0" fmla="*/ 108932 h 108932"/>
                <a:gd name="connsiteX1" fmla="*/ 589979 w 1054541"/>
                <a:gd name="connsiteY1" fmla="*/ 30686 h 108932"/>
                <a:gd name="connsiteX2" fmla="*/ 1054541 w 1054541"/>
                <a:gd name="connsiteY2" fmla="*/ 0 h 108932"/>
                <a:gd name="connsiteX3" fmla="*/ 1054541 w 1054541"/>
                <a:gd name="connsiteY3" fmla="*/ 0 h 108932"/>
                <a:gd name="connsiteX0" fmla="*/ 0 w 1054541"/>
                <a:gd name="connsiteY0" fmla="*/ 108932 h 108932"/>
                <a:gd name="connsiteX1" fmla="*/ 521424 w 1054541"/>
                <a:gd name="connsiteY1" fmla="*/ 46788 h 108932"/>
                <a:gd name="connsiteX2" fmla="*/ 1054541 w 1054541"/>
                <a:gd name="connsiteY2" fmla="*/ 0 h 108932"/>
                <a:gd name="connsiteX3" fmla="*/ 1054541 w 1054541"/>
                <a:gd name="connsiteY3" fmla="*/ 0 h 108932"/>
                <a:gd name="connsiteX0" fmla="*/ 0 w 1054541"/>
                <a:gd name="connsiteY0" fmla="*/ 108932 h 108932"/>
                <a:gd name="connsiteX1" fmla="*/ 521424 w 1054541"/>
                <a:gd name="connsiteY1" fmla="*/ 46788 h 108932"/>
                <a:gd name="connsiteX2" fmla="*/ 1054541 w 1054541"/>
                <a:gd name="connsiteY2" fmla="*/ 0 h 108932"/>
                <a:gd name="connsiteX3" fmla="*/ 1054541 w 1054541"/>
                <a:gd name="connsiteY3" fmla="*/ 0 h 108932"/>
                <a:gd name="connsiteX0" fmla="*/ 0 w 1054541"/>
                <a:gd name="connsiteY0" fmla="*/ 108932 h 108932"/>
                <a:gd name="connsiteX1" fmla="*/ 521424 w 1054541"/>
                <a:gd name="connsiteY1" fmla="*/ 46788 h 108932"/>
                <a:gd name="connsiteX2" fmla="*/ 813808 w 1054541"/>
                <a:gd name="connsiteY2" fmla="*/ 7330 h 108932"/>
                <a:gd name="connsiteX3" fmla="*/ 1054541 w 1054541"/>
                <a:gd name="connsiteY3" fmla="*/ 0 h 108932"/>
                <a:gd name="connsiteX4" fmla="*/ 1054541 w 1054541"/>
                <a:gd name="connsiteY4" fmla="*/ 0 h 108932"/>
                <a:gd name="connsiteX0" fmla="*/ 0 w 1072373"/>
                <a:gd name="connsiteY0" fmla="*/ 111048 h 111048"/>
                <a:gd name="connsiteX1" fmla="*/ 521424 w 1072373"/>
                <a:gd name="connsiteY1" fmla="*/ 48904 h 111048"/>
                <a:gd name="connsiteX2" fmla="*/ 813808 w 1072373"/>
                <a:gd name="connsiteY2" fmla="*/ 9446 h 111048"/>
                <a:gd name="connsiteX3" fmla="*/ 1054541 w 1072373"/>
                <a:gd name="connsiteY3" fmla="*/ 2116 h 111048"/>
                <a:gd name="connsiteX4" fmla="*/ 1054541 w 1072373"/>
                <a:gd name="connsiteY4" fmla="*/ 0 h 111048"/>
                <a:gd name="connsiteX0" fmla="*/ 0 w 1072721"/>
                <a:gd name="connsiteY0" fmla="*/ 111048 h 111048"/>
                <a:gd name="connsiteX1" fmla="*/ 521424 w 1072721"/>
                <a:gd name="connsiteY1" fmla="*/ 48904 h 111048"/>
                <a:gd name="connsiteX2" fmla="*/ 809106 w 1072721"/>
                <a:gd name="connsiteY2" fmla="*/ 17913 h 111048"/>
                <a:gd name="connsiteX3" fmla="*/ 1054541 w 1072721"/>
                <a:gd name="connsiteY3" fmla="*/ 2116 h 111048"/>
                <a:gd name="connsiteX4" fmla="*/ 1054541 w 1072721"/>
                <a:gd name="connsiteY4" fmla="*/ 0 h 111048"/>
                <a:gd name="connsiteX0" fmla="*/ 0 w 1059459"/>
                <a:gd name="connsiteY0" fmla="*/ 124835 h 274144"/>
                <a:gd name="connsiteX1" fmla="*/ 521424 w 1059459"/>
                <a:gd name="connsiteY1" fmla="*/ 62691 h 274144"/>
                <a:gd name="connsiteX2" fmla="*/ 809106 w 1059459"/>
                <a:gd name="connsiteY2" fmla="*/ 31700 h 274144"/>
                <a:gd name="connsiteX3" fmla="*/ 1054541 w 1059459"/>
                <a:gd name="connsiteY3" fmla="*/ 15903 h 274144"/>
                <a:gd name="connsiteX4" fmla="*/ 979310 w 1059459"/>
                <a:gd name="connsiteY4" fmla="*/ 274143 h 274144"/>
                <a:gd name="connsiteX0" fmla="*/ 0 w 1017593"/>
                <a:gd name="connsiteY0" fmla="*/ 116690 h 265999"/>
                <a:gd name="connsiteX1" fmla="*/ 521424 w 1017593"/>
                <a:gd name="connsiteY1" fmla="*/ 54546 h 265999"/>
                <a:gd name="connsiteX2" fmla="*/ 809106 w 1017593"/>
                <a:gd name="connsiteY2" fmla="*/ 23555 h 265999"/>
                <a:gd name="connsiteX3" fmla="*/ 1009873 w 1017593"/>
                <a:gd name="connsiteY3" fmla="*/ 18342 h 265999"/>
                <a:gd name="connsiteX4" fmla="*/ 979310 w 1017593"/>
                <a:gd name="connsiteY4" fmla="*/ 265998 h 265999"/>
                <a:gd name="connsiteX0" fmla="*/ 0 w 1059242"/>
                <a:gd name="connsiteY0" fmla="*/ 102581 h 102581"/>
                <a:gd name="connsiteX1" fmla="*/ 521424 w 1059242"/>
                <a:gd name="connsiteY1" fmla="*/ 40437 h 102581"/>
                <a:gd name="connsiteX2" fmla="*/ 809106 w 1059242"/>
                <a:gd name="connsiteY2" fmla="*/ 9446 h 102581"/>
                <a:gd name="connsiteX3" fmla="*/ 1009873 w 1059242"/>
                <a:gd name="connsiteY3" fmla="*/ 4233 h 102581"/>
                <a:gd name="connsiteX4" fmla="*/ 1059242 w 1059242"/>
                <a:gd name="connsiteY4" fmla="*/ 0 h 102581"/>
                <a:gd name="connsiteX0" fmla="*/ 0 w 1059242"/>
                <a:gd name="connsiteY0" fmla="*/ 111048 h 111048"/>
                <a:gd name="connsiteX1" fmla="*/ 521424 w 1059242"/>
                <a:gd name="connsiteY1" fmla="*/ 40437 h 111048"/>
                <a:gd name="connsiteX2" fmla="*/ 809106 w 1059242"/>
                <a:gd name="connsiteY2" fmla="*/ 9446 h 111048"/>
                <a:gd name="connsiteX3" fmla="*/ 1009873 w 1059242"/>
                <a:gd name="connsiteY3" fmla="*/ 4233 h 111048"/>
                <a:gd name="connsiteX4" fmla="*/ 1059242 w 1059242"/>
                <a:gd name="connsiteY4" fmla="*/ 0 h 111048"/>
                <a:gd name="connsiteX0" fmla="*/ 0 w 1059242"/>
                <a:gd name="connsiteY0" fmla="*/ 111048 h 111048"/>
                <a:gd name="connsiteX1" fmla="*/ 521424 w 1059242"/>
                <a:gd name="connsiteY1" fmla="*/ 40437 h 111048"/>
                <a:gd name="connsiteX2" fmla="*/ 809106 w 1059242"/>
                <a:gd name="connsiteY2" fmla="*/ 9446 h 111048"/>
                <a:gd name="connsiteX3" fmla="*/ 1009873 w 1059242"/>
                <a:gd name="connsiteY3" fmla="*/ 4233 h 111048"/>
                <a:gd name="connsiteX4" fmla="*/ 1059242 w 1059242"/>
                <a:gd name="connsiteY4" fmla="*/ 0 h 1110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59242" h="111048">
                  <a:moveTo>
                    <a:pt x="0" y="111048"/>
                  </a:moveTo>
                  <a:cubicBezTo>
                    <a:pt x="173808" y="87511"/>
                    <a:pt x="347616" y="68208"/>
                    <a:pt x="521424" y="40437"/>
                  </a:cubicBezTo>
                  <a:cubicBezTo>
                    <a:pt x="695232" y="12666"/>
                    <a:pt x="713212" y="19776"/>
                    <a:pt x="809106" y="9446"/>
                  </a:cubicBezTo>
                  <a:cubicBezTo>
                    <a:pt x="897959" y="1648"/>
                    <a:pt x="968184" y="5807"/>
                    <a:pt x="1009873" y="4233"/>
                  </a:cubicBezTo>
                  <a:cubicBezTo>
                    <a:pt x="1051562" y="2659"/>
                    <a:pt x="1059242" y="705"/>
                    <a:pt x="1059242" y="0"/>
                  </a:cubicBezTo>
                </a:path>
              </a:pathLst>
            </a:custGeom>
            <a:noFill/>
            <a:ln w="9525">
              <a:solidFill>
                <a:schemeClr val="tx1"/>
              </a:solidFill>
              <a:tailEnd type="triangle"/>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sp>
        <p:nvSpPr>
          <p:cNvPr id="75" name="Rektangel 74">
            <a:extLst>
              <a:ext uri="{FF2B5EF4-FFF2-40B4-BE49-F238E27FC236}">
                <a16:creationId xmlns:a16="http://schemas.microsoft.com/office/drawing/2014/main" id="{7F973837-89AD-4430-998A-36B653BF4CF4}"/>
              </a:ext>
            </a:extLst>
          </p:cNvPr>
          <p:cNvSpPr/>
          <p:nvPr/>
        </p:nvSpPr>
        <p:spPr>
          <a:xfrm>
            <a:off x="5796136" y="3751185"/>
            <a:ext cx="3050286" cy="2173696"/>
          </a:xfrm>
          <a:prstGeom prst="rect">
            <a:avLst/>
          </a:prstGeom>
          <a:noFill/>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7" name="Rektangel 76">
            <a:extLst>
              <a:ext uri="{FF2B5EF4-FFF2-40B4-BE49-F238E27FC236}">
                <a16:creationId xmlns:a16="http://schemas.microsoft.com/office/drawing/2014/main" id="{B168EA0A-2130-4AD5-9092-DB6F437622EE}"/>
              </a:ext>
            </a:extLst>
          </p:cNvPr>
          <p:cNvSpPr/>
          <p:nvPr/>
        </p:nvSpPr>
        <p:spPr>
          <a:xfrm>
            <a:off x="5781790" y="1534364"/>
            <a:ext cx="3050286" cy="2173696"/>
          </a:xfrm>
          <a:prstGeom prst="rect">
            <a:avLst/>
          </a:prstGeom>
          <a:noFill/>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9" name="Tekstfelt 78">
            <a:extLst>
              <a:ext uri="{FF2B5EF4-FFF2-40B4-BE49-F238E27FC236}">
                <a16:creationId xmlns:a16="http://schemas.microsoft.com/office/drawing/2014/main" id="{62936F7D-6CFB-4BA0-9838-492CD6EFF717}"/>
              </a:ext>
            </a:extLst>
          </p:cNvPr>
          <p:cNvSpPr txBox="1"/>
          <p:nvPr/>
        </p:nvSpPr>
        <p:spPr>
          <a:xfrm>
            <a:off x="7020272" y="5967232"/>
            <a:ext cx="2025632" cy="144000"/>
          </a:xfrm>
          <a:prstGeom prst="rect">
            <a:avLst/>
          </a:prstGeom>
          <a:noFill/>
        </p:spPr>
        <p:txBody>
          <a:bodyPr wrap="square" lIns="0" tIns="0" rIns="0" bIns="0" rtlCol="0">
            <a:noAutofit/>
          </a:bodyPr>
          <a:lstStyle/>
          <a:p>
            <a:r>
              <a:rPr lang="da-DK" sz="1100" dirty="0"/>
              <a:t>Illustration: Jacob Liljehult 2021</a:t>
            </a:r>
          </a:p>
        </p:txBody>
      </p:sp>
    </p:spTree>
    <p:extLst>
      <p:ext uri="{BB962C8B-B14F-4D97-AF65-F5344CB8AC3E}">
        <p14:creationId xmlns:p14="http://schemas.microsoft.com/office/powerpoint/2010/main" val="6958077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C3AF2000-73FE-4F5E-ACA1-ED5AD2C04C70}"/>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BA1A0EF9-A994-4FC0-8337-305AE7326EF4}"/>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4F561960-61A5-4EFE-8A2E-766FDFF2171A}"/>
              </a:ext>
            </a:extLst>
          </p:cNvPr>
          <p:cNvSpPr>
            <a:spLocks noGrp="1"/>
          </p:cNvSpPr>
          <p:nvPr>
            <p:ph type="sldNum" sz="quarter" idx="12"/>
          </p:nvPr>
        </p:nvSpPr>
        <p:spPr/>
        <p:txBody>
          <a:bodyPr/>
          <a:lstStyle/>
          <a:p>
            <a:fld id="{0DAB5548-7253-48D6-B95B-F3D312A72220}" type="slidenum">
              <a:rPr lang="da-DK" smtClean="0"/>
              <a:pPr/>
              <a:t>8</a:t>
            </a:fld>
            <a:endParaRPr lang="da-DK" dirty="0"/>
          </a:p>
        </p:txBody>
      </p:sp>
      <p:sp>
        <p:nvSpPr>
          <p:cNvPr id="11" name="Titel 1">
            <a:extLst>
              <a:ext uri="{FF2B5EF4-FFF2-40B4-BE49-F238E27FC236}">
                <a16:creationId xmlns:a16="http://schemas.microsoft.com/office/drawing/2014/main" id="{8042A50E-A14A-4CD4-993D-9BC8200C8465}"/>
              </a:ext>
            </a:extLst>
          </p:cNvPr>
          <p:cNvSpPr txBox="1">
            <a:spLocks/>
          </p:cNvSpPr>
          <p:nvPr/>
        </p:nvSpPr>
        <p:spPr>
          <a:xfrm>
            <a:off x="1065738" y="873138"/>
            <a:ext cx="7092000" cy="497297"/>
          </a:xfrm>
          <a:prstGeom prst="rect">
            <a:avLst/>
          </a:prstGeom>
        </p:spPr>
        <p:txBody>
          <a:bodyPr/>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a:t>Fokale udfald</a:t>
            </a:r>
            <a:endParaRPr lang="da-DK" dirty="0"/>
          </a:p>
        </p:txBody>
      </p:sp>
      <p:grpSp>
        <p:nvGrpSpPr>
          <p:cNvPr id="12" name="Gruppe 11">
            <a:extLst>
              <a:ext uri="{FF2B5EF4-FFF2-40B4-BE49-F238E27FC236}">
                <a16:creationId xmlns:a16="http://schemas.microsoft.com/office/drawing/2014/main" id="{A28627E2-AA27-44B1-97A3-2A7007096276}"/>
              </a:ext>
            </a:extLst>
          </p:cNvPr>
          <p:cNvGrpSpPr/>
          <p:nvPr/>
        </p:nvGrpSpPr>
        <p:grpSpPr>
          <a:xfrm>
            <a:off x="2843042" y="1594591"/>
            <a:ext cx="3537393" cy="4140000"/>
            <a:chOff x="2843042" y="1594591"/>
            <a:chExt cx="3537393" cy="4140000"/>
          </a:xfrm>
        </p:grpSpPr>
        <p:grpSp>
          <p:nvGrpSpPr>
            <p:cNvPr id="13" name="Gruppe 12">
              <a:extLst>
                <a:ext uri="{FF2B5EF4-FFF2-40B4-BE49-F238E27FC236}">
                  <a16:creationId xmlns:a16="http://schemas.microsoft.com/office/drawing/2014/main" id="{36AB8608-0175-4671-8EB1-1B0E9649FBAE}"/>
                </a:ext>
              </a:extLst>
            </p:cNvPr>
            <p:cNvGrpSpPr/>
            <p:nvPr/>
          </p:nvGrpSpPr>
          <p:grpSpPr>
            <a:xfrm>
              <a:off x="2843042" y="1594591"/>
              <a:ext cx="3537393" cy="4140000"/>
              <a:chOff x="2843042" y="1594591"/>
              <a:chExt cx="3537393" cy="4140000"/>
            </a:xfrm>
          </p:grpSpPr>
          <p:pic>
            <p:nvPicPr>
              <p:cNvPr id="15" name="Hjerne kranielt">
                <a:extLst>
                  <a:ext uri="{FF2B5EF4-FFF2-40B4-BE49-F238E27FC236}">
                    <a16:creationId xmlns:a16="http://schemas.microsoft.com/office/drawing/2014/main" id="{9E8010A9-DCF5-4682-9674-8D8878577C3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843042" y="1594591"/>
                <a:ext cx="3537393" cy="4140000"/>
              </a:xfrm>
              <a:prstGeom prst="rect">
                <a:avLst/>
              </a:prstGeom>
            </p:spPr>
          </p:pic>
          <p:sp>
            <p:nvSpPr>
              <p:cNvPr id="16" name="Rødt felt">
                <a:extLst>
                  <a:ext uri="{FF2B5EF4-FFF2-40B4-BE49-F238E27FC236}">
                    <a16:creationId xmlns:a16="http://schemas.microsoft.com/office/drawing/2014/main" id="{E2900573-6B07-4ABA-B10C-C949ACC60536}"/>
                  </a:ext>
                </a:extLst>
              </p:cNvPr>
              <p:cNvSpPr/>
              <p:nvPr/>
            </p:nvSpPr>
            <p:spPr>
              <a:xfrm>
                <a:off x="3245934" y="1683150"/>
                <a:ext cx="2717739" cy="1248490"/>
              </a:xfrm>
              <a:custGeom>
                <a:avLst/>
                <a:gdLst>
                  <a:gd name="connsiteX0" fmla="*/ 0 w 2843213"/>
                  <a:gd name="connsiteY0" fmla="*/ 1328737 h 1328737"/>
                  <a:gd name="connsiteX1" fmla="*/ 1443038 w 2843213"/>
                  <a:gd name="connsiteY1" fmla="*/ 0 h 1328737"/>
                  <a:gd name="connsiteX2" fmla="*/ 2843213 w 2843213"/>
                  <a:gd name="connsiteY2" fmla="*/ 1300162 h 1328737"/>
                  <a:gd name="connsiteX3" fmla="*/ 0 w 2843213"/>
                  <a:gd name="connsiteY3" fmla="*/ 1328737 h 1328737"/>
                  <a:gd name="connsiteX0" fmla="*/ 0 w 2850357"/>
                  <a:gd name="connsiteY0" fmla="*/ 1328737 h 1335881"/>
                  <a:gd name="connsiteX1" fmla="*/ 1443038 w 2850357"/>
                  <a:gd name="connsiteY1" fmla="*/ 0 h 1335881"/>
                  <a:gd name="connsiteX2" fmla="*/ 2850357 w 2850357"/>
                  <a:gd name="connsiteY2" fmla="*/ 1335881 h 1335881"/>
                  <a:gd name="connsiteX3" fmla="*/ 0 w 2850357"/>
                  <a:gd name="connsiteY3" fmla="*/ 1328737 h 1335881"/>
                  <a:gd name="connsiteX0" fmla="*/ 0 w 2850357"/>
                  <a:gd name="connsiteY0" fmla="*/ 1328737 h 1335881"/>
                  <a:gd name="connsiteX1" fmla="*/ 592931 w 2850357"/>
                  <a:gd name="connsiteY1" fmla="*/ 335756 h 1335881"/>
                  <a:gd name="connsiteX2" fmla="*/ 1443038 w 2850357"/>
                  <a:gd name="connsiteY2" fmla="*/ 0 h 1335881"/>
                  <a:gd name="connsiteX3" fmla="*/ 2850357 w 2850357"/>
                  <a:gd name="connsiteY3" fmla="*/ 1335881 h 1335881"/>
                  <a:gd name="connsiteX4" fmla="*/ 0 w 2850357"/>
                  <a:gd name="connsiteY4"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602073 w 3009392"/>
                  <a:gd name="connsiteY3" fmla="*/ 0 h 1335881"/>
                  <a:gd name="connsiteX4" fmla="*/ 3009392 w 3009392"/>
                  <a:gd name="connsiteY4" fmla="*/ 1335881 h 1335881"/>
                  <a:gd name="connsiteX5" fmla="*/ 159035 w 3009392"/>
                  <a:gd name="connsiteY5"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159160 w 3009392"/>
                  <a:gd name="connsiteY3" fmla="*/ 85725 h 1335881"/>
                  <a:gd name="connsiteX4" fmla="*/ 1602073 w 3009392"/>
                  <a:gd name="connsiteY4" fmla="*/ 0 h 1335881"/>
                  <a:gd name="connsiteX5" fmla="*/ 3009392 w 3009392"/>
                  <a:gd name="connsiteY5" fmla="*/ 1335881 h 1335881"/>
                  <a:gd name="connsiteX6" fmla="*/ 159035 w 3009392"/>
                  <a:gd name="connsiteY6"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159160 w 3009392"/>
                  <a:gd name="connsiteY3" fmla="*/ 85725 h 1335881"/>
                  <a:gd name="connsiteX4" fmla="*/ 1602073 w 3009392"/>
                  <a:gd name="connsiteY4" fmla="*/ 0 h 1335881"/>
                  <a:gd name="connsiteX5" fmla="*/ 2537904 w 3009392"/>
                  <a:gd name="connsiteY5" fmla="*/ 428625 h 1335881"/>
                  <a:gd name="connsiteX6" fmla="*/ 3009392 w 3009392"/>
                  <a:gd name="connsiteY6" fmla="*/ 1335881 h 1335881"/>
                  <a:gd name="connsiteX7" fmla="*/ 159035 w 3009392"/>
                  <a:gd name="connsiteY7"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159160 w 3009392"/>
                  <a:gd name="connsiteY3" fmla="*/ 85725 h 1335881"/>
                  <a:gd name="connsiteX4" fmla="*/ 1602073 w 3009392"/>
                  <a:gd name="connsiteY4" fmla="*/ 0 h 1335881"/>
                  <a:gd name="connsiteX5" fmla="*/ 2109279 w 3009392"/>
                  <a:gd name="connsiteY5" fmla="*/ 128587 h 1335881"/>
                  <a:gd name="connsiteX6" fmla="*/ 2537904 w 3009392"/>
                  <a:gd name="connsiteY6" fmla="*/ 428625 h 1335881"/>
                  <a:gd name="connsiteX7" fmla="*/ 3009392 w 3009392"/>
                  <a:gd name="connsiteY7" fmla="*/ 1335881 h 1335881"/>
                  <a:gd name="connsiteX8" fmla="*/ 159035 w 3009392"/>
                  <a:gd name="connsiteY8"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159160 w 3009392"/>
                  <a:gd name="connsiteY3" fmla="*/ 85725 h 1335881"/>
                  <a:gd name="connsiteX4" fmla="*/ 1602073 w 3009392"/>
                  <a:gd name="connsiteY4" fmla="*/ 0 h 1335881"/>
                  <a:gd name="connsiteX5" fmla="*/ 2109279 w 3009392"/>
                  <a:gd name="connsiteY5" fmla="*/ 128587 h 1335881"/>
                  <a:gd name="connsiteX6" fmla="*/ 2537904 w 3009392"/>
                  <a:gd name="connsiteY6" fmla="*/ 428625 h 1335881"/>
                  <a:gd name="connsiteX7" fmla="*/ 2830798 w 3009392"/>
                  <a:gd name="connsiteY7" fmla="*/ 892968 h 1335881"/>
                  <a:gd name="connsiteX8" fmla="*/ 3009392 w 3009392"/>
                  <a:gd name="connsiteY8" fmla="*/ 1335881 h 1335881"/>
                  <a:gd name="connsiteX9" fmla="*/ 159035 w 3009392"/>
                  <a:gd name="connsiteY9" fmla="*/ 1328737 h 1335881"/>
                  <a:gd name="connsiteX0" fmla="*/ 159035 w 3009392"/>
                  <a:gd name="connsiteY0" fmla="*/ 1328737 h 1335881"/>
                  <a:gd name="connsiteX1" fmla="*/ 380491 w 3009392"/>
                  <a:gd name="connsiteY1" fmla="*/ 807243 h 1335881"/>
                  <a:gd name="connsiteX2" fmla="*/ 751966 w 3009392"/>
                  <a:gd name="connsiteY2" fmla="*/ 335756 h 1335881"/>
                  <a:gd name="connsiteX3" fmla="*/ 1159160 w 3009392"/>
                  <a:gd name="connsiteY3" fmla="*/ 85725 h 1335881"/>
                  <a:gd name="connsiteX4" fmla="*/ 1602073 w 3009392"/>
                  <a:gd name="connsiteY4" fmla="*/ 0 h 1335881"/>
                  <a:gd name="connsiteX5" fmla="*/ 2109279 w 3009392"/>
                  <a:gd name="connsiteY5" fmla="*/ 128587 h 1335881"/>
                  <a:gd name="connsiteX6" fmla="*/ 2537904 w 3009392"/>
                  <a:gd name="connsiteY6" fmla="*/ 428625 h 1335881"/>
                  <a:gd name="connsiteX7" fmla="*/ 2845085 w 3009392"/>
                  <a:gd name="connsiteY7" fmla="*/ 871537 h 1335881"/>
                  <a:gd name="connsiteX8" fmla="*/ 3009392 w 3009392"/>
                  <a:gd name="connsiteY8" fmla="*/ 1335881 h 1335881"/>
                  <a:gd name="connsiteX9" fmla="*/ 159035 w 3009392"/>
                  <a:gd name="connsiteY9" fmla="*/ 1328737 h 1335881"/>
                  <a:gd name="connsiteX0" fmla="*/ 0 w 2850357"/>
                  <a:gd name="connsiteY0" fmla="*/ 1328737 h 1335881"/>
                  <a:gd name="connsiteX1" fmla="*/ 221456 w 2850357"/>
                  <a:gd name="connsiteY1" fmla="*/ 807243 h 1335881"/>
                  <a:gd name="connsiteX2" fmla="*/ 592931 w 2850357"/>
                  <a:gd name="connsiteY2" fmla="*/ 335756 h 1335881"/>
                  <a:gd name="connsiteX3" fmla="*/ 1000125 w 2850357"/>
                  <a:gd name="connsiteY3" fmla="*/ 85725 h 1335881"/>
                  <a:gd name="connsiteX4" fmla="*/ 1443038 w 2850357"/>
                  <a:gd name="connsiteY4" fmla="*/ 0 h 1335881"/>
                  <a:gd name="connsiteX5" fmla="*/ 1950244 w 2850357"/>
                  <a:gd name="connsiteY5" fmla="*/ 128587 h 1335881"/>
                  <a:gd name="connsiteX6" fmla="*/ 2378869 w 2850357"/>
                  <a:gd name="connsiteY6" fmla="*/ 428625 h 1335881"/>
                  <a:gd name="connsiteX7" fmla="*/ 2686050 w 2850357"/>
                  <a:gd name="connsiteY7" fmla="*/ 871537 h 1335881"/>
                  <a:gd name="connsiteX8" fmla="*/ 2850357 w 2850357"/>
                  <a:gd name="connsiteY8" fmla="*/ 1335881 h 1335881"/>
                  <a:gd name="connsiteX9" fmla="*/ 0 w 2850357"/>
                  <a:gd name="connsiteY9" fmla="*/ 1328737 h 1335881"/>
                  <a:gd name="connsiteX0" fmla="*/ 0 w 2832357"/>
                  <a:gd name="connsiteY0" fmla="*/ 1328737 h 1335881"/>
                  <a:gd name="connsiteX1" fmla="*/ 203456 w 2832357"/>
                  <a:gd name="connsiteY1" fmla="*/ 807243 h 1335881"/>
                  <a:gd name="connsiteX2" fmla="*/ 574931 w 2832357"/>
                  <a:gd name="connsiteY2" fmla="*/ 335756 h 1335881"/>
                  <a:gd name="connsiteX3" fmla="*/ 982125 w 2832357"/>
                  <a:gd name="connsiteY3" fmla="*/ 85725 h 1335881"/>
                  <a:gd name="connsiteX4" fmla="*/ 1425038 w 2832357"/>
                  <a:gd name="connsiteY4" fmla="*/ 0 h 1335881"/>
                  <a:gd name="connsiteX5" fmla="*/ 1932244 w 2832357"/>
                  <a:gd name="connsiteY5" fmla="*/ 128587 h 1335881"/>
                  <a:gd name="connsiteX6" fmla="*/ 2360869 w 2832357"/>
                  <a:gd name="connsiteY6" fmla="*/ 428625 h 1335881"/>
                  <a:gd name="connsiteX7" fmla="*/ 2668050 w 2832357"/>
                  <a:gd name="connsiteY7" fmla="*/ 871537 h 1335881"/>
                  <a:gd name="connsiteX8" fmla="*/ 2832357 w 2832357"/>
                  <a:gd name="connsiteY8" fmla="*/ 1335881 h 1335881"/>
                  <a:gd name="connsiteX9" fmla="*/ 0 w 2832357"/>
                  <a:gd name="connsiteY9" fmla="*/ 1328737 h 1335881"/>
                  <a:gd name="connsiteX0" fmla="*/ 0 w 2825157"/>
                  <a:gd name="connsiteY0" fmla="*/ 1328737 h 1335881"/>
                  <a:gd name="connsiteX1" fmla="*/ 196256 w 2825157"/>
                  <a:gd name="connsiteY1" fmla="*/ 807243 h 1335881"/>
                  <a:gd name="connsiteX2" fmla="*/ 567731 w 2825157"/>
                  <a:gd name="connsiteY2" fmla="*/ 335756 h 1335881"/>
                  <a:gd name="connsiteX3" fmla="*/ 974925 w 2825157"/>
                  <a:gd name="connsiteY3" fmla="*/ 85725 h 1335881"/>
                  <a:gd name="connsiteX4" fmla="*/ 1417838 w 2825157"/>
                  <a:gd name="connsiteY4" fmla="*/ 0 h 1335881"/>
                  <a:gd name="connsiteX5" fmla="*/ 1925044 w 2825157"/>
                  <a:gd name="connsiteY5" fmla="*/ 128587 h 1335881"/>
                  <a:gd name="connsiteX6" fmla="*/ 2353669 w 2825157"/>
                  <a:gd name="connsiteY6" fmla="*/ 428625 h 1335881"/>
                  <a:gd name="connsiteX7" fmla="*/ 2660850 w 2825157"/>
                  <a:gd name="connsiteY7" fmla="*/ 871537 h 1335881"/>
                  <a:gd name="connsiteX8" fmla="*/ 2825157 w 2825157"/>
                  <a:gd name="connsiteY8" fmla="*/ 1335881 h 1335881"/>
                  <a:gd name="connsiteX9" fmla="*/ 0 w 2825157"/>
                  <a:gd name="connsiteY9" fmla="*/ 1328737 h 1335881"/>
                  <a:gd name="connsiteX0" fmla="*/ 0 w 2828757"/>
                  <a:gd name="connsiteY0" fmla="*/ 1328737 h 1335881"/>
                  <a:gd name="connsiteX1" fmla="*/ 199856 w 2828757"/>
                  <a:gd name="connsiteY1" fmla="*/ 807243 h 1335881"/>
                  <a:gd name="connsiteX2" fmla="*/ 571331 w 2828757"/>
                  <a:gd name="connsiteY2" fmla="*/ 335756 h 1335881"/>
                  <a:gd name="connsiteX3" fmla="*/ 978525 w 2828757"/>
                  <a:gd name="connsiteY3" fmla="*/ 85725 h 1335881"/>
                  <a:gd name="connsiteX4" fmla="*/ 1421438 w 2828757"/>
                  <a:gd name="connsiteY4" fmla="*/ 0 h 1335881"/>
                  <a:gd name="connsiteX5" fmla="*/ 1928644 w 2828757"/>
                  <a:gd name="connsiteY5" fmla="*/ 128587 h 1335881"/>
                  <a:gd name="connsiteX6" fmla="*/ 2357269 w 2828757"/>
                  <a:gd name="connsiteY6" fmla="*/ 428625 h 1335881"/>
                  <a:gd name="connsiteX7" fmla="*/ 2664450 w 2828757"/>
                  <a:gd name="connsiteY7" fmla="*/ 871537 h 1335881"/>
                  <a:gd name="connsiteX8" fmla="*/ 2828757 w 2828757"/>
                  <a:gd name="connsiteY8" fmla="*/ 1335881 h 1335881"/>
                  <a:gd name="connsiteX9" fmla="*/ 0 w 2828757"/>
                  <a:gd name="connsiteY9" fmla="*/ 1328737 h 1335881"/>
                  <a:gd name="connsiteX0" fmla="*/ 193287 w 3022044"/>
                  <a:gd name="connsiteY0" fmla="*/ 1328737 h 1335881"/>
                  <a:gd name="connsiteX1" fmla="*/ 263712 w 3022044"/>
                  <a:gd name="connsiteY1" fmla="*/ 1118587 h 1335881"/>
                  <a:gd name="connsiteX2" fmla="*/ 393143 w 3022044"/>
                  <a:gd name="connsiteY2" fmla="*/ 807243 h 1335881"/>
                  <a:gd name="connsiteX3" fmla="*/ 764618 w 3022044"/>
                  <a:gd name="connsiteY3" fmla="*/ 335756 h 1335881"/>
                  <a:gd name="connsiteX4" fmla="*/ 1171812 w 3022044"/>
                  <a:gd name="connsiteY4" fmla="*/ 85725 h 1335881"/>
                  <a:gd name="connsiteX5" fmla="*/ 1614725 w 3022044"/>
                  <a:gd name="connsiteY5" fmla="*/ 0 h 1335881"/>
                  <a:gd name="connsiteX6" fmla="*/ 2121931 w 3022044"/>
                  <a:gd name="connsiteY6" fmla="*/ 128587 h 1335881"/>
                  <a:gd name="connsiteX7" fmla="*/ 2550556 w 3022044"/>
                  <a:gd name="connsiteY7" fmla="*/ 428625 h 1335881"/>
                  <a:gd name="connsiteX8" fmla="*/ 2857737 w 3022044"/>
                  <a:gd name="connsiteY8" fmla="*/ 871537 h 1335881"/>
                  <a:gd name="connsiteX9" fmla="*/ 3022044 w 3022044"/>
                  <a:gd name="connsiteY9" fmla="*/ 1335881 h 1335881"/>
                  <a:gd name="connsiteX10" fmla="*/ 193287 w 3022044"/>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78525 w 2828757"/>
                  <a:gd name="connsiteY4" fmla="*/ 85725 h 1335881"/>
                  <a:gd name="connsiteX5" fmla="*/ 1421438 w 2828757"/>
                  <a:gd name="connsiteY5" fmla="*/ 0 h 1335881"/>
                  <a:gd name="connsiteX6" fmla="*/ 1928644 w 2828757"/>
                  <a:gd name="connsiteY6" fmla="*/ 1285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78525 w 2828757"/>
                  <a:gd name="connsiteY4" fmla="*/ 85725 h 1335881"/>
                  <a:gd name="connsiteX5" fmla="*/ 1421438 w 2828757"/>
                  <a:gd name="connsiteY5" fmla="*/ 0 h 1335881"/>
                  <a:gd name="connsiteX6" fmla="*/ 1928644 w 2828757"/>
                  <a:gd name="connsiteY6" fmla="*/ 1285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78525 w 2828757"/>
                  <a:gd name="connsiteY4" fmla="*/ 85725 h 1335881"/>
                  <a:gd name="connsiteX5" fmla="*/ 1421438 w 2828757"/>
                  <a:gd name="connsiteY5" fmla="*/ 0 h 1335881"/>
                  <a:gd name="connsiteX6" fmla="*/ 1928644 w 2828757"/>
                  <a:gd name="connsiteY6" fmla="*/ 1285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89325 w 2828757"/>
                  <a:gd name="connsiteY4" fmla="*/ 89325 h 1335881"/>
                  <a:gd name="connsiteX5" fmla="*/ 1421438 w 2828757"/>
                  <a:gd name="connsiteY5" fmla="*/ 0 h 1335881"/>
                  <a:gd name="connsiteX6" fmla="*/ 1928644 w 2828757"/>
                  <a:gd name="connsiteY6" fmla="*/ 1285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89325 w 2828757"/>
                  <a:gd name="connsiteY4" fmla="*/ 89325 h 1335881"/>
                  <a:gd name="connsiteX5" fmla="*/ 1421438 w 2828757"/>
                  <a:gd name="connsiteY5" fmla="*/ 0 h 1335881"/>
                  <a:gd name="connsiteX6" fmla="*/ 1935844 w 2828757"/>
                  <a:gd name="connsiteY6" fmla="*/ 1213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989325 w 2828757"/>
                  <a:gd name="connsiteY4" fmla="*/ 89325 h 1335881"/>
                  <a:gd name="connsiteX5" fmla="*/ 1421438 w 2828757"/>
                  <a:gd name="connsiteY5" fmla="*/ 0 h 1335881"/>
                  <a:gd name="connsiteX6" fmla="*/ 1935844 w 2828757"/>
                  <a:gd name="connsiteY6" fmla="*/ 121387 h 1335881"/>
                  <a:gd name="connsiteX7" fmla="*/ 2357269 w 2828757"/>
                  <a:gd name="connsiteY7" fmla="*/ 428625 h 1335881"/>
                  <a:gd name="connsiteX8" fmla="*/ 2664450 w 2828757"/>
                  <a:gd name="connsiteY8" fmla="*/ 871537 h 1335881"/>
                  <a:gd name="connsiteX9" fmla="*/ 2828757 w 2828757"/>
                  <a:gd name="connsiteY9" fmla="*/ 1335881 h 1335881"/>
                  <a:gd name="connsiteX10" fmla="*/ 0 w 2828757"/>
                  <a:gd name="connsiteY10"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571331 w 2828757"/>
                  <a:gd name="connsiteY3" fmla="*/ 335756 h 1335881"/>
                  <a:gd name="connsiteX4" fmla="*/ 761229 w 2828757"/>
                  <a:gd name="connsiteY4" fmla="*/ 198925 h 1335881"/>
                  <a:gd name="connsiteX5" fmla="*/ 989325 w 2828757"/>
                  <a:gd name="connsiteY5" fmla="*/ 89325 h 1335881"/>
                  <a:gd name="connsiteX6" fmla="*/ 1421438 w 2828757"/>
                  <a:gd name="connsiteY6" fmla="*/ 0 h 1335881"/>
                  <a:gd name="connsiteX7" fmla="*/ 1935844 w 2828757"/>
                  <a:gd name="connsiteY7" fmla="*/ 121387 h 1335881"/>
                  <a:gd name="connsiteX8" fmla="*/ 2357269 w 2828757"/>
                  <a:gd name="connsiteY8" fmla="*/ 428625 h 1335881"/>
                  <a:gd name="connsiteX9" fmla="*/ 2664450 w 2828757"/>
                  <a:gd name="connsiteY9" fmla="*/ 871537 h 1335881"/>
                  <a:gd name="connsiteX10" fmla="*/ 2828757 w 2828757"/>
                  <a:gd name="connsiteY10" fmla="*/ 1335881 h 1335881"/>
                  <a:gd name="connsiteX11" fmla="*/ 0 w 2828757"/>
                  <a:gd name="connsiteY11"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404513 w 2828757"/>
                  <a:gd name="connsiteY3" fmla="*/ 512936 h 1335881"/>
                  <a:gd name="connsiteX4" fmla="*/ 571331 w 2828757"/>
                  <a:gd name="connsiteY4" fmla="*/ 335756 h 1335881"/>
                  <a:gd name="connsiteX5" fmla="*/ 761229 w 2828757"/>
                  <a:gd name="connsiteY5" fmla="*/ 198925 h 1335881"/>
                  <a:gd name="connsiteX6" fmla="*/ 989325 w 2828757"/>
                  <a:gd name="connsiteY6" fmla="*/ 89325 h 1335881"/>
                  <a:gd name="connsiteX7" fmla="*/ 1421438 w 2828757"/>
                  <a:gd name="connsiteY7" fmla="*/ 0 h 1335881"/>
                  <a:gd name="connsiteX8" fmla="*/ 1935844 w 2828757"/>
                  <a:gd name="connsiteY8" fmla="*/ 121387 h 1335881"/>
                  <a:gd name="connsiteX9" fmla="*/ 2357269 w 2828757"/>
                  <a:gd name="connsiteY9" fmla="*/ 428625 h 1335881"/>
                  <a:gd name="connsiteX10" fmla="*/ 2664450 w 2828757"/>
                  <a:gd name="connsiteY10" fmla="*/ 871537 h 1335881"/>
                  <a:gd name="connsiteX11" fmla="*/ 2828757 w 2828757"/>
                  <a:gd name="connsiteY11" fmla="*/ 1335881 h 1335881"/>
                  <a:gd name="connsiteX12" fmla="*/ 0 w 2828757"/>
                  <a:gd name="connsiteY12" fmla="*/ 1328737 h 1335881"/>
                  <a:gd name="connsiteX0" fmla="*/ 0 w 2828757"/>
                  <a:gd name="connsiteY0" fmla="*/ 1331988 h 1339132"/>
                  <a:gd name="connsiteX1" fmla="*/ 70425 w 2828757"/>
                  <a:gd name="connsiteY1" fmla="*/ 1121838 h 1339132"/>
                  <a:gd name="connsiteX2" fmla="*/ 199856 w 2828757"/>
                  <a:gd name="connsiteY2" fmla="*/ 810494 h 1339132"/>
                  <a:gd name="connsiteX3" fmla="*/ 404513 w 2828757"/>
                  <a:gd name="connsiteY3" fmla="*/ 516187 h 1339132"/>
                  <a:gd name="connsiteX4" fmla="*/ 571331 w 2828757"/>
                  <a:gd name="connsiteY4" fmla="*/ 339007 h 1339132"/>
                  <a:gd name="connsiteX5" fmla="*/ 761229 w 2828757"/>
                  <a:gd name="connsiteY5" fmla="*/ 202176 h 1339132"/>
                  <a:gd name="connsiteX6" fmla="*/ 989325 w 2828757"/>
                  <a:gd name="connsiteY6" fmla="*/ 92576 h 1339132"/>
                  <a:gd name="connsiteX7" fmla="*/ 1200845 w 2828757"/>
                  <a:gd name="connsiteY7" fmla="*/ 36379 h 1339132"/>
                  <a:gd name="connsiteX8" fmla="*/ 1421438 w 2828757"/>
                  <a:gd name="connsiteY8" fmla="*/ 3251 h 1339132"/>
                  <a:gd name="connsiteX9" fmla="*/ 1935844 w 2828757"/>
                  <a:gd name="connsiteY9" fmla="*/ 124638 h 1339132"/>
                  <a:gd name="connsiteX10" fmla="*/ 2357269 w 2828757"/>
                  <a:gd name="connsiteY10" fmla="*/ 431876 h 1339132"/>
                  <a:gd name="connsiteX11" fmla="*/ 2664450 w 2828757"/>
                  <a:gd name="connsiteY11" fmla="*/ 874788 h 1339132"/>
                  <a:gd name="connsiteX12" fmla="*/ 2828757 w 2828757"/>
                  <a:gd name="connsiteY12" fmla="*/ 1339132 h 1339132"/>
                  <a:gd name="connsiteX13" fmla="*/ 0 w 2828757"/>
                  <a:gd name="connsiteY13" fmla="*/ 1331988 h 1339132"/>
                  <a:gd name="connsiteX0" fmla="*/ 0 w 2828757"/>
                  <a:gd name="connsiteY0" fmla="*/ 1328737 h 1335881"/>
                  <a:gd name="connsiteX1" fmla="*/ 70425 w 2828757"/>
                  <a:gd name="connsiteY1" fmla="*/ 1118587 h 1335881"/>
                  <a:gd name="connsiteX2" fmla="*/ 199856 w 2828757"/>
                  <a:gd name="connsiteY2" fmla="*/ 807243 h 1335881"/>
                  <a:gd name="connsiteX3" fmla="*/ 404513 w 2828757"/>
                  <a:gd name="connsiteY3" fmla="*/ 512936 h 1335881"/>
                  <a:gd name="connsiteX4" fmla="*/ 571331 w 2828757"/>
                  <a:gd name="connsiteY4" fmla="*/ 335756 h 1335881"/>
                  <a:gd name="connsiteX5" fmla="*/ 761229 w 2828757"/>
                  <a:gd name="connsiteY5" fmla="*/ 198925 h 1335881"/>
                  <a:gd name="connsiteX6" fmla="*/ 989325 w 2828757"/>
                  <a:gd name="connsiteY6" fmla="*/ 89325 h 1335881"/>
                  <a:gd name="connsiteX7" fmla="*/ 1200845 w 2828757"/>
                  <a:gd name="connsiteY7" fmla="*/ 33128 h 1335881"/>
                  <a:gd name="connsiteX8" fmla="*/ 1421438 w 2828757"/>
                  <a:gd name="connsiteY8" fmla="*/ 0 h 1335881"/>
                  <a:gd name="connsiteX9" fmla="*/ 1935844 w 2828757"/>
                  <a:gd name="connsiteY9" fmla="*/ 121387 h 1335881"/>
                  <a:gd name="connsiteX10" fmla="*/ 2357269 w 2828757"/>
                  <a:gd name="connsiteY10" fmla="*/ 428625 h 1335881"/>
                  <a:gd name="connsiteX11" fmla="*/ 2664450 w 2828757"/>
                  <a:gd name="connsiteY11" fmla="*/ 871537 h 1335881"/>
                  <a:gd name="connsiteX12" fmla="*/ 2828757 w 2828757"/>
                  <a:gd name="connsiteY12" fmla="*/ 1335881 h 1335881"/>
                  <a:gd name="connsiteX13" fmla="*/ 0 w 2828757"/>
                  <a:gd name="connsiteY13"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404513 w 2828757"/>
                  <a:gd name="connsiteY3" fmla="*/ 512936 h 1335881"/>
                  <a:gd name="connsiteX4" fmla="*/ 571331 w 2828757"/>
                  <a:gd name="connsiteY4" fmla="*/ 335756 h 1335881"/>
                  <a:gd name="connsiteX5" fmla="*/ 761229 w 2828757"/>
                  <a:gd name="connsiteY5" fmla="*/ 198925 h 1335881"/>
                  <a:gd name="connsiteX6" fmla="*/ 989325 w 2828757"/>
                  <a:gd name="connsiteY6" fmla="*/ 89325 h 1335881"/>
                  <a:gd name="connsiteX7" fmla="*/ 1200845 w 2828757"/>
                  <a:gd name="connsiteY7" fmla="*/ 33128 h 1335881"/>
                  <a:gd name="connsiteX8" fmla="*/ 1421438 w 2828757"/>
                  <a:gd name="connsiteY8" fmla="*/ 0 h 1335881"/>
                  <a:gd name="connsiteX9" fmla="*/ 1935844 w 2828757"/>
                  <a:gd name="connsiteY9" fmla="*/ 121387 h 1335881"/>
                  <a:gd name="connsiteX10" fmla="*/ 2357269 w 2828757"/>
                  <a:gd name="connsiteY10" fmla="*/ 428625 h 1335881"/>
                  <a:gd name="connsiteX11" fmla="*/ 2664450 w 2828757"/>
                  <a:gd name="connsiteY11" fmla="*/ 871537 h 1335881"/>
                  <a:gd name="connsiteX12" fmla="*/ 2828757 w 2828757"/>
                  <a:gd name="connsiteY12" fmla="*/ 1335881 h 1335881"/>
                  <a:gd name="connsiteX13" fmla="*/ 0 w 2828757"/>
                  <a:gd name="connsiteY13" fmla="*/ 1328737 h 1335881"/>
                  <a:gd name="connsiteX0" fmla="*/ 0 w 2828757"/>
                  <a:gd name="connsiteY0" fmla="*/ 1328737 h 1335881"/>
                  <a:gd name="connsiteX1" fmla="*/ 70425 w 2828757"/>
                  <a:gd name="connsiteY1" fmla="*/ 1118587 h 1335881"/>
                  <a:gd name="connsiteX2" fmla="*/ 199856 w 2828757"/>
                  <a:gd name="connsiteY2" fmla="*/ 807243 h 1335881"/>
                  <a:gd name="connsiteX3" fmla="*/ 404513 w 2828757"/>
                  <a:gd name="connsiteY3" fmla="*/ 512936 h 1335881"/>
                  <a:gd name="connsiteX4" fmla="*/ 571331 w 2828757"/>
                  <a:gd name="connsiteY4" fmla="*/ 335756 h 1335881"/>
                  <a:gd name="connsiteX5" fmla="*/ 761229 w 2828757"/>
                  <a:gd name="connsiteY5" fmla="*/ 198925 h 1335881"/>
                  <a:gd name="connsiteX6" fmla="*/ 989325 w 2828757"/>
                  <a:gd name="connsiteY6" fmla="*/ 89325 h 1335881"/>
                  <a:gd name="connsiteX7" fmla="*/ 1200845 w 2828757"/>
                  <a:gd name="connsiteY7" fmla="*/ 33128 h 1335881"/>
                  <a:gd name="connsiteX8" fmla="*/ 1421438 w 2828757"/>
                  <a:gd name="connsiteY8" fmla="*/ 0 h 1335881"/>
                  <a:gd name="connsiteX9" fmla="*/ 1935844 w 2828757"/>
                  <a:gd name="connsiteY9" fmla="*/ 121387 h 1335881"/>
                  <a:gd name="connsiteX10" fmla="*/ 2357269 w 2828757"/>
                  <a:gd name="connsiteY10" fmla="*/ 428625 h 1335881"/>
                  <a:gd name="connsiteX11" fmla="*/ 2664450 w 2828757"/>
                  <a:gd name="connsiteY11" fmla="*/ 871537 h 1335881"/>
                  <a:gd name="connsiteX12" fmla="*/ 2828757 w 2828757"/>
                  <a:gd name="connsiteY12" fmla="*/ 1335881 h 1335881"/>
                  <a:gd name="connsiteX13" fmla="*/ 0 w 2828757"/>
                  <a:gd name="connsiteY13" fmla="*/ 1328737 h 1335881"/>
                  <a:gd name="connsiteX0" fmla="*/ 0 w 2828757"/>
                  <a:gd name="connsiteY0" fmla="*/ 1328945 h 1336089"/>
                  <a:gd name="connsiteX1" fmla="*/ 70425 w 2828757"/>
                  <a:gd name="connsiteY1" fmla="*/ 1118795 h 1336089"/>
                  <a:gd name="connsiteX2" fmla="*/ 199856 w 2828757"/>
                  <a:gd name="connsiteY2" fmla="*/ 807451 h 1336089"/>
                  <a:gd name="connsiteX3" fmla="*/ 404513 w 2828757"/>
                  <a:gd name="connsiteY3" fmla="*/ 513144 h 1336089"/>
                  <a:gd name="connsiteX4" fmla="*/ 571331 w 2828757"/>
                  <a:gd name="connsiteY4" fmla="*/ 335964 h 1336089"/>
                  <a:gd name="connsiteX5" fmla="*/ 761229 w 2828757"/>
                  <a:gd name="connsiteY5" fmla="*/ 199133 h 1336089"/>
                  <a:gd name="connsiteX6" fmla="*/ 989325 w 2828757"/>
                  <a:gd name="connsiteY6" fmla="*/ 89533 h 1336089"/>
                  <a:gd name="connsiteX7" fmla="*/ 1200845 w 2828757"/>
                  <a:gd name="connsiteY7" fmla="*/ 33336 h 1336089"/>
                  <a:gd name="connsiteX8" fmla="*/ 1421438 w 2828757"/>
                  <a:gd name="connsiteY8" fmla="*/ 208 h 1336089"/>
                  <a:gd name="connsiteX9" fmla="*/ 1713311 w 2828757"/>
                  <a:gd name="connsiteY9" fmla="*/ 45896 h 1336089"/>
                  <a:gd name="connsiteX10" fmla="*/ 1935844 w 2828757"/>
                  <a:gd name="connsiteY10" fmla="*/ 121595 h 1336089"/>
                  <a:gd name="connsiteX11" fmla="*/ 2357269 w 2828757"/>
                  <a:gd name="connsiteY11" fmla="*/ 428833 h 1336089"/>
                  <a:gd name="connsiteX12" fmla="*/ 2664450 w 2828757"/>
                  <a:gd name="connsiteY12" fmla="*/ 871745 h 1336089"/>
                  <a:gd name="connsiteX13" fmla="*/ 2828757 w 2828757"/>
                  <a:gd name="connsiteY13" fmla="*/ 1336089 h 1336089"/>
                  <a:gd name="connsiteX14" fmla="*/ 0 w 2828757"/>
                  <a:gd name="connsiteY14" fmla="*/ 1328945 h 1336089"/>
                  <a:gd name="connsiteX0" fmla="*/ 0 w 2828757"/>
                  <a:gd name="connsiteY0" fmla="*/ 1328945 h 1336089"/>
                  <a:gd name="connsiteX1" fmla="*/ 70425 w 2828757"/>
                  <a:gd name="connsiteY1" fmla="*/ 1118795 h 1336089"/>
                  <a:gd name="connsiteX2" fmla="*/ 199856 w 2828757"/>
                  <a:gd name="connsiteY2" fmla="*/ 807451 h 1336089"/>
                  <a:gd name="connsiteX3" fmla="*/ 404513 w 2828757"/>
                  <a:gd name="connsiteY3" fmla="*/ 513144 h 1336089"/>
                  <a:gd name="connsiteX4" fmla="*/ 571331 w 2828757"/>
                  <a:gd name="connsiteY4" fmla="*/ 335964 h 1336089"/>
                  <a:gd name="connsiteX5" fmla="*/ 761229 w 2828757"/>
                  <a:gd name="connsiteY5" fmla="*/ 199133 h 1336089"/>
                  <a:gd name="connsiteX6" fmla="*/ 989325 w 2828757"/>
                  <a:gd name="connsiteY6" fmla="*/ 89533 h 1336089"/>
                  <a:gd name="connsiteX7" fmla="*/ 1200845 w 2828757"/>
                  <a:gd name="connsiteY7" fmla="*/ 33336 h 1336089"/>
                  <a:gd name="connsiteX8" fmla="*/ 1421438 w 2828757"/>
                  <a:gd name="connsiteY8" fmla="*/ 208 h 1336089"/>
                  <a:gd name="connsiteX9" fmla="*/ 1713311 w 2828757"/>
                  <a:gd name="connsiteY9" fmla="*/ 45896 h 1336089"/>
                  <a:gd name="connsiteX10" fmla="*/ 1935844 w 2828757"/>
                  <a:gd name="connsiteY10" fmla="*/ 121595 h 1336089"/>
                  <a:gd name="connsiteX11" fmla="*/ 2115245 w 2828757"/>
                  <a:gd name="connsiteY11" fmla="*/ 214206 h 1336089"/>
                  <a:gd name="connsiteX12" fmla="*/ 2357269 w 2828757"/>
                  <a:gd name="connsiteY12" fmla="*/ 428833 h 1336089"/>
                  <a:gd name="connsiteX13" fmla="*/ 2664450 w 2828757"/>
                  <a:gd name="connsiteY13" fmla="*/ 871745 h 1336089"/>
                  <a:gd name="connsiteX14" fmla="*/ 2828757 w 2828757"/>
                  <a:gd name="connsiteY14" fmla="*/ 1336089 h 1336089"/>
                  <a:gd name="connsiteX15" fmla="*/ 0 w 2828757"/>
                  <a:gd name="connsiteY15" fmla="*/ 1328945 h 1336089"/>
                  <a:gd name="connsiteX0" fmla="*/ 0 w 2828757"/>
                  <a:gd name="connsiteY0" fmla="*/ 1328945 h 1336089"/>
                  <a:gd name="connsiteX1" fmla="*/ 70425 w 2828757"/>
                  <a:gd name="connsiteY1" fmla="*/ 1118795 h 1336089"/>
                  <a:gd name="connsiteX2" fmla="*/ 199856 w 2828757"/>
                  <a:gd name="connsiteY2" fmla="*/ 807451 h 1336089"/>
                  <a:gd name="connsiteX3" fmla="*/ 404513 w 2828757"/>
                  <a:gd name="connsiteY3" fmla="*/ 513144 h 1336089"/>
                  <a:gd name="connsiteX4" fmla="*/ 571331 w 2828757"/>
                  <a:gd name="connsiteY4" fmla="*/ 335964 h 1336089"/>
                  <a:gd name="connsiteX5" fmla="*/ 761229 w 2828757"/>
                  <a:gd name="connsiteY5" fmla="*/ 199133 h 1336089"/>
                  <a:gd name="connsiteX6" fmla="*/ 989325 w 2828757"/>
                  <a:gd name="connsiteY6" fmla="*/ 89533 h 1336089"/>
                  <a:gd name="connsiteX7" fmla="*/ 1200845 w 2828757"/>
                  <a:gd name="connsiteY7" fmla="*/ 33336 h 1336089"/>
                  <a:gd name="connsiteX8" fmla="*/ 1421438 w 2828757"/>
                  <a:gd name="connsiteY8" fmla="*/ 208 h 1336089"/>
                  <a:gd name="connsiteX9" fmla="*/ 1713311 w 2828757"/>
                  <a:gd name="connsiteY9" fmla="*/ 45896 h 1336089"/>
                  <a:gd name="connsiteX10" fmla="*/ 1935844 w 2828757"/>
                  <a:gd name="connsiteY10" fmla="*/ 121595 h 1336089"/>
                  <a:gd name="connsiteX11" fmla="*/ 2115245 w 2828757"/>
                  <a:gd name="connsiteY11" fmla="*/ 214206 h 1336089"/>
                  <a:gd name="connsiteX12" fmla="*/ 2357269 w 2828757"/>
                  <a:gd name="connsiteY12" fmla="*/ 428833 h 1336089"/>
                  <a:gd name="connsiteX13" fmla="*/ 2517179 w 2828757"/>
                  <a:gd name="connsiteY13" fmla="*/ 621164 h 1336089"/>
                  <a:gd name="connsiteX14" fmla="*/ 2664450 w 2828757"/>
                  <a:gd name="connsiteY14" fmla="*/ 871745 h 1336089"/>
                  <a:gd name="connsiteX15" fmla="*/ 2828757 w 2828757"/>
                  <a:gd name="connsiteY15" fmla="*/ 1336089 h 1336089"/>
                  <a:gd name="connsiteX16" fmla="*/ 0 w 2828757"/>
                  <a:gd name="connsiteY16" fmla="*/ 1328945 h 1336089"/>
                  <a:gd name="connsiteX0" fmla="*/ 0 w 2828757"/>
                  <a:gd name="connsiteY0" fmla="*/ 1328945 h 1336089"/>
                  <a:gd name="connsiteX1" fmla="*/ 70425 w 2828757"/>
                  <a:gd name="connsiteY1" fmla="*/ 1118795 h 1336089"/>
                  <a:gd name="connsiteX2" fmla="*/ 199856 w 2828757"/>
                  <a:gd name="connsiteY2" fmla="*/ 807451 h 1336089"/>
                  <a:gd name="connsiteX3" fmla="*/ 404513 w 2828757"/>
                  <a:gd name="connsiteY3" fmla="*/ 513144 h 1336089"/>
                  <a:gd name="connsiteX4" fmla="*/ 571331 w 2828757"/>
                  <a:gd name="connsiteY4" fmla="*/ 335964 h 1336089"/>
                  <a:gd name="connsiteX5" fmla="*/ 761229 w 2828757"/>
                  <a:gd name="connsiteY5" fmla="*/ 199133 h 1336089"/>
                  <a:gd name="connsiteX6" fmla="*/ 989325 w 2828757"/>
                  <a:gd name="connsiteY6" fmla="*/ 89533 h 1336089"/>
                  <a:gd name="connsiteX7" fmla="*/ 1200845 w 2828757"/>
                  <a:gd name="connsiteY7" fmla="*/ 33336 h 1336089"/>
                  <a:gd name="connsiteX8" fmla="*/ 1421438 w 2828757"/>
                  <a:gd name="connsiteY8" fmla="*/ 208 h 1336089"/>
                  <a:gd name="connsiteX9" fmla="*/ 1713311 w 2828757"/>
                  <a:gd name="connsiteY9" fmla="*/ 45896 h 1336089"/>
                  <a:gd name="connsiteX10" fmla="*/ 1935844 w 2828757"/>
                  <a:gd name="connsiteY10" fmla="*/ 121595 h 1336089"/>
                  <a:gd name="connsiteX11" fmla="*/ 2115245 w 2828757"/>
                  <a:gd name="connsiteY11" fmla="*/ 214206 h 1336089"/>
                  <a:gd name="connsiteX12" fmla="*/ 2357269 w 2828757"/>
                  <a:gd name="connsiteY12" fmla="*/ 428833 h 1336089"/>
                  <a:gd name="connsiteX13" fmla="*/ 2517179 w 2828757"/>
                  <a:gd name="connsiteY13" fmla="*/ 621164 h 1336089"/>
                  <a:gd name="connsiteX14" fmla="*/ 2664450 w 2828757"/>
                  <a:gd name="connsiteY14" fmla="*/ 871745 h 1336089"/>
                  <a:gd name="connsiteX15" fmla="*/ 2763363 w 2828757"/>
                  <a:gd name="connsiteY15" fmla="*/ 1111021 h 1336089"/>
                  <a:gd name="connsiteX16" fmla="*/ 2828757 w 2828757"/>
                  <a:gd name="connsiteY16" fmla="*/ 1336089 h 1336089"/>
                  <a:gd name="connsiteX17" fmla="*/ 0 w 2828757"/>
                  <a:gd name="connsiteY17" fmla="*/ 1328945 h 1336089"/>
                  <a:gd name="connsiteX0" fmla="*/ 0 w 2828757"/>
                  <a:gd name="connsiteY0" fmla="*/ 1328945 h 1336089"/>
                  <a:gd name="connsiteX1" fmla="*/ 70425 w 2828757"/>
                  <a:gd name="connsiteY1" fmla="*/ 1118795 h 1336089"/>
                  <a:gd name="connsiteX2" fmla="*/ 125671 w 2828757"/>
                  <a:gd name="connsiteY2" fmla="*/ 967832 h 1336089"/>
                  <a:gd name="connsiteX3" fmla="*/ 199856 w 2828757"/>
                  <a:gd name="connsiteY3" fmla="*/ 807451 h 1336089"/>
                  <a:gd name="connsiteX4" fmla="*/ 404513 w 2828757"/>
                  <a:gd name="connsiteY4" fmla="*/ 513144 h 1336089"/>
                  <a:gd name="connsiteX5" fmla="*/ 571331 w 2828757"/>
                  <a:gd name="connsiteY5" fmla="*/ 335964 h 1336089"/>
                  <a:gd name="connsiteX6" fmla="*/ 761229 w 2828757"/>
                  <a:gd name="connsiteY6" fmla="*/ 199133 h 1336089"/>
                  <a:gd name="connsiteX7" fmla="*/ 989325 w 2828757"/>
                  <a:gd name="connsiteY7" fmla="*/ 89533 h 1336089"/>
                  <a:gd name="connsiteX8" fmla="*/ 1200845 w 2828757"/>
                  <a:gd name="connsiteY8" fmla="*/ 33336 h 1336089"/>
                  <a:gd name="connsiteX9" fmla="*/ 1421438 w 2828757"/>
                  <a:gd name="connsiteY9" fmla="*/ 208 h 1336089"/>
                  <a:gd name="connsiteX10" fmla="*/ 1713311 w 2828757"/>
                  <a:gd name="connsiteY10" fmla="*/ 45896 h 1336089"/>
                  <a:gd name="connsiteX11" fmla="*/ 1935844 w 2828757"/>
                  <a:gd name="connsiteY11" fmla="*/ 121595 h 1336089"/>
                  <a:gd name="connsiteX12" fmla="*/ 2115245 w 2828757"/>
                  <a:gd name="connsiteY12" fmla="*/ 214206 h 1336089"/>
                  <a:gd name="connsiteX13" fmla="*/ 2357269 w 2828757"/>
                  <a:gd name="connsiteY13" fmla="*/ 428833 h 1336089"/>
                  <a:gd name="connsiteX14" fmla="*/ 2517179 w 2828757"/>
                  <a:gd name="connsiteY14" fmla="*/ 621164 h 1336089"/>
                  <a:gd name="connsiteX15" fmla="*/ 2664450 w 2828757"/>
                  <a:gd name="connsiteY15" fmla="*/ 871745 h 1336089"/>
                  <a:gd name="connsiteX16" fmla="*/ 2763363 w 2828757"/>
                  <a:gd name="connsiteY16" fmla="*/ 1111021 h 1336089"/>
                  <a:gd name="connsiteX17" fmla="*/ 2828757 w 2828757"/>
                  <a:gd name="connsiteY17" fmla="*/ 1336089 h 1336089"/>
                  <a:gd name="connsiteX18" fmla="*/ 0 w 2828757"/>
                  <a:gd name="connsiteY18" fmla="*/ 1328945 h 1336089"/>
                  <a:gd name="connsiteX0" fmla="*/ 0 w 2828757"/>
                  <a:gd name="connsiteY0" fmla="*/ 1328945 h 1336089"/>
                  <a:gd name="connsiteX1" fmla="*/ 70425 w 2828757"/>
                  <a:gd name="connsiteY1" fmla="*/ 1118795 h 1336089"/>
                  <a:gd name="connsiteX2" fmla="*/ 125671 w 2828757"/>
                  <a:gd name="connsiteY2" fmla="*/ 967832 h 1336089"/>
                  <a:gd name="connsiteX3" fmla="*/ 199856 w 2828757"/>
                  <a:gd name="connsiteY3" fmla="*/ 807451 h 1336089"/>
                  <a:gd name="connsiteX4" fmla="*/ 293981 w 2828757"/>
                  <a:gd name="connsiteY4" fmla="*/ 656333 h 1336089"/>
                  <a:gd name="connsiteX5" fmla="*/ 404513 w 2828757"/>
                  <a:gd name="connsiteY5" fmla="*/ 513144 h 1336089"/>
                  <a:gd name="connsiteX6" fmla="*/ 571331 w 2828757"/>
                  <a:gd name="connsiteY6" fmla="*/ 335964 h 1336089"/>
                  <a:gd name="connsiteX7" fmla="*/ 761229 w 2828757"/>
                  <a:gd name="connsiteY7" fmla="*/ 199133 h 1336089"/>
                  <a:gd name="connsiteX8" fmla="*/ 989325 w 2828757"/>
                  <a:gd name="connsiteY8" fmla="*/ 89533 h 1336089"/>
                  <a:gd name="connsiteX9" fmla="*/ 1200845 w 2828757"/>
                  <a:gd name="connsiteY9" fmla="*/ 33336 h 1336089"/>
                  <a:gd name="connsiteX10" fmla="*/ 1421438 w 2828757"/>
                  <a:gd name="connsiteY10" fmla="*/ 208 h 1336089"/>
                  <a:gd name="connsiteX11" fmla="*/ 1713311 w 2828757"/>
                  <a:gd name="connsiteY11" fmla="*/ 45896 h 1336089"/>
                  <a:gd name="connsiteX12" fmla="*/ 1935844 w 2828757"/>
                  <a:gd name="connsiteY12" fmla="*/ 121595 h 1336089"/>
                  <a:gd name="connsiteX13" fmla="*/ 2115245 w 2828757"/>
                  <a:gd name="connsiteY13" fmla="*/ 214206 h 1336089"/>
                  <a:gd name="connsiteX14" fmla="*/ 2357269 w 2828757"/>
                  <a:gd name="connsiteY14" fmla="*/ 428833 h 1336089"/>
                  <a:gd name="connsiteX15" fmla="*/ 2517179 w 2828757"/>
                  <a:gd name="connsiteY15" fmla="*/ 621164 h 1336089"/>
                  <a:gd name="connsiteX16" fmla="*/ 2664450 w 2828757"/>
                  <a:gd name="connsiteY16" fmla="*/ 871745 h 1336089"/>
                  <a:gd name="connsiteX17" fmla="*/ 2763363 w 2828757"/>
                  <a:gd name="connsiteY17" fmla="*/ 1111021 h 1336089"/>
                  <a:gd name="connsiteX18" fmla="*/ 2828757 w 2828757"/>
                  <a:gd name="connsiteY18" fmla="*/ 1336089 h 1336089"/>
                  <a:gd name="connsiteX19" fmla="*/ 0 w 2828757"/>
                  <a:gd name="connsiteY19" fmla="*/ 1328945 h 1336089"/>
                  <a:gd name="connsiteX0" fmla="*/ 202030 w 3030787"/>
                  <a:gd name="connsiteY0" fmla="*/ 1328945 h 1336089"/>
                  <a:gd name="connsiteX1" fmla="*/ 232242 w 3030787"/>
                  <a:gd name="connsiteY1" fmla="*/ 1221553 h 1336089"/>
                  <a:gd name="connsiteX2" fmla="*/ 272455 w 3030787"/>
                  <a:gd name="connsiteY2" fmla="*/ 1118795 h 1336089"/>
                  <a:gd name="connsiteX3" fmla="*/ 327701 w 3030787"/>
                  <a:gd name="connsiteY3" fmla="*/ 967832 h 1336089"/>
                  <a:gd name="connsiteX4" fmla="*/ 401886 w 3030787"/>
                  <a:gd name="connsiteY4" fmla="*/ 807451 h 1336089"/>
                  <a:gd name="connsiteX5" fmla="*/ 496011 w 3030787"/>
                  <a:gd name="connsiteY5" fmla="*/ 656333 h 1336089"/>
                  <a:gd name="connsiteX6" fmla="*/ 606543 w 3030787"/>
                  <a:gd name="connsiteY6" fmla="*/ 513144 h 1336089"/>
                  <a:gd name="connsiteX7" fmla="*/ 773361 w 3030787"/>
                  <a:gd name="connsiteY7" fmla="*/ 335964 h 1336089"/>
                  <a:gd name="connsiteX8" fmla="*/ 963259 w 3030787"/>
                  <a:gd name="connsiteY8" fmla="*/ 199133 h 1336089"/>
                  <a:gd name="connsiteX9" fmla="*/ 1191355 w 3030787"/>
                  <a:gd name="connsiteY9" fmla="*/ 89533 h 1336089"/>
                  <a:gd name="connsiteX10" fmla="*/ 1402875 w 3030787"/>
                  <a:gd name="connsiteY10" fmla="*/ 33336 h 1336089"/>
                  <a:gd name="connsiteX11" fmla="*/ 1623468 w 3030787"/>
                  <a:gd name="connsiteY11" fmla="*/ 208 h 1336089"/>
                  <a:gd name="connsiteX12" fmla="*/ 1915341 w 3030787"/>
                  <a:gd name="connsiteY12" fmla="*/ 45896 h 1336089"/>
                  <a:gd name="connsiteX13" fmla="*/ 2137874 w 3030787"/>
                  <a:gd name="connsiteY13" fmla="*/ 121595 h 1336089"/>
                  <a:gd name="connsiteX14" fmla="*/ 2317275 w 3030787"/>
                  <a:gd name="connsiteY14" fmla="*/ 214206 h 1336089"/>
                  <a:gd name="connsiteX15" fmla="*/ 2559299 w 3030787"/>
                  <a:gd name="connsiteY15" fmla="*/ 428833 h 1336089"/>
                  <a:gd name="connsiteX16" fmla="*/ 2719209 w 3030787"/>
                  <a:gd name="connsiteY16" fmla="*/ 621164 h 1336089"/>
                  <a:gd name="connsiteX17" fmla="*/ 2866480 w 3030787"/>
                  <a:gd name="connsiteY17" fmla="*/ 871745 h 1336089"/>
                  <a:gd name="connsiteX18" fmla="*/ 2965393 w 3030787"/>
                  <a:gd name="connsiteY18" fmla="*/ 1111021 h 1336089"/>
                  <a:gd name="connsiteX19" fmla="*/ 3030787 w 3030787"/>
                  <a:gd name="connsiteY19" fmla="*/ 1336089 h 1336089"/>
                  <a:gd name="connsiteX20" fmla="*/ 202030 w 3030787"/>
                  <a:gd name="connsiteY20" fmla="*/ 1328945 h 1336089"/>
                  <a:gd name="connsiteX0" fmla="*/ 0 w 2828757"/>
                  <a:gd name="connsiteY0" fmla="*/ 1328945 h 1336089"/>
                  <a:gd name="connsiteX1" fmla="*/ 30212 w 2828757"/>
                  <a:gd name="connsiteY1" fmla="*/ 1221553 h 1336089"/>
                  <a:gd name="connsiteX2" fmla="*/ 70425 w 2828757"/>
                  <a:gd name="connsiteY2" fmla="*/ 1118795 h 1336089"/>
                  <a:gd name="connsiteX3" fmla="*/ 125671 w 2828757"/>
                  <a:gd name="connsiteY3" fmla="*/ 967832 h 1336089"/>
                  <a:gd name="connsiteX4" fmla="*/ 199856 w 2828757"/>
                  <a:gd name="connsiteY4" fmla="*/ 807451 h 1336089"/>
                  <a:gd name="connsiteX5" fmla="*/ 293981 w 2828757"/>
                  <a:gd name="connsiteY5" fmla="*/ 656333 h 1336089"/>
                  <a:gd name="connsiteX6" fmla="*/ 404513 w 2828757"/>
                  <a:gd name="connsiteY6" fmla="*/ 513144 h 1336089"/>
                  <a:gd name="connsiteX7" fmla="*/ 571331 w 2828757"/>
                  <a:gd name="connsiteY7" fmla="*/ 335964 h 1336089"/>
                  <a:gd name="connsiteX8" fmla="*/ 761229 w 2828757"/>
                  <a:gd name="connsiteY8" fmla="*/ 199133 h 1336089"/>
                  <a:gd name="connsiteX9" fmla="*/ 989325 w 2828757"/>
                  <a:gd name="connsiteY9" fmla="*/ 89533 h 1336089"/>
                  <a:gd name="connsiteX10" fmla="*/ 1200845 w 2828757"/>
                  <a:gd name="connsiteY10" fmla="*/ 33336 h 1336089"/>
                  <a:gd name="connsiteX11" fmla="*/ 1421438 w 2828757"/>
                  <a:gd name="connsiteY11" fmla="*/ 208 h 1336089"/>
                  <a:gd name="connsiteX12" fmla="*/ 1713311 w 2828757"/>
                  <a:gd name="connsiteY12" fmla="*/ 45896 h 1336089"/>
                  <a:gd name="connsiteX13" fmla="*/ 1935844 w 2828757"/>
                  <a:gd name="connsiteY13" fmla="*/ 121595 h 1336089"/>
                  <a:gd name="connsiteX14" fmla="*/ 2115245 w 2828757"/>
                  <a:gd name="connsiteY14" fmla="*/ 214206 h 1336089"/>
                  <a:gd name="connsiteX15" fmla="*/ 2357269 w 2828757"/>
                  <a:gd name="connsiteY15" fmla="*/ 428833 h 1336089"/>
                  <a:gd name="connsiteX16" fmla="*/ 2517179 w 2828757"/>
                  <a:gd name="connsiteY16" fmla="*/ 621164 h 1336089"/>
                  <a:gd name="connsiteX17" fmla="*/ 2664450 w 2828757"/>
                  <a:gd name="connsiteY17" fmla="*/ 871745 h 1336089"/>
                  <a:gd name="connsiteX18" fmla="*/ 2763363 w 2828757"/>
                  <a:gd name="connsiteY18" fmla="*/ 1111021 h 1336089"/>
                  <a:gd name="connsiteX19" fmla="*/ 2828757 w 2828757"/>
                  <a:gd name="connsiteY19" fmla="*/ 1336089 h 1336089"/>
                  <a:gd name="connsiteX20" fmla="*/ 0 w 2828757"/>
                  <a:gd name="connsiteY20" fmla="*/ 1328945 h 1336089"/>
                  <a:gd name="connsiteX0" fmla="*/ 0 w 2828757"/>
                  <a:gd name="connsiteY0" fmla="*/ 1328737 h 1335881"/>
                  <a:gd name="connsiteX1" fmla="*/ 30212 w 2828757"/>
                  <a:gd name="connsiteY1" fmla="*/ 1221345 h 1335881"/>
                  <a:gd name="connsiteX2" fmla="*/ 70425 w 2828757"/>
                  <a:gd name="connsiteY2" fmla="*/ 1118587 h 1335881"/>
                  <a:gd name="connsiteX3" fmla="*/ 125671 w 2828757"/>
                  <a:gd name="connsiteY3" fmla="*/ 967624 h 1335881"/>
                  <a:gd name="connsiteX4" fmla="*/ 199856 w 2828757"/>
                  <a:gd name="connsiteY4" fmla="*/ 807243 h 1335881"/>
                  <a:gd name="connsiteX5" fmla="*/ 293981 w 2828757"/>
                  <a:gd name="connsiteY5" fmla="*/ 656125 h 1335881"/>
                  <a:gd name="connsiteX6" fmla="*/ 404513 w 2828757"/>
                  <a:gd name="connsiteY6" fmla="*/ 512936 h 1335881"/>
                  <a:gd name="connsiteX7" fmla="*/ 571331 w 2828757"/>
                  <a:gd name="connsiteY7" fmla="*/ 335756 h 1335881"/>
                  <a:gd name="connsiteX8" fmla="*/ 761229 w 2828757"/>
                  <a:gd name="connsiteY8" fmla="*/ 198925 h 1335881"/>
                  <a:gd name="connsiteX9" fmla="*/ 989325 w 2828757"/>
                  <a:gd name="connsiteY9" fmla="*/ 89325 h 1335881"/>
                  <a:gd name="connsiteX10" fmla="*/ 1200845 w 2828757"/>
                  <a:gd name="connsiteY10" fmla="*/ 33128 h 1335881"/>
                  <a:gd name="connsiteX11" fmla="*/ 1421438 w 2828757"/>
                  <a:gd name="connsiteY11" fmla="*/ 0 h 1335881"/>
                  <a:gd name="connsiteX12" fmla="*/ 1713311 w 2828757"/>
                  <a:gd name="connsiteY12" fmla="*/ 45688 h 1335881"/>
                  <a:gd name="connsiteX13" fmla="*/ 1935844 w 2828757"/>
                  <a:gd name="connsiteY13" fmla="*/ 121387 h 1335881"/>
                  <a:gd name="connsiteX14" fmla="*/ 2115245 w 2828757"/>
                  <a:gd name="connsiteY14" fmla="*/ 213998 h 1335881"/>
                  <a:gd name="connsiteX15" fmla="*/ 2357269 w 2828757"/>
                  <a:gd name="connsiteY15" fmla="*/ 428625 h 1335881"/>
                  <a:gd name="connsiteX16" fmla="*/ 2517179 w 2828757"/>
                  <a:gd name="connsiteY16" fmla="*/ 620956 h 1335881"/>
                  <a:gd name="connsiteX17" fmla="*/ 2664450 w 2828757"/>
                  <a:gd name="connsiteY17" fmla="*/ 871537 h 1335881"/>
                  <a:gd name="connsiteX18" fmla="*/ 2763363 w 2828757"/>
                  <a:gd name="connsiteY18" fmla="*/ 1110813 h 1335881"/>
                  <a:gd name="connsiteX19" fmla="*/ 2828757 w 2828757"/>
                  <a:gd name="connsiteY19" fmla="*/ 1335881 h 1335881"/>
                  <a:gd name="connsiteX20" fmla="*/ 0 w 2828757"/>
                  <a:gd name="connsiteY20" fmla="*/ 1328737 h 1335881"/>
                  <a:gd name="connsiteX0" fmla="*/ 0 w 2828757"/>
                  <a:gd name="connsiteY0" fmla="*/ 1298643 h 1305787"/>
                  <a:gd name="connsiteX1" fmla="*/ 30212 w 2828757"/>
                  <a:gd name="connsiteY1" fmla="*/ 1191251 h 1305787"/>
                  <a:gd name="connsiteX2" fmla="*/ 70425 w 2828757"/>
                  <a:gd name="connsiteY2" fmla="*/ 1088493 h 1305787"/>
                  <a:gd name="connsiteX3" fmla="*/ 125671 w 2828757"/>
                  <a:gd name="connsiteY3" fmla="*/ 937530 h 1305787"/>
                  <a:gd name="connsiteX4" fmla="*/ 199856 w 2828757"/>
                  <a:gd name="connsiteY4" fmla="*/ 777149 h 1305787"/>
                  <a:gd name="connsiteX5" fmla="*/ 293981 w 2828757"/>
                  <a:gd name="connsiteY5" fmla="*/ 626031 h 1305787"/>
                  <a:gd name="connsiteX6" fmla="*/ 404513 w 2828757"/>
                  <a:gd name="connsiteY6" fmla="*/ 482842 h 1305787"/>
                  <a:gd name="connsiteX7" fmla="*/ 571331 w 2828757"/>
                  <a:gd name="connsiteY7" fmla="*/ 305662 h 1305787"/>
                  <a:gd name="connsiteX8" fmla="*/ 761229 w 2828757"/>
                  <a:gd name="connsiteY8" fmla="*/ 168831 h 1305787"/>
                  <a:gd name="connsiteX9" fmla="*/ 989325 w 2828757"/>
                  <a:gd name="connsiteY9" fmla="*/ 59231 h 1305787"/>
                  <a:gd name="connsiteX10" fmla="*/ 1200845 w 2828757"/>
                  <a:gd name="connsiteY10" fmla="*/ 3034 h 1305787"/>
                  <a:gd name="connsiteX11" fmla="*/ 1418580 w 2828757"/>
                  <a:gd name="connsiteY11" fmla="*/ 149928 h 1305787"/>
                  <a:gd name="connsiteX12" fmla="*/ 1713311 w 2828757"/>
                  <a:gd name="connsiteY12" fmla="*/ 15594 h 1305787"/>
                  <a:gd name="connsiteX13" fmla="*/ 1935844 w 2828757"/>
                  <a:gd name="connsiteY13" fmla="*/ 91293 h 1305787"/>
                  <a:gd name="connsiteX14" fmla="*/ 2115245 w 2828757"/>
                  <a:gd name="connsiteY14" fmla="*/ 183904 h 1305787"/>
                  <a:gd name="connsiteX15" fmla="*/ 2357269 w 2828757"/>
                  <a:gd name="connsiteY15" fmla="*/ 398531 h 1305787"/>
                  <a:gd name="connsiteX16" fmla="*/ 2517179 w 2828757"/>
                  <a:gd name="connsiteY16" fmla="*/ 590862 h 1305787"/>
                  <a:gd name="connsiteX17" fmla="*/ 2664450 w 2828757"/>
                  <a:gd name="connsiteY17" fmla="*/ 841443 h 1305787"/>
                  <a:gd name="connsiteX18" fmla="*/ 2763363 w 2828757"/>
                  <a:gd name="connsiteY18" fmla="*/ 1080719 h 1305787"/>
                  <a:gd name="connsiteX19" fmla="*/ 2828757 w 2828757"/>
                  <a:gd name="connsiteY19" fmla="*/ 1305787 h 1305787"/>
                  <a:gd name="connsiteX20" fmla="*/ 0 w 2828757"/>
                  <a:gd name="connsiteY20" fmla="*/ 1298643 h 1305787"/>
                  <a:gd name="connsiteX0" fmla="*/ 0 w 2828757"/>
                  <a:gd name="connsiteY0" fmla="*/ 1284170 h 1291314"/>
                  <a:gd name="connsiteX1" fmla="*/ 30212 w 2828757"/>
                  <a:gd name="connsiteY1" fmla="*/ 1176778 h 1291314"/>
                  <a:gd name="connsiteX2" fmla="*/ 70425 w 2828757"/>
                  <a:gd name="connsiteY2" fmla="*/ 1074020 h 1291314"/>
                  <a:gd name="connsiteX3" fmla="*/ 125671 w 2828757"/>
                  <a:gd name="connsiteY3" fmla="*/ 923057 h 1291314"/>
                  <a:gd name="connsiteX4" fmla="*/ 199856 w 2828757"/>
                  <a:gd name="connsiteY4" fmla="*/ 762676 h 1291314"/>
                  <a:gd name="connsiteX5" fmla="*/ 293981 w 2828757"/>
                  <a:gd name="connsiteY5" fmla="*/ 611558 h 1291314"/>
                  <a:gd name="connsiteX6" fmla="*/ 404513 w 2828757"/>
                  <a:gd name="connsiteY6" fmla="*/ 468369 h 1291314"/>
                  <a:gd name="connsiteX7" fmla="*/ 571331 w 2828757"/>
                  <a:gd name="connsiteY7" fmla="*/ 291189 h 1291314"/>
                  <a:gd name="connsiteX8" fmla="*/ 761229 w 2828757"/>
                  <a:gd name="connsiteY8" fmla="*/ 154358 h 1291314"/>
                  <a:gd name="connsiteX9" fmla="*/ 989325 w 2828757"/>
                  <a:gd name="connsiteY9" fmla="*/ 44758 h 1291314"/>
                  <a:gd name="connsiteX10" fmla="*/ 1203703 w 2828757"/>
                  <a:gd name="connsiteY10" fmla="*/ 39996 h 1291314"/>
                  <a:gd name="connsiteX11" fmla="*/ 1418580 w 2828757"/>
                  <a:gd name="connsiteY11" fmla="*/ 135455 h 1291314"/>
                  <a:gd name="connsiteX12" fmla="*/ 1713311 w 2828757"/>
                  <a:gd name="connsiteY12" fmla="*/ 1121 h 1291314"/>
                  <a:gd name="connsiteX13" fmla="*/ 1935844 w 2828757"/>
                  <a:gd name="connsiteY13" fmla="*/ 76820 h 1291314"/>
                  <a:gd name="connsiteX14" fmla="*/ 2115245 w 2828757"/>
                  <a:gd name="connsiteY14" fmla="*/ 169431 h 1291314"/>
                  <a:gd name="connsiteX15" fmla="*/ 2357269 w 2828757"/>
                  <a:gd name="connsiteY15" fmla="*/ 384058 h 1291314"/>
                  <a:gd name="connsiteX16" fmla="*/ 2517179 w 2828757"/>
                  <a:gd name="connsiteY16" fmla="*/ 576389 h 1291314"/>
                  <a:gd name="connsiteX17" fmla="*/ 2664450 w 2828757"/>
                  <a:gd name="connsiteY17" fmla="*/ 826970 h 1291314"/>
                  <a:gd name="connsiteX18" fmla="*/ 2763363 w 2828757"/>
                  <a:gd name="connsiteY18" fmla="*/ 1066246 h 1291314"/>
                  <a:gd name="connsiteX19" fmla="*/ 2828757 w 2828757"/>
                  <a:gd name="connsiteY19" fmla="*/ 1291314 h 1291314"/>
                  <a:gd name="connsiteX20" fmla="*/ 0 w 2828757"/>
                  <a:gd name="connsiteY20" fmla="*/ 1284170 h 1291314"/>
                  <a:gd name="connsiteX0" fmla="*/ 0 w 2828757"/>
                  <a:gd name="connsiteY0" fmla="*/ 1284170 h 1291314"/>
                  <a:gd name="connsiteX1" fmla="*/ 30212 w 2828757"/>
                  <a:gd name="connsiteY1" fmla="*/ 1176778 h 1291314"/>
                  <a:gd name="connsiteX2" fmla="*/ 70425 w 2828757"/>
                  <a:gd name="connsiteY2" fmla="*/ 1074020 h 1291314"/>
                  <a:gd name="connsiteX3" fmla="*/ 125671 w 2828757"/>
                  <a:gd name="connsiteY3" fmla="*/ 923057 h 1291314"/>
                  <a:gd name="connsiteX4" fmla="*/ 199856 w 2828757"/>
                  <a:gd name="connsiteY4" fmla="*/ 762676 h 1291314"/>
                  <a:gd name="connsiteX5" fmla="*/ 293981 w 2828757"/>
                  <a:gd name="connsiteY5" fmla="*/ 611558 h 1291314"/>
                  <a:gd name="connsiteX6" fmla="*/ 404513 w 2828757"/>
                  <a:gd name="connsiteY6" fmla="*/ 468369 h 1291314"/>
                  <a:gd name="connsiteX7" fmla="*/ 571331 w 2828757"/>
                  <a:gd name="connsiteY7" fmla="*/ 291189 h 1291314"/>
                  <a:gd name="connsiteX8" fmla="*/ 761229 w 2828757"/>
                  <a:gd name="connsiteY8" fmla="*/ 154358 h 1291314"/>
                  <a:gd name="connsiteX9" fmla="*/ 989325 w 2828757"/>
                  <a:gd name="connsiteY9" fmla="*/ 44758 h 1291314"/>
                  <a:gd name="connsiteX10" fmla="*/ 1203703 w 2828757"/>
                  <a:gd name="connsiteY10" fmla="*/ 39996 h 1291314"/>
                  <a:gd name="connsiteX11" fmla="*/ 1418580 w 2828757"/>
                  <a:gd name="connsiteY11" fmla="*/ 135455 h 1291314"/>
                  <a:gd name="connsiteX12" fmla="*/ 1713311 w 2828757"/>
                  <a:gd name="connsiteY12" fmla="*/ 1121 h 1291314"/>
                  <a:gd name="connsiteX13" fmla="*/ 1935844 w 2828757"/>
                  <a:gd name="connsiteY13" fmla="*/ 76820 h 1291314"/>
                  <a:gd name="connsiteX14" fmla="*/ 2115245 w 2828757"/>
                  <a:gd name="connsiteY14" fmla="*/ 169431 h 1291314"/>
                  <a:gd name="connsiteX15" fmla="*/ 2357269 w 2828757"/>
                  <a:gd name="connsiteY15" fmla="*/ 384058 h 1291314"/>
                  <a:gd name="connsiteX16" fmla="*/ 2517179 w 2828757"/>
                  <a:gd name="connsiteY16" fmla="*/ 576389 h 1291314"/>
                  <a:gd name="connsiteX17" fmla="*/ 2664450 w 2828757"/>
                  <a:gd name="connsiteY17" fmla="*/ 826970 h 1291314"/>
                  <a:gd name="connsiteX18" fmla="*/ 2763363 w 2828757"/>
                  <a:gd name="connsiteY18" fmla="*/ 1066246 h 1291314"/>
                  <a:gd name="connsiteX19" fmla="*/ 2828757 w 2828757"/>
                  <a:gd name="connsiteY19" fmla="*/ 1291314 h 1291314"/>
                  <a:gd name="connsiteX20" fmla="*/ 0 w 2828757"/>
                  <a:gd name="connsiteY20" fmla="*/ 1284170 h 1291314"/>
                  <a:gd name="connsiteX0" fmla="*/ 0 w 2828757"/>
                  <a:gd name="connsiteY0" fmla="*/ 1267320 h 1274464"/>
                  <a:gd name="connsiteX1" fmla="*/ 30212 w 2828757"/>
                  <a:gd name="connsiteY1" fmla="*/ 1159928 h 1274464"/>
                  <a:gd name="connsiteX2" fmla="*/ 70425 w 2828757"/>
                  <a:gd name="connsiteY2" fmla="*/ 1057170 h 1274464"/>
                  <a:gd name="connsiteX3" fmla="*/ 125671 w 2828757"/>
                  <a:gd name="connsiteY3" fmla="*/ 906207 h 1274464"/>
                  <a:gd name="connsiteX4" fmla="*/ 199856 w 2828757"/>
                  <a:gd name="connsiteY4" fmla="*/ 745826 h 1274464"/>
                  <a:gd name="connsiteX5" fmla="*/ 293981 w 2828757"/>
                  <a:gd name="connsiteY5" fmla="*/ 594708 h 1274464"/>
                  <a:gd name="connsiteX6" fmla="*/ 404513 w 2828757"/>
                  <a:gd name="connsiteY6" fmla="*/ 451519 h 1274464"/>
                  <a:gd name="connsiteX7" fmla="*/ 571331 w 2828757"/>
                  <a:gd name="connsiteY7" fmla="*/ 274339 h 1274464"/>
                  <a:gd name="connsiteX8" fmla="*/ 761229 w 2828757"/>
                  <a:gd name="connsiteY8" fmla="*/ 137508 h 1274464"/>
                  <a:gd name="connsiteX9" fmla="*/ 989325 w 2828757"/>
                  <a:gd name="connsiteY9" fmla="*/ 27908 h 1274464"/>
                  <a:gd name="connsiteX10" fmla="*/ 1203703 w 2828757"/>
                  <a:gd name="connsiteY10" fmla="*/ 23146 h 1274464"/>
                  <a:gd name="connsiteX11" fmla="*/ 1418580 w 2828757"/>
                  <a:gd name="connsiteY11" fmla="*/ 118605 h 1274464"/>
                  <a:gd name="connsiteX12" fmla="*/ 1664733 w 2828757"/>
                  <a:gd name="connsiteY12" fmla="*/ 1416 h 1274464"/>
                  <a:gd name="connsiteX13" fmla="*/ 1935844 w 2828757"/>
                  <a:gd name="connsiteY13" fmla="*/ 59970 h 1274464"/>
                  <a:gd name="connsiteX14" fmla="*/ 2115245 w 2828757"/>
                  <a:gd name="connsiteY14" fmla="*/ 152581 h 1274464"/>
                  <a:gd name="connsiteX15" fmla="*/ 2357269 w 2828757"/>
                  <a:gd name="connsiteY15" fmla="*/ 367208 h 1274464"/>
                  <a:gd name="connsiteX16" fmla="*/ 2517179 w 2828757"/>
                  <a:gd name="connsiteY16" fmla="*/ 559539 h 1274464"/>
                  <a:gd name="connsiteX17" fmla="*/ 2664450 w 2828757"/>
                  <a:gd name="connsiteY17" fmla="*/ 810120 h 1274464"/>
                  <a:gd name="connsiteX18" fmla="*/ 2763363 w 2828757"/>
                  <a:gd name="connsiteY18" fmla="*/ 1049396 h 1274464"/>
                  <a:gd name="connsiteX19" fmla="*/ 2828757 w 2828757"/>
                  <a:gd name="connsiteY19" fmla="*/ 1274464 h 1274464"/>
                  <a:gd name="connsiteX20" fmla="*/ 0 w 2828757"/>
                  <a:gd name="connsiteY20" fmla="*/ 1267320 h 1274464"/>
                  <a:gd name="connsiteX0" fmla="*/ 0 w 2828757"/>
                  <a:gd name="connsiteY0" fmla="*/ 1265906 h 1273050"/>
                  <a:gd name="connsiteX1" fmla="*/ 30212 w 2828757"/>
                  <a:gd name="connsiteY1" fmla="*/ 1158514 h 1273050"/>
                  <a:gd name="connsiteX2" fmla="*/ 70425 w 2828757"/>
                  <a:gd name="connsiteY2" fmla="*/ 1055756 h 1273050"/>
                  <a:gd name="connsiteX3" fmla="*/ 125671 w 2828757"/>
                  <a:gd name="connsiteY3" fmla="*/ 904793 h 1273050"/>
                  <a:gd name="connsiteX4" fmla="*/ 199856 w 2828757"/>
                  <a:gd name="connsiteY4" fmla="*/ 744412 h 1273050"/>
                  <a:gd name="connsiteX5" fmla="*/ 293981 w 2828757"/>
                  <a:gd name="connsiteY5" fmla="*/ 593294 h 1273050"/>
                  <a:gd name="connsiteX6" fmla="*/ 404513 w 2828757"/>
                  <a:gd name="connsiteY6" fmla="*/ 450105 h 1273050"/>
                  <a:gd name="connsiteX7" fmla="*/ 571331 w 2828757"/>
                  <a:gd name="connsiteY7" fmla="*/ 272925 h 1273050"/>
                  <a:gd name="connsiteX8" fmla="*/ 761229 w 2828757"/>
                  <a:gd name="connsiteY8" fmla="*/ 136094 h 1273050"/>
                  <a:gd name="connsiteX9" fmla="*/ 989325 w 2828757"/>
                  <a:gd name="connsiteY9" fmla="*/ 26494 h 1273050"/>
                  <a:gd name="connsiteX10" fmla="*/ 1203703 w 2828757"/>
                  <a:gd name="connsiteY10" fmla="*/ 21732 h 1273050"/>
                  <a:gd name="connsiteX11" fmla="*/ 1418580 w 2828757"/>
                  <a:gd name="connsiteY11" fmla="*/ 117191 h 1273050"/>
                  <a:gd name="connsiteX12" fmla="*/ 1537949 w 2828757"/>
                  <a:gd name="connsiteY12" fmla="*/ 56992 h 1273050"/>
                  <a:gd name="connsiteX13" fmla="*/ 1664733 w 2828757"/>
                  <a:gd name="connsiteY13" fmla="*/ 2 h 1273050"/>
                  <a:gd name="connsiteX14" fmla="*/ 1935844 w 2828757"/>
                  <a:gd name="connsiteY14" fmla="*/ 58556 h 1273050"/>
                  <a:gd name="connsiteX15" fmla="*/ 2115245 w 2828757"/>
                  <a:gd name="connsiteY15" fmla="*/ 151167 h 1273050"/>
                  <a:gd name="connsiteX16" fmla="*/ 2357269 w 2828757"/>
                  <a:gd name="connsiteY16" fmla="*/ 365794 h 1273050"/>
                  <a:gd name="connsiteX17" fmla="*/ 2517179 w 2828757"/>
                  <a:gd name="connsiteY17" fmla="*/ 558125 h 1273050"/>
                  <a:gd name="connsiteX18" fmla="*/ 2664450 w 2828757"/>
                  <a:gd name="connsiteY18" fmla="*/ 808706 h 1273050"/>
                  <a:gd name="connsiteX19" fmla="*/ 2763363 w 2828757"/>
                  <a:gd name="connsiteY19" fmla="*/ 1047982 h 1273050"/>
                  <a:gd name="connsiteX20" fmla="*/ 2828757 w 2828757"/>
                  <a:gd name="connsiteY20" fmla="*/ 1273050 h 1273050"/>
                  <a:gd name="connsiteX21" fmla="*/ 0 w 2828757"/>
                  <a:gd name="connsiteY21" fmla="*/ 1265906 h 1273050"/>
                  <a:gd name="connsiteX0" fmla="*/ 0 w 2828757"/>
                  <a:gd name="connsiteY0" fmla="*/ 1265971 h 1273115"/>
                  <a:gd name="connsiteX1" fmla="*/ 30212 w 2828757"/>
                  <a:gd name="connsiteY1" fmla="*/ 1158579 h 1273115"/>
                  <a:gd name="connsiteX2" fmla="*/ 70425 w 2828757"/>
                  <a:gd name="connsiteY2" fmla="*/ 1055821 h 1273115"/>
                  <a:gd name="connsiteX3" fmla="*/ 125671 w 2828757"/>
                  <a:gd name="connsiteY3" fmla="*/ 904858 h 1273115"/>
                  <a:gd name="connsiteX4" fmla="*/ 199856 w 2828757"/>
                  <a:gd name="connsiteY4" fmla="*/ 744477 h 1273115"/>
                  <a:gd name="connsiteX5" fmla="*/ 293981 w 2828757"/>
                  <a:gd name="connsiteY5" fmla="*/ 593359 h 1273115"/>
                  <a:gd name="connsiteX6" fmla="*/ 404513 w 2828757"/>
                  <a:gd name="connsiteY6" fmla="*/ 450170 h 1273115"/>
                  <a:gd name="connsiteX7" fmla="*/ 571331 w 2828757"/>
                  <a:gd name="connsiteY7" fmla="*/ 272990 h 1273115"/>
                  <a:gd name="connsiteX8" fmla="*/ 761229 w 2828757"/>
                  <a:gd name="connsiteY8" fmla="*/ 136159 h 1273115"/>
                  <a:gd name="connsiteX9" fmla="*/ 989325 w 2828757"/>
                  <a:gd name="connsiteY9" fmla="*/ 26559 h 1273115"/>
                  <a:gd name="connsiteX10" fmla="*/ 1203703 w 2828757"/>
                  <a:gd name="connsiteY10" fmla="*/ 21797 h 1273115"/>
                  <a:gd name="connsiteX11" fmla="*/ 1418580 w 2828757"/>
                  <a:gd name="connsiteY11" fmla="*/ 117256 h 1273115"/>
                  <a:gd name="connsiteX12" fmla="*/ 1529377 w 2828757"/>
                  <a:gd name="connsiteY12" fmla="*/ 48484 h 1273115"/>
                  <a:gd name="connsiteX13" fmla="*/ 1664733 w 2828757"/>
                  <a:gd name="connsiteY13" fmla="*/ 67 h 1273115"/>
                  <a:gd name="connsiteX14" fmla="*/ 1935844 w 2828757"/>
                  <a:gd name="connsiteY14" fmla="*/ 58621 h 1273115"/>
                  <a:gd name="connsiteX15" fmla="*/ 2115245 w 2828757"/>
                  <a:gd name="connsiteY15" fmla="*/ 151232 h 1273115"/>
                  <a:gd name="connsiteX16" fmla="*/ 2357269 w 2828757"/>
                  <a:gd name="connsiteY16" fmla="*/ 365859 h 1273115"/>
                  <a:gd name="connsiteX17" fmla="*/ 2517179 w 2828757"/>
                  <a:gd name="connsiteY17" fmla="*/ 558190 h 1273115"/>
                  <a:gd name="connsiteX18" fmla="*/ 2664450 w 2828757"/>
                  <a:gd name="connsiteY18" fmla="*/ 808771 h 1273115"/>
                  <a:gd name="connsiteX19" fmla="*/ 2763363 w 2828757"/>
                  <a:gd name="connsiteY19" fmla="*/ 1048047 h 1273115"/>
                  <a:gd name="connsiteX20" fmla="*/ 2828757 w 2828757"/>
                  <a:gd name="connsiteY20" fmla="*/ 1273115 h 1273115"/>
                  <a:gd name="connsiteX21" fmla="*/ 0 w 2828757"/>
                  <a:gd name="connsiteY21" fmla="*/ 1265971 h 1273115"/>
                  <a:gd name="connsiteX0" fmla="*/ 0 w 2828757"/>
                  <a:gd name="connsiteY0" fmla="*/ 1265960 h 1273104"/>
                  <a:gd name="connsiteX1" fmla="*/ 30212 w 2828757"/>
                  <a:gd name="connsiteY1" fmla="*/ 1158568 h 1273104"/>
                  <a:gd name="connsiteX2" fmla="*/ 70425 w 2828757"/>
                  <a:gd name="connsiteY2" fmla="*/ 1055810 h 1273104"/>
                  <a:gd name="connsiteX3" fmla="*/ 125671 w 2828757"/>
                  <a:gd name="connsiteY3" fmla="*/ 904847 h 1273104"/>
                  <a:gd name="connsiteX4" fmla="*/ 199856 w 2828757"/>
                  <a:gd name="connsiteY4" fmla="*/ 744466 h 1273104"/>
                  <a:gd name="connsiteX5" fmla="*/ 293981 w 2828757"/>
                  <a:gd name="connsiteY5" fmla="*/ 593348 h 1273104"/>
                  <a:gd name="connsiteX6" fmla="*/ 404513 w 2828757"/>
                  <a:gd name="connsiteY6" fmla="*/ 450159 h 1273104"/>
                  <a:gd name="connsiteX7" fmla="*/ 571331 w 2828757"/>
                  <a:gd name="connsiteY7" fmla="*/ 272979 h 1273104"/>
                  <a:gd name="connsiteX8" fmla="*/ 761229 w 2828757"/>
                  <a:gd name="connsiteY8" fmla="*/ 136148 h 1273104"/>
                  <a:gd name="connsiteX9" fmla="*/ 989325 w 2828757"/>
                  <a:gd name="connsiteY9" fmla="*/ 26548 h 1273104"/>
                  <a:gd name="connsiteX10" fmla="*/ 1203703 w 2828757"/>
                  <a:gd name="connsiteY10" fmla="*/ 21786 h 1273104"/>
                  <a:gd name="connsiteX11" fmla="*/ 1418580 w 2828757"/>
                  <a:gd name="connsiteY11" fmla="*/ 117245 h 1273104"/>
                  <a:gd name="connsiteX12" fmla="*/ 1529377 w 2828757"/>
                  <a:gd name="connsiteY12" fmla="*/ 48473 h 1273104"/>
                  <a:gd name="connsiteX13" fmla="*/ 1664733 w 2828757"/>
                  <a:gd name="connsiteY13" fmla="*/ 56 h 1273104"/>
                  <a:gd name="connsiteX14" fmla="*/ 1921557 w 2828757"/>
                  <a:gd name="connsiteY14" fmla="*/ 41465 h 1273104"/>
                  <a:gd name="connsiteX15" fmla="*/ 2115245 w 2828757"/>
                  <a:gd name="connsiteY15" fmla="*/ 151221 h 1273104"/>
                  <a:gd name="connsiteX16" fmla="*/ 2357269 w 2828757"/>
                  <a:gd name="connsiteY16" fmla="*/ 365848 h 1273104"/>
                  <a:gd name="connsiteX17" fmla="*/ 2517179 w 2828757"/>
                  <a:gd name="connsiteY17" fmla="*/ 558179 h 1273104"/>
                  <a:gd name="connsiteX18" fmla="*/ 2664450 w 2828757"/>
                  <a:gd name="connsiteY18" fmla="*/ 808760 h 1273104"/>
                  <a:gd name="connsiteX19" fmla="*/ 2763363 w 2828757"/>
                  <a:gd name="connsiteY19" fmla="*/ 1048036 h 1273104"/>
                  <a:gd name="connsiteX20" fmla="*/ 2828757 w 2828757"/>
                  <a:gd name="connsiteY20" fmla="*/ 1273104 h 1273104"/>
                  <a:gd name="connsiteX21" fmla="*/ 0 w 2828757"/>
                  <a:gd name="connsiteY21" fmla="*/ 1265960 h 1273104"/>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99856 w 2828757"/>
                  <a:gd name="connsiteY4" fmla="*/ 744470 h 1273108"/>
                  <a:gd name="connsiteX5" fmla="*/ 293981 w 2828757"/>
                  <a:gd name="connsiteY5" fmla="*/ 593352 h 1273108"/>
                  <a:gd name="connsiteX6" fmla="*/ 404513 w 2828757"/>
                  <a:gd name="connsiteY6" fmla="*/ 450163 h 1273108"/>
                  <a:gd name="connsiteX7" fmla="*/ 571331 w 2828757"/>
                  <a:gd name="connsiteY7" fmla="*/ 272983 h 1273108"/>
                  <a:gd name="connsiteX8" fmla="*/ 761229 w 2828757"/>
                  <a:gd name="connsiteY8" fmla="*/ 136152 h 1273108"/>
                  <a:gd name="connsiteX9" fmla="*/ 989325 w 2828757"/>
                  <a:gd name="connsiteY9" fmla="*/ 26552 h 1273108"/>
                  <a:gd name="connsiteX10" fmla="*/ 1203703 w 2828757"/>
                  <a:gd name="connsiteY10" fmla="*/ 21790 h 1273108"/>
                  <a:gd name="connsiteX11" fmla="*/ 1418580 w 2828757"/>
                  <a:gd name="connsiteY11" fmla="*/ 117249 h 1273108"/>
                  <a:gd name="connsiteX12" fmla="*/ 1529377 w 2828757"/>
                  <a:gd name="connsiteY12" fmla="*/ 48477 h 1273108"/>
                  <a:gd name="connsiteX13" fmla="*/ 1664733 w 2828757"/>
                  <a:gd name="connsiteY13" fmla="*/ 60 h 1273108"/>
                  <a:gd name="connsiteX14" fmla="*/ 1921557 w 2828757"/>
                  <a:gd name="connsiteY14" fmla="*/ 41469 h 1273108"/>
                  <a:gd name="connsiteX15" fmla="*/ 2115245 w 2828757"/>
                  <a:gd name="connsiteY15" fmla="*/ 159798 h 1273108"/>
                  <a:gd name="connsiteX16" fmla="*/ 2357269 w 2828757"/>
                  <a:gd name="connsiteY16" fmla="*/ 365852 h 1273108"/>
                  <a:gd name="connsiteX17" fmla="*/ 2517179 w 2828757"/>
                  <a:gd name="connsiteY17" fmla="*/ 558183 h 1273108"/>
                  <a:gd name="connsiteX18" fmla="*/ 2664450 w 2828757"/>
                  <a:gd name="connsiteY18" fmla="*/ 808764 h 1273108"/>
                  <a:gd name="connsiteX19" fmla="*/ 2763363 w 2828757"/>
                  <a:gd name="connsiteY19" fmla="*/ 1048040 h 1273108"/>
                  <a:gd name="connsiteX20" fmla="*/ 2828757 w 2828757"/>
                  <a:gd name="connsiteY20" fmla="*/ 1273108 h 1273108"/>
                  <a:gd name="connsiteX21" fmla="*/ 0 w 2828757"/>
                  <a:gd name="connsiteY21"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99856 w 2828757"/>
                  <a:gd name="connsiteY4" fmla="*/ 744470 h 1273108"/>
                  <a:gd name="connsiteX5" fmla="*/ 293981 w 2828757"/>
                  <a:gd name="connsiteY5" fmla="*/ 593352 h 1273108"/>
                  <a:gd name="connsiteX6" fmla="*/ 404513 w 2828757"/>
                  <a:gd name="connsiteY6" fmla="*/ 450163 h 1273108"/>
                  <a:gd name="connsiteX7" fmla="*/ 571331 w 2828757"/>
                  <a:gd name="connsiteY7" fmla="*/ 272983 h 1273108"/>
                  <a:gd name="connsiteX8" fmla="*/ 761229 w 2828757"/>
                  <a:gd name="connsiteY8" fmla="*/ 136152 h 1273108"/>
                  <a:gd name="connsiteX9" fmla="*/ 989325 w 2828757"/>
                  <a:gd name="connsiteY9" fmla="*/ 26552 h 1273108"/>
                  <a:gd name="connsiteX10" fmla="*/ 1203703 w 2828757"/>
                  <a:gd name="connsiteY10" fmla="*/ 21790 h 1273108"/>
                  <a:gd name="connsiteX11" fmla="*/ 1418580 w 2828757"/>
                  <a:gd name="connsiteY11" fmla="*/ 117249 h 1273108"/>
                  <a:gd name="connsiteX12" fmla="*/ 1529377 w 2828757"/>
                  <a:gd name="connsiteY12" fmla="*/ 48477 h 1273108"/>
                  <a:gd name="connsiteX13" fmla="*/ 1664733 w 2828757"/>
                  <a:gd name="connsiteY13" fmla="*/ 60 h 1273108"/>
                  <a:gd name="connsiteX14" fmla="*/ 1921557 w 2828757"/>
                  <a:gd name="connsiteY14" fmla="*/ 41469 h 1273108"/>
                  <a:gd name="connsiteX15" fmla="*/ 2115245 w 2828757"/>
                  <a:gd name="connsiteY15" fmla="*/ 159798 h 1273108"/>
                  <a:gd name="connsiteX16" fmla="*/ 2331552 w 2828757"/>
                  <a:gd name="connsiteY16" fmla="*/ 317274 h 1273108"/>
                  <a:gd name="connsiteX17" fmla="*/ 2517179 w 2828757"/>
                  <a:gd name="connsiteY17" fmla="*/ 558183 h 1273108"/>
                  <a:gd name="connsiteX18" fmla="*/ 2664450 w 2828757"/>
                  <a:gd name="connsiteY18" fmla="*/ 808764 h 1273108"/>
                  <a:gd name="connsiteX19" fmla="*/ 2763363 w 2828757"/>
                  <a:gd name="connsiteY19" fmla="*/ 1048040 h 1273108"/>
                  <a:gd name="connsiteX20" fmla="*/ 2828757 w 2828757"/>
                  <a:gd name="connsiteY20" fmla="*/ 1273108 h 1273108"/>
                  <a:gd name="connsiteX21" fmla="*/ 0 w 2828757"/>
                  <a:gd name="connsiteY21"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99856 w 2828757"/>
                  <a:gd name="connsiteY4" fmla="*/ 744470 h 1273108"/>
                  <a:gd name="connsiteX5" fmla="*/ 293981 w 2828757"/>
                  <a:gd name="connsiteY5" fmla="*/ 593352 h 1273108"/>
                  <a:gd name="connsiteX6" fmla="*/ 384510 w 2828757"/>
                  <a:gd name="connsiteY6" fmla="*/ 407301 h 1273108"/>
                  <a:gd name="connsiteX7" fmla="*/ 571331 w 2828757"/>
                  <a:gd name="connsiteY7" fmla="*/ 272983 h 1273108"/>
                  <a:gd name="connsiteX8" fmla="*/ 761229 w 2828757"/>
                  <a:gd name="connsiteY8" fmla="*/ 136152 h 1273108"/>
                  <a:gd name="connsiteX9" fmla="*/ 989325 w 2828757"/>
                  <a:gd name="connsiteY9" fmla="*/ 26552 h 1273108"/>
                  <a:gd name="connsiteX10" fmla="*/ 1203703 w 2828757"/>
                  <a:gd name="connsiteY10" fmla="*/ 21790 h 1273108"/>
                  <a:gd name="connsiteX11" fmla="*/ 1418580 w 2828757"/>
                  <a:gd name="connsiteY11" fmla="*/ 117249 h 1273108"/>
                  <a:gd name="connsiteX12" fmla="*/ 1529377 w 2828757"/>
                  <a:gd name="connsiteY12" fmla="*/ 48477 h 1273108"/>
                  <a:gd name="connsiteX13" fmla="*/ 1664733 w 2828757"/>
                  <a:gd name="connsiteY13" fmla="*/ 60 h 1273108"/>
                  <a:gd name="connsiteX14" fmla="*/ 1921557 w 2828757"/>
                  <a:gd name="connsiteY14" fmla="*/ 41469 h 1273108"/>
                  <a:gd name="connsiteX15" fmla="*/ 2115245 w 2828757"/>
                  <a:gd name="connsiteY15" fmla="*/ 159798 h 1273108"/>
                  <a:gd name="connsiteX16" fmla="*/ 2331552 w 2828757"/>
                  <a:gd name="connsiteY16" fmla="*/ 317274 h 1273108"/>
                  <a:gd name="connsiteX17" fmla="*/ 2517179 w 2828757"/>
                  <a:gd name="connsiteY17" fmla="*/ 558183 h 1273108"/>
                  <a:gd name="connsiteX18" fmla="*/ 2664450 w 2828757"/>
                  <a:gd name="connsiteY18" fmla="*/ 808764 h 1273108"/>
                  <a:gd name="connsiteX19" fmla="*/ 2763363 w 2828757"/>
                  <a:gd name="connsiteY19" fmla="*/ 1048040 h 1273108"/>
                  <a:gd name="connsiteX20" fmla="*/ 2828757 w 2828757"/>
                  <a:gd name="connsiteY20" fmla="*/ 1273108 h 1273108"/>
                  <a:gd name="connsiteX21" fmla="*/ 0 w 2828757"/>
                  <a:gd name="connsiteY21"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99856 w 2828757"/>
                  <a:gd name="connsiteY4" fmla="*/ 744470 h 1273108"/>
                  <a:gd name="connsiteX5" fmla="*/ 248261 w 2828757"/>
                  <a:gd name="connsiteY5" fmla="*/ 579064 h 1273108"/>
                  <a:gd name="connsiteX6" fmla="*/ 384510 w 2828757"/>
                  <a:gd name="connsiteY6" fmla="*/ 407301 h 1273108"/>
                  <a:gd name="connsiteX7" fmla="*/ 571331 w 2828757"/>
                  <a:gd name="connsiteY7" fmla="*/ 272983 h 1273108"/>
                  <a:gd name="connsiteX8" fmla="*/ 761229 w 2828757"/>
                  <a:gd name="connsiteY8" fmla="*/ 136152 h 1273108"/>
                  <a:gd name="connsiteX9" fmla="*/ 989325 w 2828757"/>
                  <a:gd name="connsiteY9" fmla="*/ 26552 h 1273108"/>
                  <a:gd name="connsiteX10" fmla="*/ 1203703 w 2828757"/>
                  <a:gd name="connsiteY10" fmla="*/ 21790 h 1273108"/>
                  <a:gd name="connsiteX11" fmla="*/ 1418580 w 2828757"/>
                  <a:gd name="connsiteY11" fmla="*/ 117249 h 1273108"/>
                  <a:gd name="connsiteX12" fmla="*/ 1529377 w 2828757"/>
                  <a:gd name="connsiteY12" fmla="*/ 48477 h 1273108"/>
                  <a:gd name="connsiteX13" fmla="*/ 1664733 w 2828757"/>
                  <a:gd name="connsiteY13" fmla="*/ 60 h 1273108"/>
                  <a:gd name="connsiteX14" fmla="*/ 1921557 w 2828757"/>
                  <a:gd name="connsiteY14" fmla="*/ 41469 h 1273108"/>
                  <a:gd name="connsiteX15" fmla="*/ 2115245 w 2828757"/>
                  <a:gd name="connsiteY15" fmla="*/ 159798 h 1273108"/>
                  <a:gd name="connsiteX16" fmla="*/ 2331552 w 2828757"/>
                  <a:gd name="connsiteY16" fmla="*/ 317274 h 1273108"/>
                  <a:gd name="connsiteX17" fmla="*/ 2517179 w 2828757"/>
                  <a:gd name="connsiteY17" fmla="*/ 558183 h 1273108"/>
                  <a:gd name="connsiteX18" fmla="*/ 2664450 w 2828757"/>
                  <a:gd name="connsiteY18" fmla="*/ 808764 h 1273108"/>
                  <a:gd name="connsiteX19" fmla="*/ 2763363 w 2828757"/>
                  <a:gd name="connsiteY19" fmla="*/ 1048040 h 1273108"/>
                  <a:gd name="connsiteX20" fmla="*/ 2828757 w 2828757"/>
                  <a:gd name="connsiteY20" fmla="*/ 1273108 h 1273108"/>
                  <a:gd name="connsiteX21" fmla="*/ 0 w 2828757"/>
                  <a:gd name="connsiteY21"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82711 w 2828757"/>
                  <a:gd name="connsiteY4" fmla="*/ 741613 h 1273108"/>
                  <a:gd name="connsiteX5" fmla="*/ 248261 w 2828757"/>
                  <a:gd name="connsiteY5" fmla="*/ 579064 h 1273108"/>
                  <a:gd name="connsiteX6" fmla="*/ 384510 w 2828757"/>
                  <a:gd name="connsiteY6" fmla="*/ 407301 h 1273108"/>
                  <a:gd name="connsiteX7" fmla="*/ 571331 w 2828757"/>
                  <a:gd name="connsiteY7" fmla="*/ 272983 h 1273108"/>
                  <a:gd name="connsiteX8" fmla="*/ 761229 w 2828757"/>
                  <a:gd name="connsiteY8" fmla="*/ 136152 h 1273108"/>
                  <a:gd name="connsiteX9" fmla="*/ 989325 w 2828757"/>
                  <a:gd name="connsiteY9" fmla="*/ 26552 h 1273108"/>
                  <a:gd name="connsiteX10" fmla="*/ 1203703 w 2828757"/>
                  <a:gd name="connsiteY10" fmla="*/ 21790 h 1273108"/>
                  <a:gd name="connsiteX11" fmla="*/ 1418580 w 2828757"/>
                  <a:gd name="connsiteY11" fmla="*/ 117249 h 1273108"/>
                  <a:gd name="connsiteX12" fmla="*/ 1529377 w 2828757"/>
                  <a:gd name="connsiteY12" fmla="*/ 48477 h 1273108"/>
                  <a:gd name="connsiteX13" fmla="*/ 1664733 w 2828757"/>
                  <a:gd name="connsiteY13" fmla="*/ 60 h 1273108"/>
                  <a:gd name="connsiteX14" fmla="*/ 1921557 w 2828757"/>
                  <a:gd name="connsiteY14" fmla="*/ 41469 h 1273108"/>
                  <a:gd name="connsiteX15" fmla="*/ 2115245 w 2828757"/>
                  <a:gd name="connsiteY15" fmla="*/ 159798 h 1273108"/>
                  <a:gd name="connsiteX16" fmla="*/ 2331552 w 2828757"/>
                  <a:gd name="connsiteY16" fmla="*/ 317274 h 1273108"/>
                  <a:gd name="connsiteX17" fmla="*/ 2517179 w 2828757"/>
                  <a:gd name="connsiteY17" fmla="*/ 558183 h 1273108"/>
                  <a:gd name="connsiteX18" fmla="*/ 2664450 w 2828757"/>
                  <a:gd name="connsiteY18" fmla="*/ 808764 h 1273108"/>
                  <a:gd name="connsiteX19" fmla="*/ 2763363 w 2828757"/>
                  <a:gd name="connsiteY19" fmla="*/ 1048040 h 1273108"/>
                  <a:gd name="connsiteX20" fmla="*/ 2828757 w 2828757"/>
                  <a:gd name="connsiteY20" fmla="*/ 1273108 h 1273108"/>
                  <a:gd name="connsiteX21" fmla="*/ 0 w 2828757"/>
                  <a:gd name="connsiteY21"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82711 w 2828757"/>
                  <a:gd name="connsiteY4" fmla="*/ 741613 h 1273108"/>
                  <a:gd name="connsiteX5" fmla="*/ 248261 w 2828757"/>
                  <a:gd name="connsiteY5" fmla="*/ 579064 h 1273108"/>
                  <a:gd name="connsiteX6" fmla="*/ 384510 w 2828757"/>
                  <a:gd name="connsiteY6" fmla="*/ 407301 h 1273108"/>
                  <a:gd name="connsiteX7" fmla="*/ 454957 w 2828757"/>
                  <a:gd name="connsiteY7" fmla="*/ 337085 h 1273108"/>
                  <a:gd name="connsiteX8" fmla="*/ 571331 w 2828757"/>
                  <a:gd name="connsiteY8" fmla="*/ 272983 h 1273108"/>
                  <a:gd name="connsiteX9" fmla="*/ 761229 w 2828757"/>
                  <a:gd name="connsiteY9" fmla="*/ 136152 h 1273108"/>
                  <a:gd name="connsiteX10" fmla="*/ 989325 w 2828757"/>
                  <a:gd name="connsiteY10" fmla="*/ 26552 h 1273108"/>
                  <a:gd name="connsiteX11" fmla="*/ 1203703 w 2828757"/>
                  <a:gd name="connsiteY11" fmla="*/ 21790 h 1273108"/>
                  <a:gd name="connsiteX12" fmla="*/ 1418580 w 2828757"/>
                  <a:gd name="connsiteY12" fmla="*/ 117249 h 1273108"/>
                  <a:gd name="connsiteX13" fmla="*/ 1529377 w 2828757"/>
                  <a:gd name="connsiteY13" fmla="*/ 48477 h 1273108"/>
                  <a:gd name="connsiteX14" fmla="*/ 1664733 w 2828757"/>
                  <a:gd name="connsiteY14" fmla="*/ 60 h 1273108"/>
                  <a:gd name="connsiteX15" fmla="*/ 1921557 w 2828757"/>
                  <a:gd name="connsiteY15" fmla="*/ 41469 h 1273108"/>
                  <a:gd name="connsiteX16" fmla="*/ 2115245 w 2828757"/>
                  <a:gd name="connsiteY16" fmla="*/ 159798 h 1273108"/>
                  <a:gd name="connsiteX17" fmla="*/ 2331552 w 2828757"/>
                  <a:gd name="connsiteY17" fmla="*/ 317274 h 1273108"/>
                  <a:gd name="connsiteX18" fmla="*/ 2517179 w 2828757"/>
                  <a:gd name="connsiteY18" fmla="*/ 558183 h 1273108"/>
                  <a:gd name="connsiteX19" fmla="*/ 2664450 w 2828757"/>
                  <a:gd name="connsiteY19" fmla="*/ 808764 h 1273108"/>
                  <a:gd name="connsiteX20" fmla="*/ 2763363 w 2828757"/>
                  <a:gd name="connsiteY20" fmla="*/ 1048040 h 1273108"/>
                  <a:gd name="connsiteX21" fmla="*/ 2828757 w 2828757"/>
                  <a:gd name="connsiteY21" fmla="*/ 1273108 h 1273108"/>
                  <a:gd name="connsiteX22" fmla="*/ 0 w 2828757"/>
                  <a:gd name="connsiteY22"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82711 w 2828757"/>
                  <a:gd name="connsiteY4" fmla="*/ 741613 h 1273108"/>
                  <a:gd name="connsiteX5" fmla="*/ 248261 w 2828757"/>
                  <a:gd name="connsiteY5" fmla="*/ 579064 h 1273108"/>
                  <a:gd name="connsiteX6" fmla="*/ 384510 w 2828757"/>
                  <a:gd name="connsiteY6" fmla="*/ 407301 h 1273108"/>
                  <a:gd name="connsiteX7" fmla="*/ 454957 w 2828757"/>
                  <a:gd name="connsiteY7" fmla="*/ 337085 h 1273108"/>
                  <a:gd name="connsiteX8" fmla="*/ 571331 w 2828757"/>
                  <a:gd name="connsiteY8" fmla="*/ 272983 h 1273108"/>
                  <a:gd name="connsiteX9" fmla="*/ 761229 w 2828757"/>
                  <a:gd name="connsiteY9" fmla="*/ 136152 h 1273108"/>
                  <a:gd name="connsiteX10" fmla="*/ 989325 w 2828757"/>
                  <a:gd name="connsiteY10" fmla="*/ 26552 h 1273108"/>
                  <a:gd name="connsiteX11" fmla="*/ 1203703 w 2828757"/>
                  <a:gd name="connsiteY11" fmla="*/ 21790 h 1273108"/>
                  <a:gd name="connsiteX12" fmla="*/ 1418580 w 2828757"/>
                  <a:gd name="connsiteY12" fmla="*/ 117249 h 1273108"/>
                  <a:gd name="connsiteX13" fmla="*/ 1529377 w 2828757"/>
                  <a:gd name="connsiteY13" fmla="*/ 48477 h 1273108"/>
                  <a:gd name="connsiteX14" fmla="*/ 1664733 w 2828757"/>
                  <a:gd name="connsiteY14" fmla="*/ 60 h 1273108"/>
                  <a:gd name="connsiteX15" fmla="*/ 1921557 w 2828757"/>
                  <a:gd name="connsiteY15" fmla="*/ 41469 h 1273108"/>
                  <a:gd name="connsiteX16" fmla="*/ 2115245 w 2828757"/>
                  <a:gd name="connsiteY16" fmla="*/ 159798 h 1273108"/>
                  <a:gd name="connsiteX17" fmla="*/ 2331552 w 2828757"/>
                  <a:gd name="connsiteY17" fmla="*/ 317274 h 1273108"/>
                  <a:gd name="connsiteX18" fmla="*/ 2517179 w 2828757"/>
                  <a:gd name="connsiteY18" fmla="*/ 558183 h 1273108"/>
                  <a:gd name="connsiteX19" fmla="*/ 2664450 w 2828757"/>
                  <a:gd name="connsiteY19" fmla="*/ 808764 h 1273108"/>
                  <a:gd name="connsiteX20" fmla="*/ 2763363 w 2828757"/>
                  <a:gd name="connsiteY20" fmla="*/ 1048040 h 1273108"/>
                  <a:gd name="connsiteX21" fmla="*/ 2828757 w 2828757"/>
                  <a:gd name="connsiteY21" fmla="*/ 1273108 h 1273108"/>
                  <a:gd name="connsiteX22" fmla="*/ 0 w 2828757"/>
                  <a:gd name="connsiteY22" fmla="*/ 1265964 h 1273108"/>
                  <a:gd name="connsiteX0" fmla="*/ 0 w 2828757"/>
                  <a:gd name="connsiteY0" fmla="*/ 1265964 h 1273108"/>
                  <a:gd name="connsiteX1" fmla="*/ 30212 w 2828757"/>
                  <a:gd name="connsiteY1" fmla="*/ 1158572 h 1273108"/>
                  <a:gd name="connsiteX2" fmla="*/ 70425 w 2828757"/>
                  <a:gd name="connsiteY2" fmla="*/ 1055814 h 1273108"/>
                  <a:gd name="connsiteX3" fmla="*/ 125671 w 2828757"/>
                  <a:gd name="connsiteY3" fmla="*/ 904851 h 1273108"/>
                  <a:gd name="connsiteX4" fmla="*/ 140632 w 2828757"/>
                  <a:gd name="connsiteY4" fmla="*/ 794285 h 1273108"/>
                  <a:gd name="connsiteX5" fmla="*/ 182711 w 2828757"/>
                  <a:gd name="connsiteY5" fmla="*/ 741613 h 1273108"/>
                  <a:gd name="connsiteX6" fmla="*/ 248261 w 2828757"/>
                  <a:gd name="connsiteY6" fmla="*/ 579064 h 1273108"/>
                  <a:gd name="connsiteX7" fmla="*/ 384510 w 2828757"/>
                  <a:gd name="connsiteY7" fmla="*/ 407301 h 1273108"/>
                  <a:gd name="connsiteX8" fmla="*/ 454957 w 2828757"/>
                  <a:gd name="connsiteY8" fmla="*/ 337085 h 1273108"/>
                  <a:gd name="connsiteX9" fmla="*/ 571331 w 2828757"/>
                  <a:gd name="connsiteY9" fmla="*/ 272983 h 1273108"/>
                  <a:gd name="connsiteX10" fmla="*/ 761229 w 2828757"/>
                  <a:gd name="connsiteY10" fmla="*/ 136152 h 1273108"/>
                  <a:gd name="connsiteX11" fmla="*/ 989325 w 2828757"/>
                  <a:gd name="connsiteY11" fmla="*/ 26552 h 1273108"/>
                  <a:gd name="connsiteX12" fmla="*/ 1203703 w 2828757"/>
                  <a:gd name="connsiteY12" fmla="*/ 21790 h 1273108"/>
                  <a:gd name="connsiteX13" fmla="*/ 1418580 w 2828757"/>
                  <a:gd name="connsiteY13" fmla="*/ 117249 h 1273108"/>
                  <a:gd name="connsiteX14" fmla="*/ 1529377 w 2828757"/>
                  <a:gd name="connsiteY14" fmla="*/ 48477 h 1273108"/>
                  <a:gd name="connsiteX15" fmla="*/ 1664733 w 2828757"/>
                  <a:gd name="connsiteY15" fmla="*/ 60 h 1273108"/>
                  <a:gd name="connsiteX16" fmla="*/ 1921557 w 2828757"/>
                  <a:gd name="connsiteY16" fmla="*/ 41469 h 1273108"/>
                  <a:gd name="connsiteX17" fmla="*/ 2115245 w 2828757"/>
                  <a:gd name="connsiteY17" fmla="*/ 159798 h 1273108"/>
                  <a:gd name="connsiteX18" fmla="*/ 2331552 w 2828757"/>
                  <a:gd name="connsiteY18" fmla="*/ 317274 h 1273108"/>
                  <a:gd name="connsiteX19" fmla="*/ 2517179 w 2828757"/>
                  <a:gd name="connsiteY19" fmla="*/ 558183 h 1273108"/>
                  <a:gd name="connsiteX20" fmla="*/ 2664450 w 2828757"/>
                  <a:gd name="connsiteY20" fmla="*/ 808764 h 1273108"/>
                  <a:gd name="connsiteX21" fmla="*/ 2763363 w 2828757"/>
                  <a:gd name="connsiteY21" fmla="*/ 1048040 h 1273108"/>
                  <a:gd name="connsiteX22" fmla="*/ 2828757 w 2828757"/>
                  <a:gd name="connsiteY22" fmla="*/ 1273108 h 1273108"/>
                  <a:gd name="connsiteX23" fmla="*/ 0 w 2828757"/>
                  <a:gd name="connsiteY23" fmla="*/ 1265964 h 1273108"/>
                  <a:gd name="connsiteX0" fmla="*/ 0 w 2828757"/>
                  <a:gd name="connsiteY0" fmla="*/ 1265964 h 1273108"/>
                  <a:gd name="connsiteX1" fmla="*/ 67360 w 2828757"/>
                  <a:gd name="connsiteY1" fmla="*/ 1215722 h 1273108"/>
                  <a:gd name="connsiteX2" fmla="*/ 70425 w 2828757"/>
                  <a:gd name="connsiteY2" fmla="*/ 1055814 h 1273108"/>
                  <a:gd name="connsiteX3" fmla="*/ 125671 w 2828757"/>
                  <a:gd name="connsiteY3" fmla="*/ 904851 h 1273108"/>
                  <a:gd name="connsiteX4" fmla="*/ 140632 w 2828757"/>
                  <a:gd name="connsiteY4" fmla="*/ 794285 h 1273108"/>
                  <a:gd name="connsiteX5" fmla="*/ 182711 w 2828757"/>
                  <a:gd name="connsiteY5" fmla="*/ 741613 h 1273108"/>
                  <a:gd name="connsiteX6" fmla="*/ 248261 w 2828757"/>
                  <a:gd name="connsiteY6" fmla="*/ 579064 h 1273108"/>
                  <a:gd name="connsiteX7" fmla="*/ 384510 w 2828757"/>
                  <a:gd name="connsiteY7" fmla="*/ 407301 h 1273108"/>
                  <a:gd name="connsiteX8" fmla="*/ 454957 w 2828757"/>
                  <a:gd name="connsiteY8" fmla="*/ 337085 h 1273108"/>
                  <a:gd name="connsiteX9" fmla="*/ 571331 w 2828757"/>
                  <a:gd name="connsiteY9" fmla="*/ 272983 h 1273108"/>
                  <a:gd name="connsiteX10" fmla="*/ 761229 w 2828757"/>
                  <a:gd name="connsiteY10" fmla="*/ 136152 h 1273108"/>
                  <a:gd name="connsiteX11" fmla="*/ 989325 w 2828757"/>
                  <a:gd name="connsiteY11" fmla="*/ 26552 h 1273108"/>
                  <a:gd name="connsiteX12" fmla="*/ 1203703 w 2828757"/>
                  <a:gd name="connsiteY12" fmla="*/ 21790 h 1273108"/>
                  <a:gd name="connsiteX13" fmla="*/ 1418580 w 2828757"/>
                  <a:gd name="connsiteY13" fmla="*/ 117249 h 1273108"/>
                  <a:gd name="connsiteX14" fmla="*/ 1529377 w 2828757"/>
                  <a:gd name="connsiteY14" fmla="*/ 48477 h 1273108"/>
                  <a:gd name="connsiteX15" fmla="*/ 1664733 w 2828757"/>
                  <a:gd name="connsiteY15" fmla="*/ 60 h 1273108"/>
                  <a:gd name="connsiteX16" fmla="*/ 1921557 w 2828757"/>
                  <a:gd name="connsiteY16" fmla="*/ 41469 h 1273108"/>
                  <a:gd name="connsiteX17" fmla="*/ 2115245 w 2828757"/>
                  <a:gd name="connsiteY17" fmla="*/ 159798 h 1273108"/>
                  <a:gd name="connsiteX18" fmla="*/ 2331552 w 2828757"/>
                  <a:gd name="connsiteY18" fmla="*/ 317274 h 1273108"/>
                  <a:gd name="connsiteX19" fmla="*/ 2517179 w 2828757"/>
                  <a:gd name="connsiteY19" fmla="*/ 558183 h 1273108"/>
                  <a:gd name="connsiteX20" fmla="*/ 2664450 w 2828757"/>
                  <a:gd name="connsiteY20" fmla="*/ 808764 h 1273108"/>
                  <a:gd name="connsiteX21" fmla="*/ 2763363 w 2828757"/>
                  <a:gd name="connsiteY21" fmla="*/ 1048040 h 1273108"/>
                  <a:gd name="connsiteX22" fmla="*/ 2828757 w 2828757"/>
                  <a:gd name="connsiteY22" fmla="*/ 1273108 h 1273108"/>
                  <a:gd name="connsiteX23" fmla="*/ 0 w 2828757"/>
                  <a:gd name="connsiteY23" fmla="*/ 1265964 h 1273108"/>
                  <a:gd name="connsiteX0" fmla="*/ 0 w 2828757"/>
                  <a:gd name="connsiteY0" fmla="*/ 1265964 h 1273108"/>
                  <a:gd name="connsiteX1" fmla="*/ 67360 w 2828757"/>
                  <a:gd name="connsiteY1" fmla="*/ 1215722 h 1273108"/>
                  <a:gd name="connsiteX2" fmla="*/ 52049 w 2828757"/>
                  <a:gd name="connsiteY2" fmla="*/ 1137185 h 1273108"/>
                  <a:gd name="connsiteX3" fmla="*/ 70425 w 2828757"/>
                  <a:gd name="connsiteY3" fmla="*/ 1055814 h 1273108"/>
                  <a:gd name="connsiteX4" fmla="*/ 125671 w 2828757"/>
                  <a:gd name="connsiteY4" fmla="*/ 904851 h 1273108"/>
                  <a:gd name="connsiteX5" fmla="*/ 140632 w 2828757"/>
                  <a:gd name="connsiteY5" fmla="*/ 794285 h 1273108"/>
                  <a:gd name="connsiteX6" fmla="*/ 182711 w 2828757"/>
                  <a:gd name="connsiteY6" fmla="*/ 741613 h 1273108"/>
                  <a:gd name="connsiteX7" fmla="*/ 248261 w 2828757"/>
                  <a:gd name="connsiteY7" fmla="*/ 579064 h 1273108"/>
                  <a:gd name="connsiteX8" fmla="*/ 384510 w 2828757"/>
                  <a:gd name="connsiteY8" fmla="*/ 407301 h 1273108"/>
                  <a:gd name="connsiteX9" fmla="*/ 454957 w 2828757"/>
                  <a:gd name="connsiteY9" fmla="*/ 337085 h 1273108"/>
                  <a:gd name="connsiteX10" fmla="*/ 571331 w 2828757"/>
                  <a:gd name="connsiteY10" fmla="*/ 272983 h 1273108"/>
                  <a:gd name="connsiteX11" fmla="*/ 761229 w 2828757"/>
                  <a:gd name="connsiteY11" fmla="*/ 136152 h 1273108"/>
                  <a:gd name="connsiteX12" fmla="*/ 989325 w 2828757"/>
                  <a:gd name="connsiteY12" fmla="*/ 26552 h 1273108"/>
                  <a:gd name="connsiteX13" fmla="*/ 1203703 w 2828757"/>
                  <a:gd name="connsiteY13" fmla="*/ 21790 h 1273108"/>
                  <a:gd name="connsiteX14" fmla="*/ 1418580 w 2828757"/>
                  <a:gd name="connsiteY14" fmla="*/ 117249 h 1273108"/>
                  <a:gd name="connsiteX15" fmla="*/ 1529377 w 2828757"/>
                  <a:gd name="connsiteY15" fmla="*/ 48477 h 1273108"/>
                  <a:gd name="connsiteX16" fmla="*/ 1664733 w 2828757"/>
                  <a:gd name="connsiteY16" fmla="*/ 60 h 1273108"/>
                  <a:gd name="connsiteX17" fmla="*/ 1921557 w 2828757"/>
                  <a:gd name="connsiteY17" fmla="*/ 41469 h 1273108"/>
                  <a:gd name="connsiteX18" fmla="*/ 2115245 w 2828757"/>
                  <a:gd name="connsiteY18" fmla="*/ 159798 h 1273108"/>
                  <a:gd name="connsiteX19" fmla="*/ 2331552 w 2828757"/>
                  <a:gd name="connsiteY19" fmla="*/ 317274 h 1273108"/>
                  <a:gd name="connsiteX20" fmla="*/ 2517179 w 2828757"/>
                  <a:gd name="connsiteY20" fmla="*/ 558183 h 1273108"/>
                  <a:gd name="connsiteX21" fmla="*/ 2664450 w 2828757"/>
                  <a:gd name="connsiteY21" fmla="*/ 808764 h 1273108"/>
                  <a:gd name="connsiteX22" fmla="*/ 2763363 w 2828757"/>
                  <a:gd name="connsiteY22" fmla="*/ 1048040 h 1273108"/>
                  <a:gd name="connsiteX23" fmla="*/ 2828757 w 2828757"/>
                  <a:gd name="connsiteY23" fmla="*/ 1273108 h 1273108"/>
                  <a:gd name="connsiteX24" fmla="*/ 0 w 2828757"/>
                  <a:gd name="connsiteY24" fmla="*/ 1265964 h 1273108"/>
                  <a:gd name="connsiteX0" fmla="*/ 13689 w 2776723"/>
                  <a:gd name="connsiteY0" fmla="*/ 1225959 h 1273108"/>
                  <a:gd name="connsiteX1" fmla="*/ 15326 w 2776723"/>
                  <a:gd name="connsiteY1" fmla="*/ 1215722 h 1273108"/>
                  <a:gd name="connsiteX2" fmla="*/ 15 w 2776723"/>
                  <a:gd name="connsiteY2" fmla="*/ 1137185 h 1273108"/>
                  <a:gd name="connsiteX3" fmla="*/ 18391 w 2776723"/>
                  <a:gd name="connsiteY3" fmla="*/ 1055814 h 1273108"/>
                  <a:gd name="connsiteX4" fmla="*/ 73637 w 2776723"/>
                  <a:gd name="connsiteY4" fmla="*/ 904851 h 1273108"/>
                  <a:gd name="connsiteX5" fmla="*/ 88598 w 2776723"/>
                  <a:gd name="connsiteY5" fmla="*/ 794285 h 1273108"/>
                  <a:gd name="connsiteX6" fmla="*/ 130677 w 2776723"/>
                  <a:gd name="connsiteY6" fmla="*/ 741613 h 1273108"/>
                  <a:gd name="connsiteX7" fmla="*/ 196227 w 2776723"/>
                  <a:gd name="connsiteY7" fmla="*/ 579064 h 1273108"/>
                  <a:gd name="connsiteX8" fmla="*/ 332476 w 2776723"/>
                  <a:gd name="connsiteY8" fmla="*/ 407301 h 1273108"/>
                  <a:gd name="connsiteX9" fmla="*/ 402923 w 2776723"/>
                  <a:gd name="connsiteY9" fmla="*/ 337085 h 1273108"/>
                  <a:gd name="connsiteX10" fmla="*/ 519297 w 2776723"/>
                  <a:gd name="connsiteY10" fmla="*/ 272983 h 1273108"/>
                  <a:gd name="connsiteX11" fmla="*/ 709195 w 2776723"/>
                  <a:gd name="connsiteY11" fmla="*/ 136152 h 1273108"/>
                  <a:gd name="connsiteX12" fmla="*/ 937291 w 2776723"/>
                  <a:gd name="connsiteY12" fmla="*/ 26552 h 1273108"/>
                  <a:gd name="connsiteX13" fmla="*/ 1151669 w 2776723"/>
                  <a:gd name="connsiteY13" fmla="*/ 21790 h 1273108"/>
                  <a:gd name="connsiteX14" fmla="*/ 1366546 w 2776723"/>
                  <a:gd name="connsiteY14" fmla="*/ 117249 h 1273108"/>
                  <a:gd name="connsiteX15" fmla="*/ 1477343 w 2776723"/>
                  <a:gd name="connsiteY15" fmla="*/ 48477 h 1273108"/>
                  <a:gd name="connsiteX16" fmla="*/ 1612699 w 2776723"/>
                  <a:gd name="connsiteY16" fmla="*/ 60 h 1273108"/>
                  <a:gd name="connsiteX17" fmla="*/ 1869523 w 2776723"/>
                  <a:gd name="connsiteY17" fmla="*/ 41469 h 1273108"/>
                  <a:gd name="connsiteX18" fmla="*/ 2063211 w 2776723"/>
                  <a:gd name="connsiteY18" fmla="*/ 159798 h 1273108"/>
                  <a:gd name="connsiteX19" fmla="*/ 2279518 w 2776723"/>
                  <a:gd name="connsiteY19" fmla="*/ 317274 h 1273108"/>
                  <a:gd name="connsiteX20" fmla="*/ 2465145 w 2776723"/>
                  <a:gd name="connsiteY20" fmla="*/ 558183 h 1273108"/>
                  <a:gd name="connsiteX21" fmla="*/ 2612416 w 2776723"/>
                  <a:gd name="connsiteY21" fmla="*/ 808764 h 1273108"/>
                  <a:gd name="connsiteX22" fmla="*/ 2711329 w 2776723"/>
                  <a:gd name="connsiteY22" fmla="*/ 1048040 h 1273108"/>
                  <a:gd name="connsiteX23" fmla="*/ 2776723 w 2776723"/>
                  <a:gd name="connsiteY23" fmla="*/ 1273108 h 1273108"/>
                  <a:gd name="connsiteX24" fmla="*/ 13689 w 2776723"/>
                  <a:gd name="connsiteY24" fmla="*/ 1225959 h 1273108"/>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65145 w 2711329"/>
                  <a:gd name="connsiteY20" fmla="*/ 558183 h 1253105"/>
                  <a:gd name="connsiteX21" fmla="*/ 2612416 w 2711329"/>
                  <a:gd name="connsiteY21" fmla="*/ 808764 h 1253105"/>
                  <a:gd name="connsiteX22" fmla="*/ 2711329 w 2711329"/>
                  <a:gd name="connsiteY22" fmla="*/ 1048040 h 1253105"/>
                  <a:gd name="connsiteX23" fmla="*/ 2711001 w 2711329"/>
                  <a:gd name="connsiteY23" fmla="*/ 1253105 h 1253105"/>
                  <a:gd name="connsiteX24" fmla="*/ 13689 w 2711329"/>
                  <a:gd name="connsiteY24"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96577 w 2711329"/>
                  <a:gd name="connsiteY20" fmla="*/ 541038 h 1253105"/>
                  <a:gd name="connsiteX21" fmla="*/ 2612416 w 2711329"/>
                  <a:gd name="connsiteY21" fmla="*/ 808764 h 1253105"/>
                  <a:gd name="connsiteX22" fmla="*/ 2711329 w 2711329"/>
                  <a:gd name="connsiteY22" fmla="*/ 1048040 h 1253105"/>
                  <a:gd name="connsiteX23" fmla="*/ 2711001 w 2711329"/>
                  <a:gd name="connsiteY23" fmla="*/ 1253105 h 1253105"/>
                  <a:gd name="connsiteX24" fmla="*/ 13689 w 2711329"/>
                  <a:gd name="connsiteY24"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03173 w 2711329"/>
                  <a:gd name="connsiteY20" fmla="*/ 411381 h 1253105"/>
                  <a:gd name="connsiteX21" fmla="*/ 2496577 w 2711329"/>
                  <a:gd name="connsiteY21" fmla="*/ 541038 h 1253105"/>
                  <a:gd name="connsiteX22" fmla="*/ 2612416 w 2711329"/>
                  <a:gd name="connsiteY22" fmla="*/ 808764 h 1253105"/>
                  <a:gd name="connsiteX23" fmla="*/ 2711329 w 2711329"/>
                  <a:gd name="connsiteY23" fmla="*/ 1048040 h 1253105"/>
                  <a:gd name="connsiteX24" fmla="*/ 2711001 w 2711329"/>
                  <a:gd name="connsiteY24" fmla="*/ 1253105 h 1253105"/>
                  <a:gd name="connsiteX25" fmla="*/ 13689 w 2711329"/>
                  <a:gd name="connsiteY25"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03173 w 2711329"/>
                  <a:gd name="connsiteY20" fmla="*/ 411381 h 1253105"/>
                  <a:gd name="connsiteX21" fmla="*/ 2454608 w 2711329"/>
                  <a:gd name="connsiteY21" fmla="*/ 485676 h 1253105"/>
                  <a:gd name="connsiteX22" fmla="*/ 2496577 w 2711329"/>
                  <a:gd name="connsiteY22" fmla="*/ 541038 h 1253105"/>
                  <a:gd name="connsiteX23" fmla="*/ 2612416 w 2711329"/>
                  <a:gd name="connsiteY23" fmla="*/ 808764 h 1253105"/>
                  <a:gd name="connsiteX24" fmla="*/ 2711329 w 2711329"/>
                  <a:gd name="connsiteY24" fmla="*/ 1048040 h 1253105"/>
                  <a:gd name="connsiteX25" fmla="*/ 2711001 w 2711329"/>
                  <a:gd name="connsiteY25" fmla="*/ 1253105 h 1253105"/>
                  <a:gd name="connsiteX26" fmla="*/ 13689 w 2711329"/>
                  <a:gd name="connsiteY26"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03173 w 2711329"/>
                  <a:gd name="connsiteY20" fmla="*/ 411381 h 1253105"/>
                  <a:gd name="connsiteX21" fmla="*/ 2454608 w 2711329"/>
                  <a:gd name="connsiteY21" fmla="*/ 485676 h 1253105"/>
                  <a:gd name="connsiteX22" fmla="*/ 2496577 w 2711329"/>
                  <a:gd name="connsiteY22" fmla="*/ 541038 h 1253105"/>
                  <a:gd name="connsiteX23" fmla="*/ 2557478 w 2711329"/>
                  <a:gd name="connsiteY23" fmla="*/ 662841 h 1253105"/>
                  <a:gd name="connsiteX24" fmla="*/ 2612416 w 2711329"/>
                  <a:gd name="connsiteY24" fmla="*/ 808764 h 1253105"/>
                  <a:gd name="connsiteX25" fmla="*/ 2711329 w 2711329"/>
                  <a:gd name="connsiteY25" fmla="*/ 1048040 h 1253105"/>
                  <a:gd name="connsiteX26" fmla="*/ 2711001 w 2711329"/>
                  <a:gd name="connsiteY26" fmla="*/ 1253105 h 1253105"/>
                  <a:gd name="connsiteX27" fmla="*/ 13689 w 2711329"/>
                  <a:gd name="connsiteY27"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03173 w 2711329"/>
                  <a:gd name="connsiteY20" fmla="*/ 411381 h 1253105"/>
                  <a:gd name="connsiteX21" fmla="*/ 2454608 w 2711329"/>
                  <a:gd name="connsiteY21" fmla="*/ 485676 h 1253105"/>
                  <a:gd name="connsiteX22" fmla="*/ 2496577 w 2711329"/>
                  <a:gd name="connsiteY22" fmla="*/ 541038 h 1253105"/>
                  <a:gd name="connsiteX23" fmla="*/ 2557478 w 2711329"/>
                  <a:gd name="connsiteY23" fmla="*/ 662841 h 1253105"/>
                  <a:gd name="connsiteX24" fmla="*/ 2614628 w 2711329"/>
                  <a:gd name="connsiteY24" fmla="*/ 774283 h 1253105"/>
                  <a:gd name="connsiteX25" fmla="*/ 2612416 w 2711329"/>
                  <a:gd name="connsiteY25" fmla="*/ 808764 h 1253105"/>
                  <a:gd name="connsiteX26" fmla="*/ 2711329 w 2711329"/>
                  <a:gd name="connsiteY26" fmla="*/ 1048040 h 1253105"/>
                  <a:gd name="connsiteX27" fmla="*/ 2711001 w 2711329"/>
                  <a:gd name="connsiteY27" fmla="*/ 1253105 h 1253105"/>
                  <a:gd name="connsiteX28" fmla="*/ 13689 w 2711329"/>
                  <a:gd name="connsiteY28" fmla="*/ 1225959 h 1253105"/>
                  <a:gd name="connsiteX0" fmla="*/ 13689 w 2711329"/>
                  <a:gd name="connsiteY0" fmla="*/ 1225959 h 1253105"/>
                  <a:gd name="connsiteX1" fmla="*/ 15326 w 2711329"/>
                  <a:gd name="connsiteY1" fmla="*/ 1215722 h 1253105"/>
                  <a:gd name="connsiteX2" fmla="*/ 15 w 2711329"/>
                  <a:gd name="connsiteY2" fmla="*/ 1137185 h 1253105"/>
                  <a:gd name="connsiteX3" fmla="*/ 18391 w 2711329"/>
                  <a:gd name="connsiteY3" fmla="*/ 1055814 h 1253105"/>
                  <a:gd name="connsiteX4" fmla="*/ 73637 w 2711329"/>
                  <a:gd name="connsiteY4" fmla="*/ 904851 h 1253105"/>
                  <a:gd name="connsiteX5" fmla="*/ 88598 w 2711329"/>
                  <a:gd name="connsiteY5" fmla="*/ 794285 h 1253105"/>
                  <a:gd name="connsiteX6" fmla="*/ 130677 w 2711329"/>
                  <a:gd name="connsiteY6" fmla="*/ 741613 h 1253105"/>
                  <a:gd name="connsiteX7" fmla="*/ 196227 w 2711329"/>
                  <a:gd name="connsiteY7" fmla="*/ 579064 h 1253105"/>
                  <a:gd name="connsiteX8" fmla="*/ 332476 w 2711329"/>
                  <a:gd name="connsiteY8" fmla="*/ 407301 h 1253105"/>
                  <a:gd name="connsiteX9" fmla="*/ 402923 w 2711329"/>
                  <a:gd name="connsiteY9" fmla="*/ 337085 h 1253105"/>
                  <a:gd name="connsiteX10" fmla="*/ 519297 w 2711329"/>
                  <a:gd name="connsiteY10" fmla="*/ 272983 h 1253105"/>
                  <a:gd name="connsiteX11" fmla="*/ 709195 w 2711329"/>
                  <a:gd name="connsiteY11" fmla="*/ 136152 h 1253105"/>
                  <a:gd name="connsiteX12" fmla="*/ 937291 w 2711329"/>
                  <a:gd name="connsiteY12" fmla="*/ 26552 h 1253105"/>
                  <a:gd name="connsiteX13" fmla="*/ 1151669 w 2711329"/>
                  <a:gd name="connsiteY13" fmla="*/ 21790 h 1253105"/>
                  <a:gd name="connsiteX14" fmla="*/ 1366546 w 2711329"/>
                  <a:gd name="connsiteY14" fmla="*/ 117249 h 1253105"/>
                  <a:gd name="connsiteX15" fmla="*/ 1477343 w 2711329"/>
                  <a:gd name="connsiteY15" fmla="*/ 48477 h 1253105"/>
                  <a:gd name="connsiteX16" fmla="*/ 1612699 w 2711329"/>
                  <a:gd name="connsiteY16" fmla="*/ 60 h 1253105"/>
                  <a:gd name="connsiteX17" fmla="*/ 1869523 w 2711329"/>
                  <a:gd name="connsiteY17" fmla="*/ 41469 h 1253105"/>
                  <a:gd name="connsiteX18" fmla="*/ 2063211 w 2711329"/>
                  <a:gd name="connsiteY18" fmla="*/ 159798 h 1253105"/>
                  <a:gd name="connsiteX19" fmla="*/ 2279518 w 2711329"/>
                  <a:gd name="connsiteY19" fmla="*/ 317274 h 1253105"/>
                  <a:gd name="connsiteX20" fmla="*/ 2403173 w 2711329"/>
                  <a:gd name="connsiteY20" fmla="*/ 411381 h 1253105"/>
                  <a:gd name="connsiteX21" fmla="*/ 2454608 w 2711329"/>
                  <a:gd name="connsiteY21" fmla="*/ 485676 h 1253105"/>
                  <a:gd name="connsiteX22" fmla="*/ 2496577 w 2711329"/>
                  <a:gd name="connsiteY22" fmla="*/ 541038 h 1253105"/>
                  <a:gd name="connsiteX23" fmla="*/ 2557478 w 2711329"/>
                  <a:gd name="connsiteY23" fmla="*/ 662841 h 1253105"/>
                  <a:gd name="connsiteX24" fmla="*/ 2614628 w 2711329"/>
                  <a:gd name="connsiteY24" fmla="*/ 774283 h 1253105"/>
                  <a:gd name="connsiteX25" fmla="*/ 2612416 w 2711329"/>
                  <a:gd name="connsiteY25" fmla="*/ 808764 h 1253105"/>
                  <a:gd name="connsiteX26" fmla="*/ 2666063 w 2711329"/>
                  <a:gd name="connsiteY26" fmla="*/ 988596 h 1253105"/>
                  <a:gd name="connsiteX27" fmla="*/ 2711329 w 2711329"/>
                  <a:gd name="connsiteY27" fmla="*/ 1048040 h 1253105"/>
                  <a:gd name="connsiteX28" fmla="*/ 2711001 w 2711329"/>
                  <a:gd name="connsiteY28" fmla="*/ 1253105 h 1253105"/>
                  <a:gd name="connsiteX29" fmla="*/ 13689 w 2711329"/>
                  <a:gd name="connsiteY29" fmla="*/ 1225959 h 1253105"/>
                  <a:gd name="connsiteX0" fmla="*/ 13689 w 2711001"/>
                  <a:gd name="connsiteY0" fmla="*/ 1225959 h 1253105"/>
                  <a:gd name="connsiteX1" fmla="*/ 15326 w 2711001"/>
                  <a:gd name="connsiteY1" fmla="*/ 1215722 h 1253105"/>
                  <a:gd name="connsiteX2" fmla="*/ 15 w 2711001"/>
                  <a:gd name="connsiteY2" fmla="*/ 1137185 h 1253105"/>
                  <a:gd name="connsiteX3" fmla="*/ 18391 w 2711001"/>
                  <a:gd name="connsiteY3" fmla="*/ 1055814 h 1253105"/>
                  <a:gd name="connsiteX4" fmla="*/ 73637 w 2711001"/>
                  <a:gd name="connsiteY4" fmla="*/ 904851 h 1253105"/>
                  <a:gd name="connsiteX5" fmla="*/ 88598 w 2711001"/>
                  <a:gd name="connsiteY5" fmla="*/ 794285 h 1253105"/>
                  <a:gd name="connsiteX6" fmla="*/ 130677 w 2711001"/>
                  <a:gd name="connsiteY6" fmla="*/ 741613 h 1253105"/>
                  <a:gd name="connsiteX7" fmla="*/ 196227 w 2711001"/>
                  <a:gd name="connsiteY7" fmla="*/ 579064 h 1253105"/>
                  <a:gd name="connsiteX8" fmla="*/ 332476 w 2711001"/>
                  <a:gd name="connsiteY8" fmla="*/ 407301 h 1253105"/>
                  <a:gd name="connsiteX9" fmla="*/ 402923 w 2711001"/>
                  <a:gd name="connsiteY9" fmla="*/ 337085 h 1253105"/>
                  <a:gd name="connsiteX10" fmla="*/ 519297 w 2711001"/>
                  <a:gd name="connsiteY10" fmla="*/ 272983 h 1253105"/>
                  <a:gd name="connsiteX11" fmla="*/ 709195 w 2711001"/>
                  <a:gd name="connsiteY11" fmla="*/ 136152 h 1253105"/>
                  <a:gd name="connsiteX12" fmla="*/ 937291 w 2711001"/>
                  <a:gd name="connsiteY12" fmla="*/ 26552 h 1253105"/>
                  <a:gd name="connsiteX13" fmla="*/ 1151669 w 2711001"/>
                  <a:gd name="connsiteY13" fmla="*/ 21790 h 1253105"/>
                  <a:gd name="connsiteX14" fmla="*/ 1366546 w 2711001"/>
                  <a:gd name="connsiteY14" fmla="*/ 117249 h 1253105"/>
                  <a:gd name="connsiteX15" fmla="*/ 1477343 w 2711001"/>
                  <a:gd name="connsiteY15" fmla="*/ 48477 h 1253105"/>
                  <a:gd name="connsiteX16" fmla="*/ 1612699 w 2711001"/>
                  <a:gd name="connsiteY16" fmla="*/ 60 h 1253105"/>
                  <a:gd name="connsiteX17" fmla="*/ 1869523 w 2711001"/>
                  <a:gd name="connsiteY17" fmla="*/ 41469 h 1253105"/>
                  <a:gd name="connsiteX18" fmla="*/ 2063211 w 2711001"/>
                  <a:gd name="connsiteY18" fmla="*/ 159798 h 1253105"/>
                  <a:gd name="connsiteX19" fmla="*/ 2279518 w 2711001"/>
                  <a:gd name="connsiteY19" fmla="*/ 317274 h 1253105"/>
                  <a:gd name="connsiteX20" fmla="*/ 2403173 w 2711001"/>
                  <a:gd name="connsiteY20" fmla="*/ 411381 h 1253105"/>
                  <a:gd name="connsiteX21" fmla="*/ 2454608 w 2711001"/>
                  <a:gd name="connsiteY21" fmla="*/ 485676 h 1253105"/>
                  <a:gd name="connsiteX22" fmla="*/ 2496577 w 2711001"/>
                  <a:gd name="connsiteY22" fmla="*/ 541038 h 1253105"/>
                  <a:gd name="connsiteX23" fmla="*/ 2557478 w 2711001"/>
                  <a:gd name="connsiteY23" fmla="*/ 662841 h 1253105"/>
                  <a:gd name="connsiteX24" fmla="*/ 2614628 w 2711001"/>
                  <a:gd name="connsiteY24" fmla="*/ 774283 h 1253105"/>
                  <a:gd name="connsiteX25" fmla="*/ 2612416 w 2711001"/>
                  <a:gd name="connsiteY25" fmla="*/ 808764 h 1253105"/>
                  <a:gd name="connsiteX26" fmla="*/ 2666063 w 2711001"/>
                  <a:gd name="connsiteY26" fmla="*/ 988596 h 1253105"/>
                  <a:gd name="connsiteX27" fmla="*/ 2685611 w 2711001"/>
                  <a:gd name="connsiteY27" fmla="*/ 1048040 h 1253105"/>
                  <a:gd name="connsiteX28" fmla="*/ 2711001 w 2711001"/>
                  <a:gd name="connsiteY28" fmla="*/ 1253105 h 1253105"/>
                  <a:gd name="connsiteX29" fmla="*/ 13689 w 2711001"/>
                  <a:gd name="connsiteY29" fmla="*/ 1225959 h 1253105"/>
                  <a:gd name="connsiteX0" fmla="*/ 13689 w 2912881"/>
                  <a:gd name="connsiteY0" fmla="*/ 1225959 h 1253105"/>
                  <a:gd name="connsiteX1" fmla="*/ 15326 w 2912881"/>
                  <a:gd name="connsiteY1" fmla="*/ 1215722 h 1253105"/>
                  <a:gd name="connsiteX2" fmla="*/ 15 w 2912881"/>
                  <a:gd name="connsiteY2" fmla="*/ 1137185 h 1253105"/>
                  <a:gd name="connsiteX3" fmla="*/ 18391 w 2912881"/>
                  <a:gd name="connsiteY3" fmla="*/ 1055814 h 1253105"/>
                  <a:gd name="connsiteX4" fmla="*/ 73637 w 2912881"/>
                  <a:gd name="connsiteY4" fmla="*/ 904851 h 1253105"/>
                  <a:gd name="connsiteX5" fmla="*/ 88598 w 2912881"/>
                  <a:gd name="connsiteY5" fmla="*/ 794285 h 1253105"/>
                  <a:gd name="connsiteX6" fmla="*/ 130677 w 2912881"/>
                  <a:gd name="connsiteY6" fmla="*/ 741613 h 1253105"/>
                  <a:gd name="connsiteX7" fmla="*/ 196227 w 2912881"/>
                  <a:gd name="connsiteY7" fmla="*/ 579064 h 1253105"/>
                  <a:gd name="connsiteX8" fmla="*/ 332476 w 2912881"/>
                  <a:gd name="connsiteY8" fmla="*/ 407301 h 1253105"/>
                  <a:gd name="connsiteX9" fmla="*/ 402923 w 2912881"/>
                  <a:gd name="connsiteY9" fmla="*/ 337085 h 1253105"/>
                  <a:gd name="connsiteX10" fmla="*/ 519297 w 2912881"/>
                  <a:gd name="connsiteY10" fmla="*/ 272983 h 1253105"/>
                  <a:gd name="connsiteX11" fmla="*/ 709195 w 2912881"/>
                  <a:gd name="connsiteY11" fmla="*/ 136152 h 1253105"/>
                  <a:gd name="connsiteX12" fmla="*/ 937291 w 2912881"/>
                  <a:gd name="connsiteY12" fmla="*/ 26552 h 1253105"/>
                  <a:gd name="connsiteX13" fmla="*/ 1151669 w 2912881"/>
                  <a:gd name="connsiteY13" fmla="*/ 21790 h 1253105"/>
                  <a:gd name="connsiteX14" fmla="*/ 1366546 w 2912881"/>
                  <a:gd name="connsiteY14" fmla="*/ 117249 h 1253105"/>
                  <a:gd name="connsiteX15" fmla="*/ 1477343 w 2912881"/>
                  <a:gd name="connsiteY15" fmla="*/ 48477 h 1253105"/>
                  <a:gd name="connsiteX16" fmla="*/ 1612699 w 2912881"/>
                  <a:gd name="connsiteY16" fmla="*/ 60 h 1253105"/>
                  <a:gd name="connsiteX17" fmla="*/ 1869523 w 2912881"/>
                  <a:gd name="connsiteY17" fmla="*/ 41469 h 1253105"/>
                  <a:gd name="connsiteX18" fmla="*/ 2063211 w 2912881"/>
                  <a:gd name="connsiteY18" fmla="*/ 159798 h 1253105"/>
                  <a:gd name="connsiteX19" fmla="*/ 2279518 w 2912881"/>
                  <a:gd name="connsiteY19" fmla="*/ 317274 h 1253105"/>
                  <a:gd name="connsiteX20" fmla="*/ 2403173 w 2912881"/>
                  <a:gd name="connsiteY20" fmla="*/ 411381 h 1253105"/>
                  <a:gd name="connsiteX21" fmla="*/ 2454608 w 2912881"/>
                  <a:gd name="connsiteY21" fmla="*/ 485676 h 1253105"/>
                  <a:gd name="connsiteX22" fmla="*/ 2496577 w 2912881"/>
                  <a:gd name="connsiteY22" fmla="*/ 541038 h 1253105"/>
                  <a:gd name="connsiteX23" fmla="*/ 2557478 w 2912881"/>
                  <a:gd name="connsiteY23" fmla="*/ 662841 h 1253105"/>
                  <a:gd name="connsiteX24" fmla="*/ 2614628 w 2912881"/>
                  <a:gd name="connsiteY24" fmla="*/ 774283 h 1253105"/>
                  <a:gd name="connsiteX25" fmla="*/ 2612416 w 2912881"/>
                  <a:gd name="connsiteY25" fmla="*/ 808764 h 1253105"/>
                  <a:gd name="connsiteX26" fmla="*/ 2666063 w 2912881"/>
                  <a:gd name="connsiteY26" fmla="*/ 988596 h 1253105"/>
                  <a:gd name="connsiteX27" fmla="*/ 2685611 w 2912881"/>
                  <a:gd name="connsiteY27" fmla="*/ 1048040 h 1253105"/>
                  <a:gd name="connsiteX28" fmla="*/ 2717498 w 2912881"/>
                  <a:gd name="connsiteY28" fmla="*/ 1134328 h 1253105"/>
                  <a:gd name="connsiteX29" fmla="*/ 2711001 w 2912881"/>
                  <a:gd name="connsiteY29" fmla="*/ 1253105 h 1253105"/>
                  <a:gd name="connsiteX30" fmla="*/ 13689 w 2912881"/>
                  <a:gd name="connsiteY30" fmla="*/ 1225959 h 1253105"/>
                  <a:gd name="connsiteX0" fmla="*/ 13689 w 2718461"/>
                  <a:gd name="connsiteY0" fmla="*/ 1225959 h 1253105"/>
                  <a:gd name="connsiteX1" fmla="*/ 15326 w 2718461"/>
                  <a:gd name="connsiteY1" fmla="*/ 1215722 h 1253105"/>
                  <a:gd name="connsiteX2" fmla="*/ 15 w 2718461"/>
                  <a:gd name="connsiteY2" fmla="*/ 1137185 h 1253105"/>
                  <a:gd name="connsiteX3" fmla="*/ 18391 w 2718461"/>
                  <a:gd name="connsiteY3" fmla="*/ 1055814 h 1253105"/>
                  <a:gd name="connsiteX4" fmla="*/ 73637 w 2718461"/>
                  <a:gd name="connsiteY4" fmla="*/ 904851 h 1253105"/>
                  <a:gd name="connsiteX5" fmla="*/ 88598 w 2718461"/>
                  <a:gd name="connsiteY5" fmla="*/ 794285 h 1253105"/>
                  <a:gd name="connsiteX6" fmla="*/ 130677 w 2718461"/>
                  <a:gd name="connsiteY6" fmla="*/ 741613 h 1253105"/>
                  <a:gd name="connsiteX7" fmla="*/ 196227 w 2718461"/>
                  <a:gd name="connsiteY7" fmla="*/ 579064 h 1253105"/>
                  <a:gd name="connsiteX8" fmla="*/ 332476 w 2718461"/>
                  <a:gd name="connsiteY8" fmla="*/ 407301 h 1253105"/>
                  <a:gd name="connsiteX9" fmla="*/ 402923 w 2718461"/>
                  <a:gd name="connsiteY9" fmla="*/ 337085 h 1253105"/>
                  <a:gd name="connsiteX10" fmla="*/ 519297 w 2718461"/>
                  <a:gd name="connsiteY10" fmla="*/ 272983 h 1253105"/>
                  <a:gd name="connsiteX11" fmla="*/ 709195 w 2718461"/>
                  <a:gd name="connsiteY11" fmla="*/ 136152 h 1253105"/>
                  <a:gd name="connsiteX12" fmla="*/ 937291 w 2718461"/>
                  <a:gd name="connsiteY12" fmla="*/ 26552 h 1253105"/>
                  <a:gd name="connsiteX13" fmla="*/ 1151669 w 2718461"/>
                  <a:gd name="connsiteY13" fmla="*/ 21790 h 1253105"/>
                  <a:gd name="connsiteX14" fmla="*/ 1366546 w 2718461"/>
                  <a:gd name="connsiteY14" fmla="*/ 117249 h 1253105"/>
                  <a:gd name="connsiteX15" fmla="*/ 1477343 w 2718461"/>
                  <a:gd name="connsiteY15" fmla="*/ 48477 h 1253105"/>
                  <a:gd name="connsiteX16" fmla="*/ 1612699 w 2718461"/>
                  <a:gd name="connsiteY16" fmla="*/ 60 h 1253105"/>
                  <a:gd name="connsiteX17" fmla="*/ 1869523 w 2718461"/>
                  <a:gd name="connsiteY17" fmla="*/ 41469 h 1253105"/>
                  <a:gd name="connsiteX18" fmla="*/ 2063211 w 2718461"/>
                  <a:gd name="connsiteY18" fmla="*/ 159798 h 1253105"/>
                  <a:gd name="connsiteX19" fmla="*/ 2279518 w 2718461"/>
                  <a:gd name="connsiteY19" fmla="*/ 317274 h 1253105"/>
                  <a:gd name="connsiteX20" fmla="*/ 2403173 w 2718461"/>
                  <a:gd name="connsiteY20" fmla="*/ 411381 h 1253105"/>
                  <a:gd name="connsiteX21" fmla="*/ 2454608 w 2718461"/>
                  <a:gd name="connsiteY21" fmla="*/ 485676 h 1253105"/>
                  <a:gd name="connsiteX22" fmla="*/ 2496577 w 2718461"/>
                  <a:gd name="connsiteY22" fmla="*/ 541038 h 1253105"/>
                  <a:gd name="connsiteX23" fmla="*/ 2557478 w 2718461"/>
                  <a:gd name="connsiteY23" fmla="*/ 662841 h 1253105"/>
                  <a:gd name="connsiteX24" fmla="*/ 2614628 w 2718461"/>
                  <a:gd name="connsiteY24" fmla="*/ 774283 h 1253105"/>
                  <a:gd name="connsiteX25" fmla="*/ 2612416 w 2718461"/>
                  <a:gd name="connsiteY25" fmla="*/ 808764 h 1253105"/>
                  <a:gd name="connsiteX26" fmla="*/ 2666063 w 2718461"/>
                  <a:gd name="connsiteY26" fmla="*/ 988596 h 1253105"/>
                  <a:gd name="connsiteX27" fmla="*/ 2685611 w 2718461"/>
                  <a:gd name="connsiteY27" fmla="*/ 1048040 h 1253105"/>
                  <a:gd name="connsiteX28" fmla="*/ 2717498 w 2718461"/>
                  <a:gd name="connsiteY28" fmla="*/ 1134328 h 1253105"/>
                  <a:gd name="connsiteX29" fmla="*/ 2711001 w 2718461"/>
                  <a:gd name="connsiteY29" fmla="*/ 1253105 h 1253105"/>
                  <a:gd name="connsiteX30" fmla="*/ 13689 w 2718461"/>
                  <a:gd name="connsiteY30" fmla="*/ 1225959 h 1253105"/>
                  <a:gd name="connsiteX0" fmla="*/ 13689 w 2718461"/>
                  <a:gd name="connsiteY0" fmla="*/ 1225959 h 1253105"/>
                  <a:gd name="connsiteX1" fmla="*/ 15326 w 2718461"/>
                  <a:gd name="connsiteY1" fmla="*/ 1215722 h 1253105"/>
                  <a:gd name="connsiteX2" fmla="*/ 15 w 2718461"/>
                  <a:gd name="connsiteY2" fmla="*/ 1137185 h 1253105"/>
                  <a:gd name="connsiteX3" fmla="*/ 18391 w 2718461"/>
                  <a:gd name="connsiteY3" fmla="*/ 1055814 h 1253105"/>
                  <a:gd name="connsiteX4" fmla="*/ 73637 w 2718461"/>
                  <a:gd name="connsiteY4" fmla="*/ 904851 h 1253105"/>
                  <a:gd name="connsiteX5" fmla="*/ 88598 w 2718461"/>
                  <a:gd name="connsiteY5" fmla="*/ 794285 h 1253105"/>
                  <a:gd name="connsiteX6" fmla="*/ 130677 w 2718461"/>
                  <a:gd name="connsiteY6" fmla="*/ 741613 h 1253105"/>
                  <a:gd name="connsiteX7" fmla="*/ 196227 w 2718461"/>
                  <a:gd name="connsiteY7" fmla="*/ 579064 h 1253105"/>
                  <a:gd name="connsiteX8" fmla="*/ 332476 w 2718461"/>
                  <a:gd name="connsiteY8" fmla="*/ 407301 h 1253105"/>
                  <a:gd name="connsiteX9" fmla="*/ 402923 w 2718461"/>
                  <a:gd name="connsiteY9" fmla="*/ 337085 h 1253105"/>
                  <a:gd name="connsiteX10" fmla="*/ 519297 w 2718461"/>
                  <a:gd name="connsiteY10" fmla="*/ 272983 h 1253105"/>
                  <a:gd name="connsiteX11" fmla="*/ 709195 w 2718461"/>
                  <a:gd name="connsiteY11" fmla="*/ 136152 h 1253105"/>
                  <a:gd name="connsiteX12" fmla="*/ 937291 w 2718461"/>
                  <a:gd name="connsiteY12" fmla="*/ 26552 h 1253105"/>
                  <a:gd name="connsiteX13" fmla="*/ 1151669 w 2718461"/>
                  <a:gd name="connsiteY13" fmla="*/ 21790 h 1253105"/>
                  <a:gd name="connsiteX14" fmla="*/ 1366546 w 2718461"/>
                  <a:gd name="connsiteY14" fmla="*/ 117249 h 1253105"/>
                  <a:gd name="connsiteX15" fmla="*/ 1477343 w 2718461"/>
                  <a:gd name="connsiteY15" fmla="*/ 48477 h 1253105"/>
                  <a:gd name="connsiteX16" fmla="*/ 1612699 w 2718461"/>
                  <a:gd name="connsiteY16" fmla="*/ 60 h 1253105"/>
                  <a:gd name="connsiteX17" fmla="*/ 1869523 w 2718461"/>
                  <a:gd name="connsiteY17" fmla="*/ 41469 h 1253105"/>
                  <a:gd name="connsiteX18" fmla="*/ 2063211 w 2718461"/>
                  <a:gd name="connsiteY18" fmla="*/ 159798 h 1253105"/>
                  <a:gd name="connsiteX19" fmla="*/ 2279518 w 2718461"/>
                  <a:gd name="connsiteY19" fmla="*/ 317274 h 1253105"/>
                  <a:gd name="connsiteX20" fmla="*/ 2403173 w 2718461"/>
                  <a:gd name="connsiteY20" fmla="*/ 411381 h 1253105"/>
                  <a:gd name="connsiteX21" fmla="*/ 2454608 w 2718461"/>
                  <a:gd name="connsiteY21" fmla="*/ 485676 h 1253105"/>
                  <a:gd name="connsiteX22" fmla="*/ 2496577 w 2718461"/>
                  <a:gd name="connsiteY22" fmla="*/ 541038 h 1253105"/>
                  <a:gd name="connsiteX23" fmla="*/ 2557478 w 2718461"/>
                  <a:gd name="connsiteY23" fmla="*/ 662841 h 1253105"/>
                  <a:gd name="connsiteX24" fmla="*/ 2614628 w 2718461"/>
                  <a:gd name="connsiteY24" fmla="*/ 774283 h 1253105"/>
                  <a:gd name="connsiteX25" fmla="*/ 2612416 w 2718461"/>
                  <a:gd name="connsiteY25" fmla="*/ 808764 h 1253105"/>
                  <a:gd name="connsiteX26" fmla="*/ 2666063 w 2718461"/>
                  <a:gd name="connsiteY26" fmla="*/ 988596 h 1253105"/>
                  <a:gd name="connsiteX27" fmla="*/ 2685611 w 2718461"/>
                  <a:gd name="connsiteY27" fmla="*/ 1048040 h 1253105"/>
                  <a:gd name="connsiteX28" fmla="*/ 2717498 w 2718461"/>
                  <a:gd name="connsiteY28" fmla="*/ 1134328 h 1253105"/>
                  <a:gd name="connsiteX29" fmla="*/ 2711001 w 2718461"/>
                  <a:gd name="connsiteY29" fmla="*/ 1253105 h 1253105"/>
                  <a:gd name="connsiteX30" fmla="*/ 13689 w 2718461"/>
                  <a:gd name="connsiteY30" fmla="*/ 1225959 h 1253105"/>
                  <a:gd name="connsiteX0" fmla="*/ 13689 w 2718297"/>
                  <a:gd name="connsiteY0" fmla="*/ 1225959 h 1235960"/>
                  <a:gd name="connsiteX1" fmla="*/ 15326 w 2718297"/>
                  <a:gd name="connsiteY1" fmla="*/ 1215722 h 1235960"/>
                  <a:gd name="connsiteX2" fmla="*/ 15 w 2718297"/>
                  <a:gd name="connsiteY2" fmla="*/ 1137185 h 1235960"/>
                  <a:gd name="connsiteX3" fmla="*/ 18391 w 2718297"/>
                  <a:gd name="connsiteY3" fmla="*/ 1055814 h 1235960"/>
                  <a:gd name="connsiteX4" fmla="*/ 73637 w 2718297"/>
                  <a:gd name="connsiteY4" fmla="*/ 904851 h 1235960"/>
                  <a:gd name="connsiteX5" fmla="*/ 88598 w 2718297"/>
                  <a:gd name="connsiteY5" fmla="*/ 794285 h 1235960"/>
                  <a:gd name="connsiteX6" fmla="*/ 130677 w 2718297"/>
                  <a:gd name="connsiteY6" fmla="*/ 741613 h 1235960"/>
                  <a:gd name="connsiteX7" fmla="*/ 196227 w 2718297"/>
                  <a:gd name="connsiteY7" fmla="*/ 579064 h 1235960"/>
                  <a:gd name="connsiteX8" fmla="*/ 332476 w 2718297"/>
                  <a:gd name="connsiteY8" fmla="*/ 407301 h 1235960"/>
                  <a:gd name="connsiteX9" fmla="*/ 402923 w 2718297"/>
                  <a:gd name="connsiteY9" fmla="*/ 337085 h 1235960"/>
                  <a:gd name="connsiteX10" fmla="*/ 519297 w 2718297"/>
                  <a:gd name="connsiteY10" fmla="*/ 272983 h 1235960"/>
                  <a:gd name="connsiteX11" fmla="*/ 709195 w 2718297"/>
                  <a:gd name="connsiteY11" fmla="*/ 136152 h 1235960"/>
                  <a:gd name="connsiteX12" fmla="*/ 937291 w 2718297"/>
                  <a:gd name="connsiteY12" fmla="*/ 26552 h 1235960"/>
                  <a:gd name="connsiteX13" fmla="*/ 1151669 w 2718297"/>
                  <a:gd name="connsiteY13" fmla="*/ 21790 h 1235960"/>
                  <a:gd name="connsiteX14" fmla="*/ 1366546 w 2718297"/>
                  <a:gd name="connsiteY14" fmla="*/ 117249 h 1235960"/>
                  <a:gd name="connsiteX15" fmla="*/ 1477343 w 2718297"/>
                  <a:gd name="connsiteY15" fmla="*/ 48477 h 1235960"/>
                  <a:gd name="connsiteX16" fmla="*/ 1612699 w 2718297"/>
                  <a:gd name="connsiteY16" fmla="*/ 60 h 1235960"/>
                  <a:gd name="connsiteX17" fmla="*/ 1869523 w 2718297"/>
                  <a:gd name="connsiteY17" fmla="*/ 41469 h 1235960"/>
                  <a:gd name="connsiteX18" fmla="*/ 2063211 w 2718297"/>
                  <a:gd name="connsiteY18" fmla="*/ 159798 h 1235960"/>
                  <a:gd name="connsiteX19" fmla="*/ 2279518 w 2718297"/>
                  <a:gd name="connsiteY19" fmla="*/ 317274 h 1235960"/>
                  <a:gd name="connsiteX20" fmla="*/ 2403173 w 2718297"/>
                  <a:gd name="connsiteY20" fmla="*/ 411381 h 1235960"/>
                  <a:gd name="connsiteX21" fmla="*/ 2454608 w 2718297"/>
                  <a:gd name="connsiteY21" fmla="*/ 485676 h 1235960"/>
                  <a:gd name="connsiteX22" fmla="*/ 2496577 w 2718297"/>
                  <a:gd name="connsiteY22" fmla="*/ 541038 h 1235960"/>
                  <a:gd name="connsiteX23" fmla="*/ 2557478 w 2718297"/>
                  <a:gd name="connsiteY23" fmla="*/ 662841 h 1235960"/>
                  <a:gd name="connsiteX24" fmla="*/ 2614628 w 2718297"/>
                  <a:gd name="connsiteY24" fmla="*/ 774283 h 1235960"/>
                  <a:gd name="connsiteX25" fmla="*/ 2612416 w 2718297"/>
                  <a:gd name="connsiteY25" fmla="*/ 808764 h 1235960"/>
                  <a:gd name="connsiteX26" fmla="*/ 2666063 w 2718297"/>
                  <a:gd name="connsiteY26" fmla="*/ 988596 h 1235960"/>
                  <a:gd name="connsiteX27" fmla="*/ 2685611 w 2718297"/>
                  <a:gd name="connsiteY27" fmla="*/ 1048040 h 1235960"/>
                  <a:gd name="connsiteX28" fmla="*/ 2717498 w 2718297"/>
                  <a:gd name="connsiteY28" fmla="*/ 1134328 h 1235960"/>
                  <a:gd name="connsiteX29" fmla="*/ 2708144 w 2718297"/>
                  <a:gd name="connsiteY29" fmla="*/ 1235960 h 1235960"/>
                  <a:gd name="connsiteX30" fmla="*/ 13689 w 2718297"/>
                  <a:gd name="connsiteY30" fmla="*/ 1225959 h 1235960"/>
                  <a:gd name="connsiteX0" fmla="*/ 17802 w 2718297"/>
                  <a:gd name="connsiteY0" fmla="*/ 1264433 h 1264433"/>
                  <a:gd name="connsiteX1" fmla="*/ 15326 w 2718297"/>
                  <a:gd name="connsiteY1" fmla="*/ 1215722 h 1264433"/>
                  <a:gd name="connsiteX2" fmla="*/ 15 w 2718297"/>
                  <a:gd name="connsiteY2" fmla="*/ 1137185 h 1264433"/>
                  <a:gd name="connsiteX3" fmla="*/ 18391 w 2718297"/>
                  <a:gd name="connsiteY3" fmla="*/ 1055814 h 1264433"/>
                  <a:gd name="connsiteX4" fmla="*/ 73637 w 2718297"/>
                  <a:gd name="connsiteY4" fmla="*/ 904851 h 1264433"/>
                  <a:gd name="connsiteX5" fmla="*/ 88598 w 2718297"/>
                  <a:gd name="connsiteY5" fmla="*/ 794285 h 1264433"/>
                  <a:gd name="connsiteX6" fmla="*/ 130677 w 2718297"/>
                  <a:gd name="connsiteY6" fmla="*/ 741613 h 1264433"/>
                  <a:gd name="connsiteX7" fmla="*/ 196227 w 2718297"/>
                  <a:gd name="connsiteY7" fmla="*/ 579064 h 1264433"/>
                  <a:gd name="connsiteX8" fmla="*/ 332476 w 2718297"/>
                  <a:gd name="connsiteY8" fmla="*/ 407301 h 1264433"/>
                  <a:gd name="connsiteX9" fmla="*/ 402923 w 2718297"/>
                  <a:gd name="connsiteY9" fmla="*/ 337085 h 1264433"/>
                  <a:gd name="connsiteX10" fmla="*/ 519297 w 2718297"/>
                  <a:gd name="connsiteY10" fmla="*/ 272983 h 1264433"/>
                  <a:gd name="connsiteX11" fmla="*/ 709195 w 2718297"/>
                  <a:gd name="connsiteY11" fmla="*/ 136152 h 1264433"/>
                  <a:gd name="connsiteX12" fmla="*/ 937291 w 2718297"/>
                  <a:gd name="connsiteY12" fmla="*/ 26552 h 1264433"/>
                  <a:gd name="connsiteX13" fmla="*/ 1151669 w 2718297"/>
                  <a:gd name="connsiteY13" fmla="*/ 21790 h 1264433"/>
                  <a:gd name="connsiteX14" fmla="*/ 1366546 w 2718297"/>
                  <a:gd name="connsiteY14" fmla="*/ 117249 h 1264433"/>
                  <a:gd name="connsiteX15" fmla="*/ 1477343 w 2718297"/>
                  <a:gd name="connsiteY15" fmla="*/ 48477 h 1264433"/>
                  <a:gd name="connsiteX16" fmla="*/ 1612699 w 2718297"/>
                  <a:gd name="connsiteY16" fmla="*/ 60 h 1264433"/>
                  <a:gd name="connsiteX17" fmla="*/ 1869523 w 2718297"/>
                  <a:gd name="connsiteY17" fmla="*/ 41469 h 1264433"/>
                  <a:gd name="connsiteX18" fmla="*/ 2063211 w 2718297"/>
                  <a:gd name="connsiteY18" fmla="*/ 159798 h 1264433"/>
                  <a:gd name="connsiteX19" fmla="*/ 2279518 w 2718297"/>
                  <a:gd name="connsiteY19" fmla="*/ 317274 h 1264433"/>
                  <a:gd name="connsiteX20" fmla="*/ 2403173 w 2718297"/>
                  <a:gd name="connsiteY20" fmla="*/ 411381 h 1264433"/>
                  <a:gd name="connsiteX21" fmla="*/ 2454608 w 2718297"/>
                  <a:gd name="connsiteY21" fmla="*/ 485676 h 1264433"/>
                  <a:gd name="connsiteX22" fmla="*/ 2496577 w 2718297"/>
                  <a:gd name="connsiteY22" fmla="*/ 541038 h 1264433"/>
                  <a:gd name="connsiteX23" fmla="*/ 2557478 w 2718297"/>
                  <a:gd name="connsiteY23" fmla="*/ 662841 h 1264433"/>
                  <a:gd name="connsiteX24" fmla="*/ 2614628 w 2718297"/>
                  <a:gd name="connsiteY24" fmla="*/ 774283 h 1264433"/>
                  <a:gd name="connsiteX25" fmla="*/ 2612416 w 2718297"/>
                  <a:gd name="connsiteY25" fmla="*/ 808764 h 1264433"/>
                  <a:gd name="connsiteX26" fmla="*/ 2666063 w 2718297"/>
                  <a:gd name="connsiteY26" fmla="*/ 988596 h 1264433"/>
                  <a:gd name="connsiteX27" fmla="*/ 2685611 w 2718297"/>
                  <a:gd name="connsiteY27" fmla="*/ 1048040 h 1264433"/>
                  <a:gd name="connsiteX28" fmla="*/ 2717498 w 2718297"/>
                  <a:gd name="connsiteY28" fmla="*/ 1134328 h 1264433"/>
                  <a:gd name="connsiteX29" fmla="*/ 2708144 w 2718297"/>
                  <a:gd name="connsiteY29" fmla="*/ 1235960 h 1264433"/>
                  <a:gd name="connsiteX30" fmla="*/ 17802 w 2718297"/>
                  <a:gd name="connsiteY30" fmla="*/ 1264433 h 1264433"/>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32476 w 2718297"/>
                  <a:gd name="connsiteY8" fmla="*/ 407301 h 1295805"/>
                  <a:gd name="connsiteX9" fmla="*/ 402923 w 2718297"/>
                  <a:gd name="connsiteY9" fmla="*/ 337085 h 1295805"/>
                  <a:gd name="connsiteX10" fmla="*/ 519297 w 2718297"/>
                  <a:gd name="connsiteY10" fmla="*/ 272983 h 1295805"/>
                  <a:gd name="connsiteX11" fmla="*/ 709195 w 2718297"/>
                  <a:gd name="connsiteY11" fmla="*/ 136152 h 1295805"/>
                  <a:gd name="connsiteX12" fmla="*/ 937291 w 2718297"/>
                  <a:gd name="connsiteY12" fmla="*/ 26552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32476 w 2718297"/>
                  <a:gd name="connsiteY8" fmla="*/ 407301 h 1295805"/>
                  <a:gd name="connsiteX9" fmla="*/ 402923 w 2718297"/>
                  <a:gd name="connsiteY9" fmla="*/ 337085 h 1295805"/>
                  <a:gd name="connsiteX10" fmla="*/ 519297 w 2718297"/>
                  <a:gd name="connsiteY10" fmla="*/ 272983 h 1295805"/>
                  <a:gd name="connsiteX11" fmla="*/ 709195 w 2718297"/>
                  <a:gd name="connsiteY11" fmla="*/ 136152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32476 w 2718297"/>
                  <a:gd name="connsiteY8" fmla="*/ 407301 h 1295805"/>
                  <a:gd name="connsiteX9" fmla="*/ 402923 w 2718297"/>
                  <a:gd name="connsiteY9" fmla="*/ 337085 h 1295805"/>
                  <a:gd name="connsiteX10" fmla="*/ 519297 w 2718297"/>
                  <a:gd name="connsiteY10" fmla="*/ 272983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32476 w 2718297"/>
                  <a:gd name="connsiteY8" fmla="*/ 407301 h 1295805"/>
                  <a:gd name="connsiteX9" fmla="*/ 402923 w 2718297"/>
                  <a:gd name="connsiteY9" fmla="*/ 337085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01575 w 2718297"/>
                  <a:gd name="connsiteY8" fmla="*/ 487959 h 1295805"/>
                  <a:gd name="connsiteX9" fmla="*/ 402923 w 2718297"/>
                  <a:gd name="connsiteY9" fmla="*/ 337085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196227 w 2718297"/>
                  <a:gd name="connsiteY7" fmla="*/ 579064 h 1295805"/>
                  <a:gd name="connsiteX8" fmla="*/ 301575 w 2718297"/>
                  <a:gd name="connsiteY8" fmla="*/ 487959 h 1295805"/>
                  <a:gd name="connsiteX9" fmla="*/ 416969 w 2718297"/>
                  <a:gd name="connsiteY9" fmla="*/ 368772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30677 w 2718297"/>
                  <a:gd name="connsiteY6" fmla="*/ 741613 h 1295805"/>
                  <a:gd name="connsiteX7" fmla="*/ 227129 w 2718297"/>
                  <a:gd name="connsiteY7" fmla="*/ 607870 h 1295805"/>
                  <a:gd name="connsiteX8" fmla="*/ 301575 w 2718297"/>
                  <a:gd name="connsiteY8" fmla="*/ 487959 h 1295805"/>
                  <a:gd name="connsiteX9" fmla="*/ 416969 w 2718297"/>
                  <a:gd name="connsiteY9" fmla="*/ 368772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88598 w 2718297"/>
                  <a:gd name="connsiteY5" fmla="*/ 794285 h 1295805"/>
                  <a:gd name="connsiteX6" fmla="*/ 164388 w 2718297"/>
                  <a:gd name="connsiteY6" fmla="*/ 744494 h 1295805"/>
                  <a:gd name="connsiteX7" fmla="*/ 227129 w 2718297"/>
                  <a:gd name="connsiteY7" fmla="*/ 607870 h 1295805"/>
                  <a:gd name="connsiteX8" fmla="*/ 301575 w 2718297"/>
                  <a:gd name="connsiteY8" fmla="*/ 487959 h 1295805"/>
                  <a:gd name="connsiteX9" fmla="*/ 416969 w 2718297"/>
                  <a:gd name="connsiteY9" fmla="*/ 368772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73637 w 2718297"/>
                  <a:gd name="connsiteY4" fmla="*/ 904851 h 1295805"/>
                  <a:gd name="connsiteX5" fmla="*/ 111071 w 2718297"/>
                  <a:gd name="connsiteY5" fmla="*/ 846137 h 1295805"/>
                  <a:gd name="connsiteX6" fmla="*/ 164388 w 2718297"/>
                  <a:gd name="connsiteY6" fmla="*/ 744494 h 1295805"/>
                  <a:gd name="connsiteX7" fmla="*/ 227129 w 2718297"/>
                  <a:gd name="connsiteY7" fmla="*/ 607870 h 1295805"/>
                  <a:gd name="connsiteX8" fmla="*/ 301575 w 2718297"/>
                  <a:gd name="connsiteY8" fmla="*/ 487959 h 1295805"/>
                  <a:gd name="connsiteX9" fmla="*/ 416969 w 2718297"/>
                  <a:gd name="connsiteY9" fmla="*/ 368772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17802 w 2718297"/>
                  <a:gd name="connsiteY0" fmla="*/ 1264433 h 1295805"/>
                  <a:gd name="connsiteX1" fmla="*/ 15326 w 2718297"/>
                  <a:gd name="connsiteY1" fmla="*/ 1215722 h 1295805"/>
                  <a:gd name="connsiteX2" fmla="*/ 15 w 2718297"/>
                  <a:gd name="connsiteY2" fmla="*/ 1137185 h 1295805"/>
                  <a:gd name="connsiteX3" fmla="*/ 18391 w 2718297"/>
                  <a:gd name="connsiteY3" fmla="*/ 1055814 h 1295805"/>
                  <a:gd name="connsiteX4" fmla="*/ 93302 w 2718297"/>
                  <a:gd name="connsiteY4" fmla="*/ 907732 h 1295805"/>
                  <a:gd name="connsiteX5" fmla="*/ 111071 w 2718297"/>
                  <a:gd name="connsiteY5" fmla="*/ 846137 h 1295805"/>
                  <a:gd name="connsiteX6" fmla="*/ 164388 w 2718297"/>
                  <a:gd name="connsiteY6" fmla="*/ 744494 h 1295805"/>
                  <a:gd name="connsiteX7" fmla="*/ 227129 w 2718297"/>
                  <a:gd name="connsiteY7" fmla="*/ 607870 h 1295805"/>
                  <a:gd name="connsiteX8" fmla="*/ 301575 w 2718297"/>
                  <a:gd name="connsiteY8" fmla="*/ 487959 h 1295805"/>
                  <a:gd name="connsiteX9" fmla="*/ 416969 w 2718297"/>
                  <a:gd name="connsiteY9" fmla="*/ 368772 h 1295805"/>
                  <a:gd name="connsiteX10" fmla="*/ 553008 w 2718297"/>
                  <a:gd name="connsiteY10" fmla="*/ 290266 h 1295805"/>
                  <a:gd name="connsiteX11" fmla="*/ 720432 w 2718297"/>
                  <a:gd name="connsiteY11" fmla="*/ 153435 h 1295805"/>
                  <a:gd name="connsiteX12" fmla="*/ 954147 w 2718297"/>
                  <a:gd name="connsiteY12" fmla="*/ 58239 h 1295805"/>
                  <a:gd name="connsiteX13" fmla="*/ 1151669 w 2718297"/>
                  <a:gd name="connsiteY13" fmla="*/ 21790 h 1295805"/>
                  <a:gd name="connsiteX14" fmla="*/ 1366546 w 2718297"/>
                  <a:gd name="connsiteY14" fmla="*/ 117249 h 1295805"/>
                  <a:gd name="connsiteX15" fmla="*/ 1477343 w 2718297"/>
                  <a:gd name="connsiteY15" fmla="*/ 48477 h 1295805"/>
                  <a:gd name="connsiteX16" fmla="*/ 1612699 w 2718297"/>
                  <a:gd name="connsiteY16" fmla="*/ 60 h 1295805"/>
                  <a:gd name="connsiteX17" fmla="*/ 1869523 w 2718297"/>
                  <a:gd name="connsiteY17" fmla="*/ 41469 h 1295805"/>
                  <a:gd name="connsiteX18" fmla="*/ 2063211 w 2718297"/>
                  <a:gd name="connsiteY18" fmla="*/ 159798 h 1295805"/>
                  <a:gd name="connsiteX19" fmla="*/ 2279518 w 2718297"/>
                  <a:gd name="connsiteY19" fmla="*/ 317274 h 1295805"/>
                  <a:gd name="connsiteX20" fmla="*/ 2403173 w 2718297"/>
                  <a:gd name="connsiteY20" fmla="*/ 411381 h 1295805"/>
                  <a:gd name="connsiteX21" fmla="*/ 2454608 w 2718297"/>
                  <a:gd name="connsiteY21" fmla="*/ 485676 h 1295805"/>
                  <a:gd name="connsiteX22" fmla="*/ 2496577 w 2718297"/>
                  <a:gd name="connsiteY22" fmla="*/ 541038 h 1295805"/>
                  <a:gd name="connsiteX23" fmla="*/ 2557478 w 2718297"/>
                  <a:gd name="connsiteY23" fmla="*/ 662841 h 1295805"/>
                  <a:gd name="connsiteX24" fmla="*/ 2614628 w 2718297"/>
                  <a:gd name="connsiteY24" fmla="*/ 774283 h 1295805"/>
                  <a:gd name="connsiteX25" fmla="*/ 2612416 w 2718297"/>
                  <a:gd name="connsiteY25" fmla="*/ 808764 h 1295805"/>
                  <a:gd name="connsiteX26" fmla="*/ 2666063 w 2718297"/>
                  <a:gd name="connsiteY26" fmla="*/ 988596 h 1295805"/>
                  <a:gd name="connsiteX27" fmla="*/ 2685611 w 2718297"/>
                  <a:gd name="connsiteY27" fmla="*/ 1048040 h 1295805"/>
                  <a:gd name="connsiteX28" fmla="*/ 2717498 w 2718297"/>
                  <a:gd name="connsiteY28" fmla="*/ 1134328 h 1295805"/>
                  <a:gd name="connsiteX29" fmla="*/ 2708144 w 2718297"/>
                  <a:gd name="connsiteY29" fmla="*/ 1295805 h 1295805"/>
                  <a:gd name="connsiteX30" fmla="*/ 17802 w 2718297"/>
                  <a:gd name="connsiteY30" fmla="*/ 1264433 h 1295805"/>
                  <a:gd name="connsiteX0" fmla="*/ 3608 w 2704103"/>
                  <a:gd name="connsiteY0" fmla="*/ 1264433 h 1295805"/>
                  <a:gd name="connsiteX1" fmla="*/ 1132 w 2704103"/>
                  <a:gd name="connsiteY1" fmla="*/ 1215722 h 1295805"/>
                  <a:gd name="connsiteX2" fmla="*/ 5485 w 2704103"/>
                  <a:gd name="connsiteY2" fmla="*/ 1137185 h 1295805"/>
                  <a:gd name="connsiteX3" fmla="*/ 4197 w 2704103"/>
                  <a:gd name="connsiteY3" fmla="*/ 1055814 h 1295805"/>
                  <a:gd name="connsiteX4" fmla="*/ 79108 w 2704103"/>
                  <a:gd name="connsiteY4" fmla="*/ 907732 h 1295805"/>
                  <a:gd name="connsiteX5" fmla="*/ 96877 w 2704103"/>
                  <a:gd name="connsiteY5" fmla="*/ 846137 h 1295805"/>
                  <a:gd name="connsiteX6" fmla="*/ 150194 w 2704103"/>
                  <a:gd name="connsiteY6" fmla="*/ 744494 h 1295805"/>
                  <a:gd name="connsiteX7" fmla="*/ 212935 w 2704103"/>
                  <a:gd name="connsiteY7" fmla="*/ 607870 h 1295805"/>
                  <a:gd name="connsiteX8" fmla="*/ 287381 w 2704103"/>
                  <a:gd name="connsiteY8" fmla="*/ 487959 h 1295805"/>
                  <a:gd name="connsiteX9" fmla="*/ 402775 w 2704103"/>
                  <a:gd name="connsiteY9" fmla="*/ 368772 h 1295805"/>
                  <a:gd name="connsiteX10" fmla="*/ 538814 w 2704103"/>
                  <a:gd name="connsiteY10" fmla="*/ 290266 h 1295805"/>
                  <a:gd name="connsiteX11" fmla="*/ 706238 w 2704103"/>
                  <a:gd name="connsiteY11" fmla="*/ 153435 h 1295805"/>
                  <a:gd name="connsiteX12" fmla="*/ 939953 w 2704103"/>
                  <a:gd name="connsiteY12" fmla="*/ 58239 h 1295805"/>
                  <a:gd name="connsiteX13" fmla="*/ 1137475 w 2704103"/>
                  <a:gd name="connsiteY13" fmla="*/ 21790 h 1295805"/>
                  <a:gd name="connsiteX14" fmla="*/ 1352352 w 2704103"/>
                  <a:gd name="connsiteY14" fmla="*/ 117249 h 1295805"/>
                  <a:gd name="connsiteX15" fmla="*/ 1463149 w 2704103"/>
                  <a:gd name="connsiteY15" fmla="*/ 48477 h 1295805"/>
                  <a:gd name="connsiteX16" fmla="*/ 1598505 w 2704103"/>
                  <a:gd name="connsiteY16" fmla="*/ 60 h 1295805"/>
                  <a:gd name="connsiteX17" fmla="*/ 1855329 w 2704103"/>
                  <a:gd name="connsiteY17" fmla="*/ 41469 h 1295805"/>
                  <a:gd name="connsiteX18" fmla="*/ 2049017 w 2704103"/>
                  <a:gd name="connsiteY18" fmla="*/ 159798 h 1295805"/>
                  <a:gd name="connsiteX19" fmla="*/ 2265324 w 2704103"/>
                  <a:gd name="connsiteY19" fmla="*/ 317274 h 1295805"/>
                  <a:gd name="connsiteX20" fmla="*/ 2388979 w 2704103"/>
                  <a:gd name="connsiteY20" fmla="*/ 411381 h 1295805"/>
                  <a:gd name="connsiteX21" fmla="*/ 2440414 w 2704103"/>
                  <a:gd name="connsiteY21" fmla="*/ 485676 h 1295805"/>
                  <a:gd name="connsiteX22" fmla="*/ 2482383 w 2704103"/>
                  <a:gd name="connsiteY22" fmla="*/ 541038 h 1295805"/>
                  <a:gd name="connsiteX23" fmla="*/ 2543284 w 2704103"/>
                  <a:gd name="connsiteY23" fmla="*/ 662841 h 1295805"/>
                  <a:gd name="connsiteX24" fmla="*/ 2600434 w 2704103"/>
                  <a:gd name="connsiteY24" fmla="*/ 774283 h 1295805"/>
                  <a:gd name="connsiteX25" fmla="*/ 2598222 w 2704103"/>
                  <a:gd name="connsiteY25" fmla="*/ 808764 h 1295805"/>
                  <a:gd name="connsiteX26" fmla="*/ 2651869 w 2704103"/>
                  <a:gd name="connsiteY26" fmla="*/ 988596 h 1295805"/>
                  <a:gd name="connsiteX27" fmla="*/ 2671417 w 2704103"/>
                  <a:gd name="connsiteY27" fmla="*/ 1048040 h 1295805"/>
                  <a:gd name="connsiteX28" fmla="*/ 2703304 w 2704103"/>
                  <a:gd name="connsiteY28" fmla="*/ 1134328 h 1295805"/>
                  <a:gd name="connsiteX29" fmla="*/ 2693950 w 2704103"/>
                  <a:gd name="connsiteY29" fmla="*/ 1295805 h 1295805"/>
                  <a:gd name="connsiteX30" fmla="*/ 3608 w 2704103"/>
                  <a:gd name="connsiteY30" fmla="*/ 1264433 h 1295805"/>
                  <a:gd name="connsiteX0" fmla="*/ 17654 w 2704103"/>
                  <a:gd name="connsiteY0" fmla="*/ 1270195 h 1295805"/>
                  <a:gd name="connsiteX1" fmla="*/ 1132 w 2704103"/>
                  <a:gd name="connsiteY1" fmla="*/ 1215722 h 1295805"/>
                  <a:gd name="connsiteX2" fmla="*/ 5485 w 2704103"/>
                  <a:gd name="connsiteY2" fmla="*/ 1137185 h 1295805"/>
                  <a:gd name="connsiteX3" fmla="*/ 4197 w 2704103"/>
                  <a:gd name="connsiteY3" fmla="*/ 1055814 h 1295805"/>
                  <a:gd name="connsiteX4" fmla="*/ 79108 w 2704103"/>
                  <a:gd name="connsiteY4" fmla="*/ 907732 h 1295805"/>
                  <a:gd name="connsiteX5" fmla="*/ 96877 w 2704103"/>
                  <a:gd name="connsiteY5" fmla="*/ 846137 h 1295805"/>
                  <a:gd name="connsiteX6" fmla="*/ 150194 w 2704103"/>
                  <a:gd name="connsiteY6" fmla="*/ 744494 h 1295805"/>
                  <a:gd name="connsiteX7" fmla="*/ 212935 w 2704103"/>
                  <a:gd name="connsiteY7" fmla="*/ 607870 h 1295805"/>
                  <a:gd name="connsiteX8" fmla="*/ 287381 w 2704103"/>
                  <a:gd name="connsiteY8" fmla="*/ 487959 h 1295805"/>
                  <a:gd name="connsiteX9" fmla="*/ 402775 w 2704103"/>
                  <a:gd name="connsiteY9" fmla="*/ 368772 h 1295805"/>
                  <a:gd name="connsiteX10" fmla="*/ 538814 w 2704103"/>
                  <a:gd name="connsiteY10" fmla="*/ 290266 h 1295805"/>
                  <a:gd name="connsiteX11" fmla="*/ 706238 w 2704103"/>
                  <a:gd name="connsiteY11" fmla="*/ 153435 h 1295805"/>
                  <a:gd name="connsiteX12" fmla="*/ 939953 w 2704103"/>
                  <a:gd name="connsiteY12" fmla="*/ 58239 h 1295805"/>
                  <a:gd name="connsiteX13" fmla="*/ 1137475 w 2704103"/>
                  <a:gd name="connsiteY13" fmla="*/ 21790 h 1295805"/>
                  <a:gd name="connsiteX14" fmla="*/ 1352352 w 2704103"/>
                  <a:gd name="connsiteY14" fmla="*/ 117249 h 1295805"/>
                  <a:gd name="connsiteX15" fmla="*/ 1463149 w 2704103"/>
                  <a:gd name="connsiteY15" fmla="*/ 48477 h 1295805"/>
                  <a:gd name="connsiteX16" fmla="*/ 1598505 w 2704103"/>
                  <a:gd name="connsiteY16" fmla="*/ 60 h 1295805"/>
                  <a:gd name="connsiteX17" fmla="*/ 1855329 w 2704103"/>
                  <a:gd name="connsiteY17" fmla="*/ 41469 h 1295805"/>
                  <a:gd name="connsiteX18" fmla="*/ 2049017 w 2704103"/>
                  <a:gd name="connsiteY18" fmla="*/ 159798 h 1295805"/>
                  <a:gd name="connsiteX19" fmla="*/ 2265324 w 2704103"/>
                  <a:gd name="connsiteY19" fmla="*/ 317274 h 1295805"/>
                  <a:gd name="connsiteX20" fmla="*/ 2388979 w 2704103"/>
                  <a:gd name="connsiteY20" fmla="*/ 411381 h 1295805"/>
                  <a:gd name="connsiteX21" fmla="*/ 2440414 w 2704103"/>
                  <a:gd name="connsiteY21" fmla="*/ 485676 h 1295805"/>
                  <a:gd name="connsiteX22" fmla="*/ 2482383 w 2704103"/>
                  <a:gd name="connsiteY22" fmla="*/ 541038 h 1295805"/>
                  <a:gd name="connsiteX23" fmla="*/ 2543284 w 2704103"/>
                  <a:gd name="connsiteY23" fmla="*/ 662841 h 1295805"/>
                  <a:gd name="connsiteX24" fmla="*/ 2600434 w 2704103"/>
                  <a:gd name="connsiteY24" fmla="*/ 774283 h 1295805"/>
                  <a:gd name="connsiteX25" fmla="*/ 2598222 w 2704103"/>
                  <a:gd name="connsiteY25" fmla="*/ 808764 h 1295805"/>
                  <a:gd name="connsiteX26" fmla="*/ 2651869 w 2704103"/>
                  <a:gd name="connsiteY26" fmla="*/ 988596 h 1295805"/>
                  <a:gd name="connsiteX27" fmla="*/ 2671417 w 2704103"/>
                  <a:gd name="connsiteY27" fmla="*/ 1048040 h 1295805"/>
                  <a:gd name="connsiteX28" fmla="*/ 2703304 w 2704103"/>
                  <a:gd name="connsiteY28" fmla="*/ 1134328 h 1295805"/>
                  <a:gd name="connsiteX29" fmla="*/ 2693950 w 2704103"/>
                  <a:gd name="connsiteY29" fmla="*/ 1295805 h 1295805"/>
                  <a:gd name="connsiteX30" fmla="*/ 17654 w 2704103"/>
                  <a:gd name="connsiteY30" fmla="*/ 1270195 h 1295805"/>
                  <a:gd name="connsiteX0" fmla="*/ 17836 w 2704285"/>
                  <a:gd name="connsiteY0" fmla="*/ 1270195 h 1295805"/>
                  <a:gd name="connsiteX1" fmla="*/ 6932 w 2704285"/>
                  <a:gd name="connsiteY1" fmla="*/ 1215722 h 1295805"/>
                  <a:gd name="connsiteX2" fmla="*/ 5667 w 2704285"/>
                  <a:gd name="connsiteY2" fmla="*/ 1137185 h 1295805"/>
                  <a:gd name="connsiteX3" fmla="*/ 4379 w 2704285"/>
                  <a:gd name="connsiteY3" fmla="*/ 1055814 h 1295805"/>
                  <a:gd name="connsiteX4" fmla="*/ 79290 w 2704285"/>
                  <a:gd name="connsiteY4" fmla="*/ 907732 h 1295805"/>
                  <a:gd name="connsiteX5" fmla="*/ 97059 w 2704285"/>
                  <a:gd name="connsiteY5" fmla="*/ 846137 h 1295805"/>
                  <a:gd name="connsiteX6" fmla="*/ 150376 w 2704285"/>
                  <a:gd name="connsiteY6" fmla="*/ 744494 h 1295805"/>
                  <a:gd name="connsiteX7" fmla="*/ 213117 w 2704285"/>
                  <a:gd name="connsiteY7" fmla="*/ 607870 h 1295805"/>
                  <a:gd name="connsiteX8" fmla="*/ 287563 w 2704285"/>
                  <a:gd name="connsiteY8" fmla="*/ 487959 h 1295805"/>
                  <a:gd name="connsiteX9" fmla="*/ 402957 w 2704285"/>
                  <a:gd name="connsiteY9" fmla="*/ 368772 h 1295805"/>
                  <a:gd name="connsiteX10" fmla="*/ 538996 w 2704285"/>
                  <a:gd name="connsiteY10" fmla="*/ 290266 h 1295805"/>
                  <a:gd name="connsiteX11" fmla="*/ 706420 w 2704285"/>
                  <a:gd name="connsiteY11" fmla="*/ 153435 h 1295805"/>
                  <a:gd name="connsiteX12" fmla="*/ 940135 w 2704285"/>
                  <a:gd name="connsiteY12" fmla="*/ 58239 h 1295805"/>
                  <a:gd name="connsiteX13" fmla="*/ 1137657 w 2704285"/>
                  <a:gd name="connsiteY13" fmla="*/ 21790 h 1295805"/>
                  <a:gd name="connsiteX14" fmla="*/ 1352534 w 2704285"/>
                  <a:gd name="connsiteY14" fmla="*/ 117249 h 1295805"/>
                  <a:gd name="connsiteX15" fmla="*/ 1463331 w 2704285"/>
                  <a:gd name="connsiteY15" fmla="*/ 48477 h 1295805"/>
                  <a:gd name="connsiteX16" fmla="*/ 1598687 w 2704285"/>
                  <a:gd name="connsiteY16" fmla="*/ 60 h 1295805"/>
                  <a:gd name="connsiteX17" fmla="*/ 1855511 w 2704285"/>
                  <a:gd name="connsiteY17" fmla="*/ 41469 h 1295805"/>
                  <a:gd name="connsiteX18" fmla="*/ 2049199 w 2704285"/>
                  <a:gd name="connsiteY18" fmla="*/ 159798 h 1295805"/>
                  <a:gd name="connsiteX19" fmla="*/ 2265506 w 2704285"/>
                  <a:gd name="connsiteY19" fmla="*/ 317274 h 1295805"/>
                  <a:gd name="connsiteX20" fmla="*/ 2389161 w 2704285"/>
                  <a:gd name="connsiteY20" fmla="*/ 411381 h 1295805"/>
                  <a:gd name="connsiteX21" fmla="*/ 2440596 w 2704285"/>
                  <a:gd name="connsiteY21" fmla="*/ 485676 h 1295805"/>
                  <a:gd name="connsiteX22" fmla="*/ 2482565 w 2704285"/>
                  <a:gd name="connsiteY22" fmla="*/ 541038 h 1295805"/>
                  <a:gd name="connsiteX23" fmla="*/ 2543466 w 2704285"/>
                  <a:gd name="connsiteY23" fmla="*/ 662841 h 1295805"/>
                  <a:gd name="connsiteX24" fmla="*/ 2600616 w 2704285"/>
                  <a:gd name="connsiteY24" fmla="*/ 774283 h 1295805"/>
                  <a:gd name="connsiteX25" fmla="*/ 2598404 w 2704285"/>
                  <a:gd name="connsiteY25" fmla="*/ 808764 h 1295805"/>
                  <a:gd name="connsiteX26" fmla="*/ 2652051 w 2704285"/>
                  <a:gd name="connsiteY26" fmla="*/ 988596 h 1295805"/>
                  <a:gd name="connsiteX27" fmla="*/ 2671599 w 2704285"/>
                  <a:gd name="connsiteY27" fmla="*/ 1048040 h 1295805"/>
                  <a:gd name="connsiteX28" fmla="*/ 2703486 w 2704285"/>
                  <a:gd name="connsiteY28" fmla="*/ 1134328 h 1295805"/>
                  <a:gd name="connsiteX29" fmla="*/ 2694132 w 2704285"/>
                  <a:gd name="connsiteY29" fmla="*/ 1295805 h 1295805"/>
                  <a:gd name="connsiteX30" fmla="*/ 17836 w 2704285"/>
                  <a:gd name="connsiteY30" fmla="*/ 1270195 h 1295805"/>
                  <a:gd name="connsiteX0" fmla="*/ 15434 w 2701883"/>
                  <a:gd name="connsiteY0" fmla="*/ 1270195 h 1295805"/>
                  <a:gd name="connsiteX1" fmla="*/ 4530 w 2701883"/>
                  <a:gd name="connsiteY1" fmla="*/ 1215722 h 1295805"/>
                  <a:gd name="connsiteX2" fmla="*/ 3265 w 2701883"/>
                  <a:gd name="connsiteY2" fmla="*/ 1137185 h 1295805"/>
                  <a:gd name="connsiteX3" fmla="*/ 46925 w 2701883"/>
                  <a:gd name="connsiteY3" fmla="*/ 1038530 h 1295805"/>
                  <a:gd name="connsiteX4" fmla="*/ 76888 w 2701883"/>
                  <a:gd name="connsiteY4" fmla="*/ 907732 h 1295805"/>
                  <a:gd name="connsiteX5" fmla="*/ 94657 w 2701883"/>
                  <a:gd name="connsiteY5" fmla="*/ 846137 h 1295805"/>
                  <a:gd name="connsiteX6" fmla="*/ 147974 w 2701883"/>
                  <a:gd name="connsiteY6" fmla="*/ 744494 h 1295805"/>
                  <a:gd name="connsiteX7" fmla="*/ 210715 w 2701883"/>
                  <a:gd name="connsiteY7" fmla="*/ 607870 h 1295805"/>
                  <a:gd name="connsiteX8" fmla="*/ 285161 w 2701883"/>
                  <a:gd name="connsiteY8" fmla="*/ 487959 h 1295805"/>
                  <a:gd name="connsiteX9" fmla="*/ 400555 w 2701883"/>
                  <a:gd name="connsiteY9" fmla="*/ 368772 h 1295805"/>
                  <a:gd name="connsiteX10" fmla="*/ 536594 w 2701883"/>
                  <a:gd name="connsiteY10" fmla="*/ 290266 h 1295805"/>
                  <a:gd name="connsiteX11" fmla="*/ 704018 w 2701883"/>
                  <a:gd name="connsiteY11" fmla="*/ 153435 h 1295805"/>
                  <a:gd name="connsiteX12" fmla="*/ 937733 w 2701883"/>
                  <a:gd name="connsiteY12" fmla="*/ 58239 h 1295805"/>
                  <a:gd name="connsiteX13" fmla="*/ 1135255 w 2701883"/>
                  <a:gd name="connsiteY13" fmla="*/ 21790 h 1295805"/>
                  <a:gd name="connsiteX14" fmla="*/ 1350132 w 2701883"/>
                  <a:gd name="connsiteY14" fmla="*/ 117249 h 1295805"/>
                  <a:gd name="connsiteX15" fmla="*/ 1460929 w 2701883"/>
                  <a:gd name="connsiteY15" fmla="*/ 48477 h 1295805"/>
                  <a:gd name="connsiteX16" fmla="*/ 1596285 w 2701883"/>
                  <a:gd name="connsiteY16" fmla="*/ 60 h 1295805"/>
                  <a:gd name="connsiteX17" fmla="*/ 1853109 w 2701883"/>
                  <a:gd name="connsiteY17" fmla="*/ 41469 h 1295805"/>
                  <a:gd name="connsiteX18" fmla="*/ 2046797 w 2701883"/>
                  <a:gd name="connsiteY18" fmla="*/ 159798 h 1295805"/>
                  <a:gd name="connsiteX19" fmla="*/ 2263104 w 2701883"/>
                  <a:gd name="connsiteY19" fmla="*/ 317274 h 1295805"/>
                  <a:gd name="connsiteX20" fmla="*/ 2386759 w 2701883"/>
                  <a:gd name="connsiteY20" fmla="*/ 411381 h 1295805"/>
                  <a:gd name="connsiteX21" fmla="*/ 2438194 w 2701883"/>
                  <a:gd name="connsiteY21" fmla="*/ 485676 h 1295805"/>
                  <a:gd name="connsiteX22" fmla="*/ 2480163 w 2701883"/>
                  <a:gd name="connsiteY22" fmla="*/ 541038 h 1295805"/>
                  <a:gd name="connsiteX23" fmla="*/ 2541064 w 2701883"/>
                  <a:gd name="connsiteY23" fmla="*/ 662841 h 1295805"/>
                  <a:gd name="connsiteX24" fmla="*/ 2598214 w 2701883"/>
                  <a:gd name="connsiteY24" fmla="*/ 774283 h 1295805"/>
                  <a:gd name="connsiteX25" fmla="*/ 2596002 w 2701883"/>
                  <a:gd name="connsiteY25" fmla="*/ 808764 h 1295805"/>
                  <a:gd name="connsiteX26" fmla="*/ 2649649 w 2701883"/>
                  <a:gd name="connsiteY26" fmla="*/ 988596 h 1295805"/>
                  <a:gd name="connsiteX27" fmla="*/ 2669197 w 2701883"/>
                  <a:gd name="connsiteY27" fmla="*/ 1048040 h 1295805"/>
                  <a:gd name="connsiteX28" fmla="*/ 2701084 w 2701883"/>
                  <a:gd name="connsiteY28" fmla="*/ 1134328 h 1295805"/>
                  <a:gd name="connsiteX29" fmla="*/ 2691730 w 2701883"/>
                  <a:gd name="connsiteY29" fmla="*/ 1295805 h 1295805"/>
                  <a:gd name="connsiteX30" fmla="*/ 15434 w 2701883"/>
                  <a:gd name="connsiteY30" fmla="*/ 1270195 h 1295805"/>
                  <a:gd name="connsiteX0" fmla="*/ 15434 w 2701883"/>
                  <a:gd name="connsiteY0" fmla="*/ 1270195 h 1295805"/>
                  <a:gd name="connsiteX1" fmla="*/ 4530 w 2701883"/>
                  <a:gd name="connsiteY1" fmla="*/ 1215722 h 1295805"/>
                  <a:gd name="connsiteX2" fmla="*/ 3265 w 2701883"/>
                  <a:gd name="connsiteY2" fmla="*/ 1137185 h 1295805"/>
                  <a:gd name="connsiteX3" fmla="*/ 46925 w 2701883"/>
                  <a:gd name="connsiteY3" fmla="*/ 1038530 h 1295805"/>
                  <a:gd name="connsiteX4" fmla="*/ 85316 w 2701883"/>
                  <a:gd name="connsiteY4" fmla="*/ 910612 h 1295805"/>
                  <a:gd name="connsiteX5" fmla="*/ 94657 w 2701883"/>
                  <a:gd name="connsiteY5" fmla="*/ 846137 h 1295805"/>
                  <a:gd name="connsiteX6" fmla="*/ 147974 w 2701883"/>
                  <a:gd name="connsiteY6" fmla="*/ 744494 h 1295805"/>
                  <a:gd name="connsiteX7" fmla="*/ 210715 w 2701883"/>
                  <a:gd name="connsiteY7" fmla="*/ 607870 h 1295805"/>
                  <a:gd name="connsiteX8" fmla="*/ 285161 w 2701883"/>
                  <a:gd name="connsiteY8" fmla="*/ 487959 h 1295805"/>
                  <a:gd name="connsiteX9" fmla="*/ 400555 w 2701883"/>
                  <a:gd name="connsiteY9" fmla="*/ 368772 h 1295805"/>
                  <a:gd name="connsiteX10" fmla="*/ 536594 w 2701883"/>
                  <a:gd name="connsiteY10" fmla="*/ 290266 h 1295805"/>
                  <a:gd name="connsiteX11" fmla="*/ 704018 w 2701883"/>
                  <a:gd name="connsiteY11" fmla="*/ 153435 h 1295805"/>
                  <a:gd name="connsiteX12" fmla="*/ 937733 w 2701883"/>
                  <a:gd name="connsiteY12" fmla="*/ 58239 h 1295805"/>
                  <a:gd name="connsiteX13" fmla="*/ 1135255 w 2701883"/>
                  <a:gd name="connsiteY13" fmla="*/ 21790 h 1295805"/>
                  <a:gd name="connsiteX14" fmla="*/ 1350132 w 2701883"/>
                  <a:gd name="connsiteY14" fmla="*/ 117249 h 1295805"/>
                  <a:gd name="connsiteX15" fmla="*/ 1460929 w 2701883"/>
                  <a:gd name="connsiteY15" fmla="*/ 48477 h 1295805"/>
                  <a:gd name="connsiteX16" fmla="*/ 1596285 w 2701883"/>
                  <a:gd name="connsiteY16" fmla="*/ 60 h 1295805"/>
                  <a:gd name="connsiteX17" fmla="*/ 1853109 w 2701883"/>
                  <a:gd name="connsiteY17" fmla="*/ 41469 h 1295805"/>
                  <a:gd name="connsiteX18" fmla="*/ 2046797 w 2701883"/>
                  <a:gd name="connsiteY18" fmla="*/ 159798 h 1295805"/>
                  <a:gd name="connsiteX19" fmla="*/ 2263104 w 2701883"/>
                  <a:gd name="connsiteY19" fmla="*/ 317274 h 1295805"/>
                  <a:gd name="connsiteX20" fmla="*/ 2386759 w 2701883"/>
                  <a:gd name="connsiteY20" fmla="*/ 411381 h 1295805"/>
                  <a:gd name="connsiteX21" fmla="*/ 2438194 w 2701883"/>
                  <a:gd name="connsiteY21" fmla="*/ 485676 h 1295805"/>
                  <a:gd name="connsiteX22" fmla="*/ 2480163 w 2701883"/>
                  <a:gd name="connsiteY22" fmla="*/ 541038 h 1295805"/>
                  <a:gd name="connsiteX23" fmla="*/ 2541064 w 2701883"/>
                  <a:gd name="connsiteY23" fmla="*/ 662841 h 1295805"/>
                  <a:gd name="connsiteX24" fmla="*/ 2598214 w 2701883"/>
                  <a:gd name="connsiteY24" fmla="*/ 774283 h 1295805"/>
                  <a:gd name="connsiteX25" fmla="*/ 2596002 w 2701883"/>
                  <a:gd name="connsiteY25" fmla="*/ 808764 h 1295805"/>
                  <a:gd name="connsiteX26" fmla="*/ 2649649 w 2701883"/>
                  <a:gd name="connsiteY26" fmla="*/ 988596 h 1295805"/>
                  <a:gd name="connsiteX27" fmla="*/ 2669197 w 2701883"/>
                  <a:gd name="connsiteY27" fmla="*/ 1048040 h 1295805"/>
                  <a:gd name="connsiteX28" fmla="*/ 2701084 w 2701883"/>
                  <a:gd name="connsiteY28" fmla="*/ 1134328 h 1295805"/>
                  <a:gd name="connsiteX29" fmla="*/ 2691730 w 2701883"/>
                  <a:gd name="connsiteY29" fmla="*/ 1295805 h 1295805"/>
                  <a:gd name="connsiteX30" fmla="*/ 15434 w 2701883"/>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30902 w 2697530"/>
                  <a:gd name="connsiteY13" fmla="*/ 21790 h 1295805"/>
                  <a:gd name="connsiteX14" fmla="*/ 1345779 w 2697530"/>
                  <a:gd name="connsiteY14" fmla="*/ 11724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28094 w 2697530"/>
                  <a:gd name="connsiteY13" fmla="*/ 36192 h 1295805"/>
                  <a:gd name="connsiteX14" fmla="*/ 1345779 w 2697530"/>
                  <a:gd name="connsiteY14" fmla="*/ 11724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28094 w 2697530"/>
                  <a:gd name="connsiteY13" fmla="*/ 36192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28094 w 2697530"/>
                  <a:gd name="connsiteY13" fmla="*/ 36192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61805 w 2697530"/>
                  <a:gd name="connsiteY13" fmla="*/ 39073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39331 w 2697530"/>
                  <a:gd name="connsiteY13" fmla="*/ 33312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39331 w 2697530"/>
                  <a:gd name="connsiteY13" fmla="*/ 33312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39331 w 2697530"/>
                  <a:gd name="connsiteY13" fmla="*/ 33312 h 1295805"/>
                  <a:gd name="connsiteX14" fmla="*/ 1357017 w 2697530"/>
                  <a:gd name="connsiteY14" fmla="*/ 166219 h 1295805"/>
                  <a:gd name="connsiteX15" fmla="*/ 1456576 w 2697530"/>
                  <a:gd name="connsiteY15" fmla="*/ 48477 h 1295805"/>
                  <a:gd name="connsiteX16" fmla="*/ 1591932 w 2697530"/>
                  <a:gd name="connsiteY16" fmla="*/ 60 h 1295805"/>
                  <a:gd name="connsiteX17" fmla="*/ 1848756 w 2697530"/>
                  <a:gd name="connsiteY17" fmla="*/ 41469 h 1295805"/>
                  <a:gd name="connsiteX18" fmla="*/ 2042444 w 2697530"/>
                  <a:gd name="connsiteY18" fmla="*/ 159798 h 1295805"/>
                  <a:gd name="connsiteX19" fmla="*/ 2258751 w 2697530"/>
                  <a:gd name="connsiteY19" fmla="*/ 317274 h 1295805"/>
                  <a:gd name="connsiteX20" fmla="*/ 2382406 w 2697530"/>
                  <a:gd name="connsiteY20" fmla="*/ 411381 h 1295805"/>
                  <a:gd name="connsiteX21" fmla="*/ 2433841 w 2697530"/>
                  <a:gd name="connsiteY21" fmla="*/ 485676 h 1295805"/>
                  <a:gd name="connsiteX22" fmla="*/ 2475810 w 2697530"/>
                  <a:gd name="connsiteY22" fmla="*/ 541038 h 1295805"/>
                  <a:gd name="connsiteX23" fmla="*/ 2536711 w 2697530"/>
                  <a:gd name="connsiteY23" fmla="*/ 662841 h 1295805"/>
                  <a:gd name="connsiteX24" fmla="*/ 2593861 w 2697530"/>
                  <a:gd name="connsiteY24" fmla="*/ 774283 h 1295805"/>
                  <a:gd name="connsiteX25" fmla="*/ 2591649 w 2697530"/>
                  <a:gd name="connsiteY25" fmla="*/ 808764 h 1295805"/>
                  <a:gd name="connsiteX26" fmla="*/ 2645296 w 2697530"/>
                  <a:gd name="connsiteY26" fmla="*/ 988596 h 1295805"/>
                  <a:gd name="connsiteX27" fmla="*/ 2664844 w 2697530"/>
                  <a:gd name="connsiteY27" fmla="*/ 1048040 h 1295805"/>
                  <a:gd name="connsiteX28" fmla="*/ 2696731 w 2697530"/>
                  <a:gd name="connsiteY28" fmla="*/ 1134328 h 1295805"/>
                  <a:gd name="connsiteX29" fmla="*/ 2687377 w 2697530"/>
                  <a:gd name="connsiteY29" fmla="*/ 1295805 h 1295805"/>
                  <a:gd name="connsiteX30" fmla="*/ 11081 w 2697530"/>
                  <a:gd name="connsiteY30" fmla="*/ 1270195 h 1295805"/>
                  <a:gd name="connsiteX0" fmla="*/ 11081 w 2697530"/>
                  <a:gd name="connsiteY0" fmla="*/ 1270195 h 1295805"/>
                  <a:gd name="connsiteX1" fmla="*/ 177 w 2697530"/>
                  <a:gd name="connsiteY1" fmla="*/ 1215722 h 1295805"/>
                  <a:gd name="connsiteX2" fmla="*/ 7340 w 2697530"/>
                  <a:gd name="connsiteY2" fmla="*/ 1137185 h 1295805"/>
                  <a:gd name="connsiteX3" fmla="*/ 42572 w 2697530"/>
                  <a:gd name="connsiteY3" fmla="*/ 1038530 h 1295805"/>
                  <a:gd name="connsiteX4" fmla="*/ 80963 w 2697530"/>
                  <a:gd name="connsiteY4" fmla="*/ 910612 h 1295805"/>
                  <a:gd name="connsiteX5" fmla="*/ 90304 w 2697530"/>
                  <a:gd name="connsiteY5" fmla="*/ 846137 h 1295805"/>
                  <a:gd name="connsiteX6" fmla="*/ 143621 w 2697530"/>
                  <a:gd name="connsiteY6" fmla="*/ 744494 h 1295805"/>
                  <a:gd name="connsiteX7" fmla="*/ 206362 w 2697530"/>
                  <a:gd name="connsiteY7" fmla="*/ 607870 h 1295805"/>
                  <a:gd name="connsiteX8" fmla="*/ 280808 w 2697530"/>
                  <a:gd name="connsiteY8" fmla="*/ 487959 h 1295805"/>
                  <a:gd name="connsiteX9" fmla="*/ 396202 w 2697530"/>
                  <a:gd name="connsiteY9" fmla="*/ 368772 h 1295805"/>
                  <a:gd name="connsiteX10" fmla="*/ 532241 w 2697530"/>
                  <a:gd name="connsiteY10" fmla="*/ 290266 h 1295805"/>
                  <a:gd name="connsiteX11" fmla="*/ 699665 w 2697530"/>
                  <a:gd name="connsiteY11" fmla="*/ 153435 h 1295805"/>
                  <a:gd name="connsiteX12" fmla="*/ 933380 w 2697530"/>
                  <a:gd name="connsiteY12" fmla="*/ 58239 h 1295805"/>
                  <a:gd name="connsiteX13" fmla="*/ 1139331 w 2697530"/>
                  <a:gd name="connsiteY13" fmla="*/ 33312 h 1295805"/>
                  <a:gd name="connsiteX14" fmla="*/ 1293556 w 2697530"/>
                  <a:gd name="connsiteY14" fmla="*/ 108459 h 1295805"/>
                  <a:gd name="connsiteX15" fmla="*/ 1357017 w 2697530"/>
                  <a:gd name="connsiteY15" fmla="*/ 166219 h 1295805"/>
                  <a:gd name="connsiteX16" fmla="*/ 1456576 w 2697530"/>
                  <a:gd name="connsiteY16" fmla="*/ 48477 h 1295805"/>
                  <a:gd name="connsiteX17" fmla="*/ 1591932 w 2697530"/>
                  <a:gd name="connsiteY17" fmla="*/ 60 h 1295805"/>
                  <a:gd name="connsiteX18" fmla="*/ 1848756 w 2697530"/>
                  <a:gd name="connsiteY18" fmla="*/ 41469 h 1295805"/>
                  <a:gd name="connsiteX19" fmla="*/ 2042444 w 2697530"/>
                  <a:gd name="connsiteY19" fmla="*/ 159798 h 1295805"/>
                  <a:gd name="connsiteX20" fmla="*/ 2258751 w 2697530"/>
                  <a:gd name="connsiteY20" fmla="*/ 317274 h 1295805"/>
                  <a:gd name="connsiteX21" fmla="*/ 2382406 w 2697530"/>
                  <a:gd name="connsiteY21" fmla="*/ 411381 h 1295805"/>
                  <a:gd name="connsiteX22" fmla="*/ 2433841 w 2697530"/>
                  <a:gd name="connsiteY22" fmla="*/ 485676 h 1295805"/>
                  <a:gd name="connsiteX23" fmla="*/ 2475810 w 2697530"/>
                  <a:gd name="connsiteY23" fmla="*/ 541038 h 1295805"/>
                  <a:gd name="connsiteX24" fmla="*/ 2536711 w 2697530"/>
                  <a:gd name="connsiteY24" fmla="*/ 662841 h 1295805"/>
                  <a:gd name="connsiteX25" fmla="*/ 2593861 w 2697530"/>
                  <a:gd name="connsiteY25" fmla="*/ 774283 h 1295805"/>
                  <a:gd name="connsiteX26" fmla="*/ 2591649 w 2697530"/>
                  <a:gd name="connsiteY26" fmla="*/ 808764 h 1295805"/>
                  <a:gd name="connsiteX27" fmla="*/ 2645296 w 2697530"/>
                  <a:gd name="connsiteY27" fmla="*/ 988596 h 1295805"/>
                  <a:gd name="connsiteX28" fmla="*/ 2664844 w 2697530"/>
                  <a:gd name="connsiteY28" fmla="*/ 1048040 h 1295805"/>
                  <a:gd name="connsiteX29" fmla="*/ 2696731 w 2697530"/>
                  <a:gd name="connsiteY29" fmla="*/ 1134328 h 1295805"/>
                  <a:gd name="connsiteX30" fmla="*/ 2687377 w 2697530"/>
                  <a:gd name="connsiteY30" fmla="*/ 1295805 h 1295805"/>
                  <a:gd name="connsiteX31" fmla="*/ 11081 w 2697530"/>
                  <a:gd name="connsiteY31" fmla="*/ 1270195 h 1295805"/>
                  <a:gd name="connsiteX0" fmla="*/ 11081 w 2697530"/>
                  <a:gd name="connsiteY0" fmla="*/ 1270683 h 1296293"/>
                  <a:gd name="connsiteX1" fmla="*/ 177 w 2697530"/>
                  <a:gd name="connsiteY1" fmla="*/ 1216210 h 1296293"/>
                  <a:gd name="connsiteX2" fmla="*/ 7340 w 2697530"/>
                  <a:gd name="connsiteY2" fmla="*/ 1137673 h 1296293"/>
                  <a:gd name="connsiteX3" fmla="*/ 42572 w 2697530"/>
                  <a:gd name="connsiteY3" fmla="*/ 1039018 h 1296293"/>
                  <a:gd name="connsiteX4" fmla="*/ 80963 w 2697530"/>
                  <a:gd name="connsiteY4" fmla="*/ 911100 h 1296293"/>
                  <a:gd name="connsiteX5" fmla="*/ 90304 w 2697530"/>
                  <a:gd name="connsiteY5" fmla="*/ 846625 h 1296293"/>
                  <a:gd name="connsiteX6" fmla="*/ 143621 w 2697530"/>
                  <a:gd name="connsiteY6" fmla="*/ 744982 h 1296293"/>
                  <a:gd name="connsiteX7" fmla="*/ 206362 w 2697530"/>
                  <a:gd name="connsiteY7" fmla="*/ 608358 h 1296293"/>
                  <a:gd name="connsiteX8" fmla="*/ 280808 w 2697530"/>
                  <a:gd name="connsiteY8" fmla="*/ 488447 h 1296293"/>
                  <a:gd name="connsiteX9" fmla="*/ 396202 w 2697530"/>
                  <a:gd name="connsiteY9" fmla="*/ 369260 h 1296293"/>
                  <a:gd name="connsiteX10" fmla="*/ 532241 w 2697530"/>
                  <a:gd name="connsiteY10" fmla="*/ 290754 h 1296293"/>
                  <a:gd name="connsiteX11" fmla="*/ 699665 w 2697530"/>
                  <a:gd name="connsiteY11" fmla="*/ 153923 h 1296293"/>
                  <a:gd name="connsiteX12" fmla="*/ 933380 w 2697530"/>
                  <a:gd name="connsiteY12" fmla="*/ 58727 h 1296293"/>
                  <a:gd name="connsiteX13" fmla="*/ 1139331 w 2697530"/>
                  <a:gd name="connsiteY13" fmla="*/ 33800 h 1296293"/>
                  <a:gd name="connsiteX14" fmla="*/ 1293556 w 2697530"/>
                  <a:gd name="connsiteY14" fmla="*/ 108947 h 1296293"/>
                  <a:gd name="connsiteX15" fmla="*/ 1357017 w 2697530"/>
                  <a:gd name="connsiteY15" fmla="*/ 166707 h 1296293"/>
                  <a:gd name="connsiteX16" fmla="*/ 1479051 w 2697530"/>
                  <a:gd name="connsiteY16" fmla="*/ 66249 h 1296293"/>
                  <a:gd name="connsiteX17" fmla="*/ 1591932 w 2697530"/>
                  <a:gd name="connsiteY17" fmla="*/ 548 h 1296293"/>
                  <a:gd name="connsiteX18" fmla="*/ 1848756 w 2697530"/>
                  <a:gd name="connsiteY18" fmla="*/ 41957 h 1296293"/>
                  <a:gd name="connsiteX19" fmla="*/ 2042444 w 2697530"/>
                  <a:gd name="connsiteY19" fmla="*/ 160286 h 1296293"/>
                  <a:gd name="connsiteX20" fmla="*/ 2258751 w 2697530"/>
                  <a:gd name="connsiteY20" fmla="*/ 317762 h 1296293"/>
                  <a:gd name="connsiteX21" fmla="*/ 2382406 w 2697530"/>
                  <a:gd name="connsiteY21" fmla="*/ 411869 h 1296293"/>
                  <a:gd name="connsiteX22" fmla="*/ 2433841 w 2697530"/>
                  <a:gd name="connsiteY22" fmla="*/ 486164 h 1296293"/>
                  <a:gd name="connsiteX23" fmla="*/ 2475810 w 2697530"/>
                  <a:gd name="connsiteY23" fmla="*/ 541526 h 1296293"/>
                  <a:gd name="connsiteX24" fmla="*/ 2536711 w 2697530"/>
                  <a:gd name="connsiteY24" fmla="*/ 663329 h 1296293"/>
                  <a:gd name="connsiteX25" fmla="*/ 2593861 w 2697530"/>
                  <a:gd name="connsiteY25" fmla="*/ 774771 h 1296293"/>
                  <a:gd name="connsiteX26" fmla="*/ 2591649 w 2697530"/>
                  <a:gd name="connsiteY26" fmla="*/ 809252 h 1296293"/>
                  <a:gd name="connsiteX27" fmla="*/ 2645296 w 2697530"/>
                  <a:gd name="connsiteY27" fmla="*/ 989084 h 1296293"/>
                  <a:gd name="connsiteX28" fmla="*/ 2664844 w 2697530"/>
                  <a:gd name="connsiteY28" fmla="*/ 1048528 h 1296293"/>
                  <a:gd name="connsiteX29" fmla="*/ 2696731 w 2697530"/>
                  <a:gd name="connsiteY29" fmla="*/ 1134816 h 1296293"/>
                  <a:gd name="connsiteX30" fmla="*/ 2687377 w 2697530"/>
                  <a:gd name="connsiteY30" fmla="*/ 1296293 h 1296293"/>
                  <a:gd name="connsiteX31" fmla="*/ 11081 w 2697530"/>
                  <a:gd name="connsiteY31" fmla="*/ 1270683 h 1296293"/>
                  <a:gd name="connsiteX0" fmla="*/ 11081 w 2697530"/>
                  <a:gd name="connsiteY0" fmla="*/ 1270683 h 1296293"/>
                  <a:gd name="connsiteX1" fmla="*/ 177 w 2697530"/>
                  <a:gd name="connsiteY1" fmla="*/ 1216210 h 1296293"/>
                  <a:gd name="connsiteX2" fmla="*/ 7340 w 2697530"/>
                  <a:gd name="connsiteY2" fmla="*/ 1137673 h 1296293"/>
                  <a:gd name="connsiteX3" fmla="*/ 42572 w 2697530"/>
                  <a:gd name="connsiteY3" fmla="*/ 1039018 h 1296293"/>
                  <a:gd name="connsiteX4" fmla="*/ 80963 w 2697530"/>
                  <a:gd name="connsiteY4" fmla="*/ 911100 h 1296293"/>
                  <a:gd name="connsiteX5" fmla="*/ 90304 w 2697530"/>
                  <a:gd name="connsiteY5" fmla="*/ 846625 h 1296293"/>
                  <a:gd name="connsiteX6" fmla="*/ 143621 w 2697530"/>
                  <a:gd name="connsiteY6" fmla="*/ 744982 h 1296293"/>
                  <a:gd name="connsiteX7" fmla="*/ 206362 w 2697530"/>
                  <a:gd name="connsiteY7" fmla="*/ 608358 h 1296293"/>
                  <a:gd name="connsiteX8" fmla="*/ 280808 w 2697530"/>
                  <a:gd name="connsiteY8" fmla="*/ 488447 h 1296293"/>
                  <a:gd name="connsiteX9" fmla="*/ 396202 w 2697530"/>
                  <a:gd name="connsiteY9" fmla="*/ 369260 h 1296293"/>
                  <a:gd name="connsiteX10" fmla="*/ 532241 w 2697530"/>
                  <a:gd name="connsiteY10" fmla="*/ 290754 h 1296293"/>
                  <a:gd name="connsiteX11" fmla="*/ 699665 w 2697530"/>
                  <a:gd name="connsiteY11" fmla="*/ 153923 h 1296293"/>
                  <a:gd name="connsiteX12" fmla="*/ 933380 w 2697530"/>
                  <a:gd name="connsiteY12" fmla="*/ 58727 h 1296293"/>
                  <a:gd name="connsiteX13" fmla="*/ 1139331 w 2697530"/>
                  <a:gd name="connsiteY13" fmla="*/ 33800 h 1296293"/>
                  <a:gd name="connsiteX14" fmla="*/ 1293556 w 2697530"/>
                  <a:gd name="connsiteY14" fmla="*/ 108947 h 1296293"/>
                  <a:gd name="connsiteX15" fmla="*/ 1357017 w 2697530"/>
                  <a:gd name="connsiteY15" fmla="*/ 166707 h 1296293"/>
                  <a:gd name="connsiteX16" fmla="*/ 1479051 w 2697530"/>
                  <a:gd name="connsiteY16" fmla="*/ 66249 h 1296293"/>
                  <a:gd name="connsiteX17" fmla="*/ 1591932 w 2697530"/>
                  <a:gd name="connsiteY17" fmla="*/ 548 h 1296293"/>
                  <a:gd name="connsiteX18" fmla="*/ 1848756 w 2697530"/>
                  <a:gd name="connsiteY18" fmla="*/ 41957 h 1296293"/>
                  <a:gd name="connsiteX19" fmla="*/ 2042444 w 2697530"/>
                  <a:gd name="connsiteY19" fmla="*/ 160286 h 1296293"/>
                  <a:gd name="connsiteX20" fmla="*/ 2258751 w 2697530"/>
                  <a:gd name="connsiteY20" fmla="*/ 317762 h 1296293"/>
                  <a:gd name="connsiteX21" fmla="*/ 2382406 w 2697530"/>
                  <a:gd name="connsiteY21" fmla="*/ 411869 h 1296293"/>
                  <a:gd name="connsiteX22" fmla="*/ 2433841 w 2697530"/>
                  <a:gd name="connsiteY22" fmla="*/ 486164 h 1296293"/>
                  <a:gd name="connsiteX23" fmla="*/ 2475810 w 2697530"/>
                  <a:gd name="connsiteY23" fmla="*/ 541526 h 1296293"/>
                  <a:gd name="connsiteX24" fmla="*/ 2536711 w 2697530"/>
                  <a:gd name="connsiteY24" fmla="*/ 663329 h 1296293"/>
                  <a:gd name="connsiteX25" fmla="*/ 2593861 w 2697530"/>
                  <a:gd name="connsiteY25" fmla="*/ 774771 h 1296293"/>
                  <a:gd name="connsiteX26" fmla="*/ 2591649 w 2697530"/>
                  <a:gd name="connsiteY26" fmla="*/ 809252 h 1296293"/>
                  <a:gd name="connsiteX27" fmla="*/ 2645296 w 2697530"/>
                  <a:gd name="connsiteY27" fmla="*/ 989084 h 1296293"/>
                  <a:gd name="connsiteX28" fmla="*/ 2664844 w 2697530"/>
                  <a:gd name="connsiteY28" fmla="*/ 1048528 h 1296293"/>
                  <a:gd name="connsiteX29" fmla="*/ 2696731 w 2697530"/>
                  <a:gd name="connsiteY29" fmla="*/ 1134816 h 1296293"/>
                  <a:gd name="connsiteX30" fmla="*/ 2687377 w 2697530"/>
                  <a:gd name="connsiteY30" fmla="*/ 1296293 h 1296293"/>
                  <a:gd name="connsiteX31" fmla="*/ 11081 w 2697530"/>
                  <a:gd name="connsiteY31" fmla="*/ 1270683 h 1296293"/>
                  <a:gd name="connsiteX0" fmla="*/ 11081 w 2697530"/>
                  <a:gd name="connsiteY0" fmla="*/ 1249215 h 1274825"/>
                  <a:gd name="connsiteX1" fmla="*/ 177 w 2697530"/>
                  <a:gd name="connsiteY1" fmla="*/ 1194742 h 1274825"/>
                  <a:gd name="connsiteX2" fmla="*/ 7340 w 2697530"/>
                  <a:gd name="connsiteY2" fmla="*/ 1116205 h 1274825"/>
                  <a:gd name="connsiteX3" fmla="*/ 42572 w 2697530"/>
                  <a:gd name="connsiteY3" fmla="*/ 1017550 h 1274825"/>
                  <a:gd name="connsiteX4" fmla="*/ 80963 w 2697530"/>
                  <a:gd name="connsiteY4" fmla="*/ 889632 h 1274825"/>
                  <a:gd name="connsiteX5" fmla="*/ 90304 w 2697530"/>
                  <a:gd name="connsiteY5" fmla="*/ 825157 h 1274825"/>
                  <a:gd name="connsiteX6" fmla="*/ 143621 w 2697530"/>
                  <a:gd name="connsiteY6" fmla="*/ 723514 h 1274825"/>
                  <a:gd name="connsiteX7" fmla="*/ 206362 w 2697530"/>
                  <a:gd name="connsiteY7" fmla="*/ 586890 h 1274825"/>
                  <a:gd name="connsiteX8" fmla="*/ 280808 w 2697530"/>
                  <a:gd name="connsiteY8" fmla="*/ 466979 h 1274825"/>
                  <a:gd name="connsiteX9" fmla="*/ 396202 w 2697530"/>
                  <a:gd name="connsiteY9" fmla="*/ 347792 h 1274825"/>
                  <a:gd name="connsiteX10" fmla="*/ 532241 w 2697530"/>
                  <a:gd name="connsiteY10" fmla="*/ 269286 h 1274825"/>
                  <a:gd name="connsiteX11" fmla="*/ 699665 w 2697530"/>
                  <a:gd name="connsiteY11" fmla="*/ 132455 h 1274825"/>
                  <a:gd name="connsiteX12" fmla="*/ 933380 w 2697530"/>
                  <a:gd name="connsiteY12" fmla="*/ 37259 h 1274825"/>
                  <a:gd name="connsiteX13" fmla="*/ 1139331 w 2697530"/>
                  <a:gd name="connsiteY13" fmla="*/ 12332 h 1274825"/>
                  <a:gd name="connsiteX14" fmla="*/ 1293556 w 2697530"/>
                  <a:gd name="connsiteY14" fmla="*/ 87479 h 1274825"/>
                  <a:gd name="connsiteX15" fmla="*/ 1357017 w 2697530"/>
                  <a:gd name="connsiteY15" fmla="*/ 145239 h 1274825"/>
                  <a:gd name="connsiteX16" fmla="*/ 1479051 w 2697530"/>
                  <a:gd name="connsiteY16" fmla="*/ 44781 h 1274825"/>
                  <a:gd name="connsiteX17" fmla="*/ 1617215 w 2697530"/>
                  <a:gd name="connsiteY17" fmla="*/ 2126 h 1274825"/>
                  <a:gd name="connsiteX18" fmla="*/ 1848756 w 2697530"/>
                  <a:gd name="connsiteY18" fmla="*/ 20489 h 1274825"/>
                  <a:gd name="connsiteX19" fmla="*/ 2042444 w 2697530"/>
                  <a:gd name="connsiteY19" fmla="*/ 138818 h 1274825"/>
                  <a:gd name="connsiteX20" fmla="*/ 2258751 w 2697530"/>
                  <a:gd name="connsiteY20" fmla="*/ 296294 h 1274825"/>
                  <a:gd name="connsiteX21" fmla="*/ 2382406 w 2697530"/>
                  <a:gd name="connsiteY21" fmla="*/ 390401 h 1274825"/>
                  <a:gd name="connsiteX22" fmla="*/ 2433841 w 2697530"/>
                  <a:gd name="connsiteY22" fmla="*/ 464696 h 1274825"/>
                  <a:gd name="connsiteX23" fmla="*/ 2475810 w 2697530"/>
                  <a:gd name="connsiteY23" fmla="*/ 520058 h 1274825"/>
                  <a:gd name="connsiteX24" fmla="*/ 2536711 w 2697530"/>
                  <a:gd name="connsiteY24" fmla="*/ 641861 h 1274825"/>
                  <a:gd name="connsiteX25" fmla="*/ 2593861 w 2697530"/>
                  <a:gd name="connsiteY25" fmla="*/ 753303 h 1274825"/>
                  <a:gd name="connsiteX26" fmla="*/ 2591649 w 2697530"/>
                  <a:gd name="connsiteY26" fmla="*/ 787784 h 1274825"/>
                  <a:gd name="connsiteX27" fmla="*/ 2645296 w 2697530"/>
                  <a:gd name="connsiteY27" fmla="*/ 967616 h 1274825"/>
                  <a:gd name="connsiteX28" fmla="*/ 2664844 w 2697530"/>
                  <a:gd name="connsiteY28" fmla="*/ 1027060 h 1274825"/>
                  <a:gd name="connsiteX29" fmla="*/ 2696731 w 2697530"/>
                  <a:gd name="connsiteY29" fmla="*/ 1113348 h 1274825"/>
                  <a:gd name="connsiteX30" fmla="*/ 2687377 w 2697530"/>
                  <a:gd name="connsiteY30" fmla="*/ 1274825 h 1274825"/>
                  <a:gd name="connsiteX31" fmla="*/ 11081 w 2697530"/>
                  <a:gd name="connsiteY31" fmla="*/ 1249215 h 1274825"/>
                  <a:gd name="connsiteX0" fmla="*/ 11081 w 2697530"/>
                  <a:gd name="connsiteY0" fmla="*/ 1249215 h 1274825"/>
                  <a:gd name="connsiteX1" fmla="*/ 177 w 2697530"/>
                  <a:gd name="connsiteY1" fmla="*/ 1194742 h 1274825"/>
                  <a:gd name="connsiteX2" fmla="*/ 7340 w 2697530"/>
                  <a:gd name="connsiteY2" fmla="*/ 1116205 h 1274825"/>
                  <a:gd name="connsiteX3" fmla="*/ 42572 w 2697530"/>
                  <a:gd name="connsiteY3" fmla="*/ 1017550 h 1274825"/>
                  <a:gd name="connsiteX4" fmla="*/ 80963 w 2697530"/>
                  <a:gd name="connsiteY4" fmla="*/ 889632 h 1274825"/>
                  <a:gd name="connsiteX5" fmla="*/ 90304 w 2697530"/>
                  <a:gd name="connsiteY5" fmla="*/ 825157 h 1274825"/>
                  <a:gd name="connsiteX6" fmla="*/ 143621 w 2697530"/>
                  <a:gd name="connsiteY6" fmla="*/ 723514 h 1274825"/>
                  <a:gd name="connsiteX7" fmla="*/ 206362 w 2697530"/>
                  <a:gd name="connsiteY7" fmla="*/ 586890 h 1274825"/>
                  <a:gd name="connsiteX8" fmla="*/ 280808 w 2697530"/>
                  <a:gd name="connsiteY8" fmla="*/ 466979 h 1274825"/>
                  <a:gd name="connsiteX9" fmla="*/ 396202 w 2697530"/>
                  <a:gd name="connsiteY9" fmla="*/ 347792 h 1274825"/>
                  <a:gd name="connsiteX10" fmla="*/ 532241 w 2697530"/>
                  <a:gd name="connsiteY10" fmla="*/ 269286 h 1274825"/>
                  <a:gd name="connsiteX11" fmla="*/ 699665 w 2697530"/>
                  <a:gd name="connsiteY11" fmla="*/ 132455 h 1274825"/>
                  <a:gd name="connsiteX12" fmla="*/ 933380 w 2697530"/>
                  <a:gd name="connsiteY12" fmla="*/ 37259 h 1274825"/>
                  <a:gd name="connsiteX13" fmla="*/ 1139331 w 2697530"/>
                  <a:gd name="connsiteY13" fmla="*/ 12332 h 1274825"/>
                  <a:gd name="connsiteX14" fmla="*/ 1293556 w 2697530"/>
                  <a:gd name="connsiteY14" fmla="*/ 87479 h 1274825"/>
                  <a:gd name="connsiteX15" fmla="*/ 1357017 w 2697530"/>
                  <a:gd name="connsiteY15" fmla="*/ 145239 h 1274825"/>
                  <a:gd name="connsiteX16" fmla="*/ 1397498 w 2697530"/>
                  <a:gd name="connsiteY16" fmla="*/ 107644 h 1274825"/>
                  <a:gd name="connsiteX17" fmla="*/ 1479051 w 2697530"/>
                  <a:gd name="connsiteY17" fmla="*/ 44781 h 1274825"/>
                  <a:gd name="connsiteX18" fmla="*/ 1617215 w 2697530"/>
                  <a:gd name="connsiteY18" fmla="*/ 2126 h 1274825"/>
                  <a:gd name="connsiteX19" fmla="*/ 1848756 w 2697530"/>
                  <a:gd name="connsiteY19" fmla="*/ 20489 h 1274825"/>
                  <a:gd name="connsiteX20" fmla="*/ 2042444 w 2697530"/>
                  <a:gd name="connsiteY20" fmla="*/ 138818 h 1274825"/>
                  <a:gd name="connsiteX21" fmla="*/ 2258751 w 2697530"/>
                  <a:gd name="connsiteY21" fmla="*/ 296294 h 1274825"/>
                  <a:gd name="connsiteX22" fmla="*/ 2382406 w 2697530"/>
                  <a:gd name="connsiteY22" fmla="*/ 390401 h 1274825"/>
                  <a:gd name="connsiteX23" fmla="*/ 2433841 w 2697530"/>
                  <a:gd name="connsiteY23" fmla="*/ 464696 h 1274825"/>
                  <a:gd name="connsiteX24" fmla="*/ 2475810 w 2697530"/>
                  <a:gd name="connsiteY24" fmla="*/ 520058 h 1274825"/>
                  <a:gd name="connsiteX25" fmla="*/ 2536711 w 2697530"/>
                  <a:gd name="connsiteY25" fmla="*/ 641861 h 1274825"/>
                  <a:gd name="connsiteX26" fmla="*/ 2593861 w 2697530"/>
                  <a:gd name="connsiteY26" fmla="*/ 753303 h 1274825"/>
                  <a:gd name="connsiteX27" fmla="*/ 2591649 w 2697530"/>
                  <a:gd name="connsiteY27" fmla="*/ 787784 h 1274825"/>
                  <a:gd name="connsiteX28" fmla="*/ 2645296 w 2697530"/>
                  <a:gd name="connsiteY28" fmla="*/ 967616 h 1274825"/>
                  <a:gd name="connsiteX29" fmla="*/ 2664844 w 2697530"/>
                  <a:gd name="connsiteY29" fmla="*/ 1027060 h 1274825"/>
                  <a:gd name="connsiteX30" fmla="*/ 2696731 w 2697530"/>
                  <a:gd name="connsiteY30" fmla="*/ 1113348 h 1274825"/>
                  <a:gd name="connsiteX31" fmla="*/ 2687377 w 2697530"/>
                  <a:gd name="connsiteY31" fmla="*/ 1274825 h 1274825"/>
                  <a:gd name="connsiteX32" fmla="*/ 11081 w 2697530"/>
                  <a:gd name="connsiteY32" fmla="*/ 1249215 h 1274825"/>
                  <a:gd name="connsiteX0" fmla="*/ 11081 w 2697530"/>
                  <a:gd name="connsiteY0" fmla="*/ 1249639 h 1275249"/>
                  <a:gd name="connsiteX1" fmla="*/ 177 w 2697530"/>
                  <a:gd name="connsiteY1" fmla="*/ 1195166 h 1275249"/>
                  <a:gd name="connsiteX2" fmla="*/ 7340 w 2697530"/>
                  <a:gd name="connsiteY2" fmla="*/ 1116629 h 1275249"/>
                  <a:gd name="connsiteX3" fmla="*/ 42572 w 2697530"/>
                  <a:gd name="connsiteY3" fmla="*/ 1017974 h 1275249"/>
                  <a:gd name="connsiteX4" fmla="*/ 80963 w 2697530"/>
                  <a:gd name="connsiteY4" fmla="*/ 890056 h 1275249"/>
                  <a:gd name="connsiteX5" fmla="*/ 90304 w 2697530"/>
                  <a:gd name="connsiteY5" fmla="*/ 825581 h 1275249"/>
                  <a:gd name="connsiteX6" fmla="*/ 143621 w 2697530"/>
                  <a:gd name="connsiteY6" fmla="*/ 723938 h 1275249"/>
                  <a:gd name="connsiteX7" fmla="*/ 206362 w 2697530"/>
                  <a:gd name="connsiteY7" fmla="*/ 587314 h 1275249"/>
                  <a:gd name="connsiteX8" fmla="*/ 280808 w 2697530"/>
                  <a:gd name="connsiteY8" fmla="*/ 467403 h 1275249"/>
                  <a:gd name="connsiteX9" fmla="*/ 396202 w 2697530"/>
                  <a:gd name="connsiteY9" fmla="*/ 348216 h 1275249"/>
                  <a:gd name="connsiteX10" fmla="*/ 532241 w 2697530"/>
                  <a:gd name="connsiteY10" fmla="*/ 269710 h 1275249"/>
                  <a:gd name="connsiteX11" fmla="*/ 699665 w 2697530"/>
                  <a:gd name="connsiteY11" fmla="*/ 132879 h 1275249"/>
                  <a:gd name="connsiteX12" fmla="*/ 933380 w 2697530"/>
                  <a:gd name="connsiteY12" fmla="*/ 37683 h 1275249"/>
                  <a:gd name="connsiteX13" fmla="*/ 1139331 w 2697530"/>
                  <a:gd name="connsiteY13" fmla="*/ 12756 h 1275249"/>
                  <a:gd name="connsiteX14" fmla="*/ 1293556 w 2697530"/>
                  <a:gd name="connsiteY14" fmla="*/ 87903 h 1275249"/>
                  <a:gd name="connsiteX15" fmla="*/ 1357017 w 2697530"/>
                  <a:gd name="connsiteY15" fmla="*/ 145663 h 1275249"/>
                  <a:gd name="connsiteX16" fmla="*/ 1397498 w 2697530"/>
                  <a:gd name="connsiteY16" fmla="*/ 108068 h 1275249"/>
                  <a:gd name="connsiteX17" fmla="*/ 1484669 w 2697530"/>
                  <a:gd name="connsiteY17" fmla="*/ 50967 h 1275249"/>
                  <a:gd name="connsiteX18" fmla="*/ 1617215 w 2697530"/>
                  <a:gd name="connsiteY18" fmla="*/ 2550 h 1275249"/>
                  <a:gd name="connsiteX19" fmla="*/ 1848756 w 2697530"/>
                  <a:gd name="connsiteY19" fmla="*/ 20913 h 1275249"/>
                  <a:gd name="connsiteX20" fmla="*/ 2042444 w 2697530"/>
                  <a:gd name="connsiteY20" fmla="*/ 139242 h 1275249"/>
                  <a:gd name="connsiteX21" fmla="*/ 2258751 w 2697530"/>
                  <a:gd name="connsiteY21" fmla="*/ 296718 h 1275249"/>
                  <a:gd name="connsiteX22" fmla="*/ 2382406 w 2697530"/>
                  <a:gd name="connsiteY22" fmla="*/ 390825 h 1275249"/>
                  <a:gd name="connsiteX23" fmla="*/ 2433841 w 2697530"/>
                  <a:gd name="connsiteY23" fmla="*/ 465120 h 1275249"/>
                  <a:gd name="connsiteX24" fmla="*/ 2475810 w 2697530"/>
                  <a:gd name="connsiteY24" fmla="*/ 520482 h 1275249"/>
                  <a:gd name="connsiteX25" fmla="*/ 2536711 w 2697530"/>
                  <a:gd name="connsiteY25" fmla="*/ 642285 h 1275249"/>
                  <a:gd name="connsiteX26" fmla="*/ 2593861 w 2697530"/>
                  <a:gd name="connsiteY26" fmla="*/ 753727 h 1275249"/>
                  <a:gd name="connsiteX27" fmla="*/ 2591649 w 2697530"/>
                  <a:gd name="connsiteY27" fmla="*/ 788208 h 1275249"/>
                  <a:gd name="connsiteX28" fmla="*/ 2645296 w 2697530"/>
                  <a:gd name="connsiteY28" fmla="*/ 968040 h 1275249"/>
                  <a:gd name="connsiteX29" fmla="*/ 2664844 w 2697530"/>
                  <a:gd name="connsiteY29" fmla="*/ 1027484 h 1275249"/>
                  <a:gd name="connsiteX30" fmla="*/ 2696731 w 2697530"/>
                  <a:gd name="connsiteY30" fmla="*/ 1113772 h 1275249"/>
                  <a:gd name="connsiteX31" fmla="*/ 2687377 w 2697530"/>
                  <a:gd name="connsiteY31" fmla="*/ 1275249 h 1275249"/>
                  <a:gd name="connsiteX32" fmla="*/ 11081 w 2697530"/>
                  <a:gd name="connsiteY32" fmla="*/ 1249639 h 1275249"/>
                  <a:gd name="connsiteX0" fmla="*/ 11081 w 2697530"/>
                  <a:gd name="connsiteY0" fmla="*/ 1249639 h 1275249"/>
                  <a:gd name="connsiteX1" fmla="*/ 177 w 2697530"/>
                  <a:gd name="connsiteY1" fmla="*/ 1195166 h 1275249"/>
                  <a:gd name="connsiteX2" fmla="*/ 7340 w 2697530"/>
                  <a:gd name="connsiteY2" fmla="*/ 1116629 h 1275249"/>
                  <a:gd name="connsiteX3" fmla="*/ 42572 w 2697530"/>
                  <a:gd name="connsiteY3" fmla="*/ 1017974 h 1275249"/>
                  <a:gd name="connsiteX4" fmla="*/ 80963 w 2697530"/>
                  <a:gd name="connsiteY4" fmla="*/ 890056 h 1275249"/>
                  <a:gd name="connsiteX5" fmla="*/ 90304 w 2697530"/>
                  <a:gd name="connsiteY5" fmla="*/ 825581 h 1275249"/>
                  <a:gd name="connsiteX6" fmla="*/ 143621 w 2697530"/>
                  <a:gd name="connsiteY6" fmla="*/ 723938 h 1275249"/>
                  <a:gd name="connsiteX7" fmla="*/ 206362 w 2697530"/>
                  <a:gd name="connsiteY7" fmla="*/ 587314 h 1275249"/>
                  <a:gd name="connsiteX8" fmla="*/ 280808 w 2697530"/>
                  <a:gd name="connsiteY8" fmla="*/ 467403 h 1275249"/>
                  <a:gd name="connsiteX9" fmla="*/ 396202 w 2697530"/>
                  <a:gd name="connsiteY9" fmla="*/ 348216 h 1275249"/>
                  <a:gd name="connsiteX10" fmla="*/ 532241 w 2697530"/>
                  <a:gd name="connsiteY10" fmla="*/ 269710 h 1275249"/>
                  <a:gd name="connsiteX11" fmla="*/ 699665 w 2697530"/>
                  <a:gd name="connsiteY11" fmla="*/ 132879 h 1275249"/>
                  <a:gd name="connsiteX12" fmla="*/ 933380 w 2697530"/>
                  <a:gd name="connsiteY12" fmla="*/ 37683 h 1275249"/>
                  <a:gd name="connsiteX13" fmla="*/ 1139331 w 2697530"/>
                  <a:gd name="connsiteY13" fmla="*/ 12756 h 1275249"/>
                  <a:gd name="connsiteX14" fmla="*/ 1307602 w 2697530"/>
                  <a:gd name="connsiteY14" fmla="*/ 93663 h 1275249"/>
                  <a:gd name="connsiteX15" fmla="*/ 1357017 w 2697530"/>
                  <a:gd name="connsiteY15" fmla="*/ 145663 h 1275249"/>
                  <a:gd name="connsiteX16" fmla="*/ 1397498 w 2697530"/>
                  <a:gd name="connsiteY16" fmla="*/ 108068 h 1275249"/>
                  <a:gd name="connsiteX17" fmla="*/ 1484669 w 2697530"/>
                  <a:gd name="connsiteY17" fmla="*/ 50967 h 1275249"/>
                  <a:gd name="connsiteX18" fmla="*/ 1617215 w 2697530"/>
                  <a:gd name="connsiteY18" fmla="*/ 2550 h 1275249"/>
                  <a:gd name="connsiteX19" fmla="*/ 1848756 w 2697530"/>
                  <a:gd name="connsiteY19" fmla="*/ 20913 h 1275249"/>
                  <a:gd name="connsiteX20" fmla="*/ 2042444 w 2697530"/>
                  <a:gd name="connsiteY20" fmla="*/ 139242 h 1275249"/>
                  <a:gd name="connsiteX21" fmla="*/ 2258751 w 2697530"/>
                  <a:gd name="connsiteY21" fmla="*/ 296718 h 1275249"/>
                  <a:gd name="connsiteX22" fmla="*/ 2382406 w 2697530"/>
                  <a:gd name="connsiteY22" fmla="*/ 390825 h 1275249"/>
                  <a:gd name="connsiteX23" fmla="*/ 2433841 w 2697530"/>
                  <a:gd name="connsiteY23" fmla="*/ 465120 h 1275249"/>
                  <a:gd name="connsiteX24" fmla="*/ 2475810 w 2697530"/>
                  <a:gd name="connsiteY24" fmla="*/ 520482 h 1275249"/>
                  <a:gd name="connsiteX25" fmla="*/ 2536711 w 2697530"/>
                  <a:gd name="connsiteY25" fmla="*/ 642285 h 1275249"/>
                  <a:gd name="connsiteX26" fmla="*/ 2593861 w 2697530"/>
                  <a:gd name="connsiteY26" fmla="*/ 753727 h 1275249"/>
                  <a:gd name="connsiteX27" fmla="*/ 2591649 w 2697530"/>
                  <a:gd name="connsiteY27" fmla="*/ 788208 h 1275249"/>
                  <a:gd name="connsiteX28" fmla="*/ 2645296 w 2697530"/>
                  <a:gd name="connsiteY28" fmla="*/ 968040 h 1275249"/>
                  <a:gd name="connsiteX29" fmla="*/ 2664844 w 2697530"/>
                  <a:gd name="connsiteY29" fmla="*/ 1027484 h 1275249"/>
                  <a:gd name="connsiteX30" fmla="*/ 2696731 w 2697530"/>
                  <a:gd name="connsiteY30" fmla="*/ 1113772 h 1275249"/>
                  <a:gd name="connsiteX31" fmla="*/ 2687377 w 2697530"/>
                  <a:gd name="connsiteY31" fmla="*/ 1275249 h 1275249"/>
                  <a:gd name="connsiteX32" fmla="*/ 11081 w 2697530"/>
                  <a:gd name="connsiteY32" fmla="*/ 1249639 h 1275249"/>
                  <a:gd name="connsiteX0" fmla="*/ 11081 w 2697530"/>
                  <a:gd name="connsiteY0" fmla="*/ 1248323 h 1273933"/>
                  <a:gd name="connsiteX1" fmla="*/ 177 w 2697530"/>
                  <a:gd name="connsiteY1" fmla="*/ 1193850 h 1273933"/>
                  <a:gd name="connsiteX2" fmla="*/ 7340 w 2697530"/>
                  <a:gd name="connsiteY2" fmla="*/ 1115313 h 1273933"/>
                  <a:gd name="connsiteX3" fmla="*/ 42572 w 2697530"/>
                  <a:gd name="connsiteY3" fmla="*/ 1016658 h 1273933"/>
                  <a:gd name="connsiteX4" fmla="*/ 80963 w 2697530"/>
                  <a:gd name="connsiteY4" fmla="*/ 888740 h 1273933"/>
                  <a:gd name="connsiteX5" fmla="*/ 90304 w 2697530"/>
                  <a:gd name="connsiteY5" fmla="*/ 824265 h 1273933"/>
                  <a:gd name="connsiteX6" fmla="*/ 143621 w 2697530"/>
                  <a:gd name="connsiteY6" fmla="*/ 722622 h 1273933"/>
                  <a:gd name="connsiteX7" fmla="*/ 206362 w 2697530"/>
                  <a:gd name="connsiteY7" fmla="*/ 585998 h 1273933"/>
                  <a:gd name="connsiteX8" fmla="*/ 280808 w 2697530"/>
                  <a:gd name="connsiteY8" fmla="*/ 466087 h 1273933"/>
                  <a:gd name="connsiteX9" fmla="*/ 396202 w 2697530"/>
                  <a:gd name="connsiteY9" fmla="*/ 346900 h 1273933"/>
                  <a:gd name="connsiteX10" fmla="*/ 532241 w 2697530"/>
                  <a:gd name="connsiteY10" fmla="*/ 268394 h 1273933"/>
                  <a:gd name="connsiteX11" fmla="*/ 699665 w 2697530"/>
                  <a:gd name="connsiteY11" fmla="*/ 131563 h 1273933"/>
                  <a:gd name="connsiteX12" fmla="*/ 933380 w 2697530"/>
                  <a:gd name="connsiteY12" fmla="*/ 36367 h 1273933"/>
                  <a:gd name="connsiteX13" fmla="*/ 1139331 w 2697530"/>
                  <a:gd name="connsiteY13" fmla="*/ 11440 h 1273933"/>
                  <a:gd name="connsiteX14" fmla="*/ 1307602 w 2697530"/>
                  <a:gd name="connsiteY14" fmla="*/ 92347 h 1273933"/>
                  <a:gd name="connsiteX15" fmla="*/ 1357017 w 2697530"/>
                  <a:gd name="connsiteY15" fmla="*/ 144347 h 1273933"/>
                  <a:gd name="connsiteX16" fmla="*/ 1397498 w 2697530"/>
                  <a:gd name="connsiteY16" fmla="*/ 106752 h 1273933"/>
                  <a:gd name="connsiteX17" fmla="*/ 1484669 w 2697530"/>
                  <a:gd name="connsiteY17" fmla="*/ 49651 h 1273933"/>
                  <a:gd name="connsiteX18" fmla="*/ 1617215 w 2697530"/>
                  <a:gd name="connsiteY18" fmla="*/ 1234 h 1273933"/>
                  <a:gd name="connsiteX19" fmla="*/ 1845947 w 2697530"/>
                  <a:gd name="connsiteY19" fmla="*/ 25358 h 1273933"/>
                  <a:gd name="connsiteX20" fmla="*/ 2042444 w 2697530"/>
                  <a:gd name="connsiteY20" fmla="*/ 137926 h 1273933"/>
                  <a:gd name="connsiteX21" fmla="*/ 2258751 w 2697530"/>
                  <a:gd name="connsiteY21" fmla="*/ 295402 h 1273933"/>
                  <a:gd name="connsiteX22" fmla="*/ 2382406 w 2697530"/>
                  <a:gd name="connsiteY22" fmla="*/ 389509 h 1273933"/>
                  <a:gd name="connsiteX23" fmla="*/ 2433841 w 2697530"/>
                  <a:gd name="connsiteY23" fmla="*/ 463804 h 1273933"/>
                  <a:gd name="connsiteX24" fmla="*/ 2475810 w 2697530"/>
                  <a:gd name="connsiteY24" fmla="*/ 519166 h 1273933"/>
                  <a:gd name="connsiteX25" fmla="*/ 2536711 w 2697530"/>
                  <a:gd name="connsiteY25" fmla="*/ 640969 h 1273933"/>
                  <a:gd name="connsiteX26" fmla="*/ 2593861 w 2697530"/>
                  <a:gd name="connsiteY26" fmla="*/ 752411 h 1273933"/>
                  <a:gd name="connsiteX27" fmla="*/ 2591649 w 2697530"/>
                  <a:gd name="connsiteY27" fmla="*/ 786892 h 1273933"/>
                  <a:gd name="connsiteX28" fmla="*/ 2645296 w 2697530"/>
                  <a:gd name="connsiteY28" fmla="*/ 966724 h 1273933"/>
                  <a:gd name="connsiteX29" fmla="*/ 2664844 w 2697530"/>
                  <a:gd name="connsiteY29" fmla="*/ 1026168 h 1273933"/>
                  <a:gd name="connsiteX30" fmla="*/ 2696731 w 2697530"/>
                  <a:gd name="connsiteY30" fmla="*/ 1112456 h 1273933"/>
                  <a:gd name="connsiteX31" fmla="*/ 2687377 w 2697530"/>
                  <a:gd name="connsiteY31" fmla="*/ 1273933 h 1273933"/>
                  <a:gd name="connsiteX32" fmla="*/ 11081 w 2697530"/>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36711 w 2721088"/>
                  <a:gd name="connsiteY25" fmla="*/ 640969 h 1273933"/>
                  <a:gd name="connsiteX26" fmla="*/ 2593861 w 2721088"/>
                  <a:gd name="connsiteY26" fmla="*/ 752411 h 1273933"/>
                  <a:gd name="connsiteX27" fmla="*/ 2591649 w 2721088"/>
                  <a:gd name="connsiteY27" fmla="*/ 786892 h 1273933"/>
                  <a:gd name="connsiteX28" fmla="*/ 2645296 w 2721088"/>
                  <a:gd name="connsiteY28" fmla="*/ 966724 h 1273933"/>
                  <a:gd name="connsiteX29" fmla="*/ 2664844 w 2721088"/>
                  <a:gd name="connsiteY29" fmla="*/ 1026168 h 1273933"/>
                  <a:gd name="connsiteX30" fmla="*/ 2696731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36711 w 2721088"/>
                  <a:gd name="connsiteY25" fmla="*/ 640969 h 1273933"/>
                  <a:gd name="connsiteX26" fmla="*/ 2593861 w 2721088"/>
                  <a:gd name="connsiteY26" fmla="*/ 752411 h 1273933"/>
                  <a:gd name="connsiteX27" fmla="*/ 2591649 w 2721088"/>
                  <a:gd name="connsiteY27" fmla="*/ 786892 h 1273933"/>
                  <a:gd name="connsiteX28" fmla="*/ 2645296 w 2721088"/>
                  <a:gd name="connsiteY28" fmla="*/ 966724 h 1273933"/>
                  <a:gd name="connsiteX29" fmla="*/ 2664844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36711 w 2721088"/>
                  <a:gd name="connsiteY25" fmla="*/ 640969 h 1273933"/>
                  <a:gd name="connsiteX26" fmla="*/ 2593861 w 2721088"/>
                  <a:gd name="connsiteY26" fmla="*/ 752411 h 1273933"/>
                  <a:gd name="connsiteX27" fmla="*/ 2591649 w 2721088"/>
                  <a:gd name="connsiteY27" fmla="*/ 786892 h 1273933"/>
                  <a:gd name="connsiteX28" fmla="*/ 2645296 w 2721088"/>
                  <a:gd name="connsiteY28" fmla="*/ 966724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36711 w 2721088"/>
                  <a:gd name="connsiteY25" fmla="*/ 640969 h 1273933"/>
                  <a:gd name="connsiteX26" fmla="*/ 2593861 w 2721088"/>
                  <a:gd name="connsiteY26" fmla="*/ 752411 h 1273933"/>
                  <a:gd name="connsiteX27" fmla="*/ 2591649 w 2721088"/>
                  <a:gd name="connsiteY27" fmla="*/ 786892 h 1273933"/>
                  <a:gd name="connsiteX28" fmla="*/ 2656533 w 2721088"/>
                  <a:gd name="connsiteY28" fmla="*/ 914872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36711 w 2721088"/>
                  <a:gd name="connsiteY25" fmla="*/ 640969 h 1273933"/>
                  <a:gd name="connsiteX26" fmla="*/ 2593861 w 2721088"/>
                  <a:gd name="connsiteY26" fmla="*/ 752411 h 1273933"/>
                  <a:gd name="connsiteX27" fmla="*/ 2605696 w 2721088"/>
                  <a:gd name="connsiteY27" fmla="*/ 786892 h 1273933"/>
                  <a:gd name="connsiteX28" fmla="*/ 2656533 w 2721088"/>
                  <a:gd name="connsiteY28" fmla="*/ 914872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42330 w 2721088"/>
                  <a:gd name="connsiteY25" fmla="*/ 629447 h 1273933"/>
                  <a:gd name="connsiteX26" fmla="*/ 2593861 w 2721088"/>
                  <a:gd name="connsiteY26" fmla="*/ 752411 h 1273933"/>
                  <a:gd name="connsiteX27" fmla="*/ 2605696 w 2721088"/>
                  <a:gd name="connsiteY27" fmla="*/ 786892 h 1273933"/>
                  <a:gd name="connsiteX28" fmla="*/ 2656533 w 2721088"/>
                  <a:gd name="connsiteY28" fmla="*/ 914872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82406 w 2721088"/>
                  <a:gd name="connsiteY22" fmla="*/ 389509 h 1273933"/>
                  <a:gd name="connsiteX23" fmla="*/ 2433841 w 2721088"/>
                  <a:gd name="connsiteY23" fmla="*/ 463804 h 1273933"/>
                  <a:gd name="connsiteX24" fmla="*/ 2475810 w 2721088"/>
                  <a:gd name="connsiteY24" fmla="*/ 519166 h 1273933"/>
                  <a:gd name="connsiteX25" fmla="*/ 2542330 w 2721088"/>
                  <a:gd name="connsiteY25" fmla="*/ 629447 h 1273933"/>
                  <a:gd name="connsiteX26" fmla="*/ 2579815 w 2721088"/>
                  <a:gd name="connsiteY26" fmla="*/ 740889 h 1273933"/>
                  <a:gd name="connsiteX27" fmla="*/ 2605696 w 2721088"/>
                  <a:gd name="connsiteY27" fmla="*/ 786892 h 1273933"/>
                  <a:gd name="connsiteX28" fmla="*/ 2656533 w 2721088"/>
                  <a:gd name="connsiteY28" fmla="*/ 914872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258751 w 2721088"/>
                  <a:gd name="connsiteY21" fmla="*/ 295402 h 1273933"/>
                  <a:gd name="connsiteX22" fmla="*/ 2371169 w 2721088"/>
                  <a:gd name="connsiteY22" fmla="*/ 389509 h 1273933"/>
                  <a:gd name="connsiteX23" fmla="*/ 2433841 w 2721088"/>
                  <a:gd name="connsiteY23" fmla="*/ 463804 h 1273933"/>
                  <a:gd name="connsiteX24" fmla="*/ 2475810 w 2721088"/>
                  <a:gd name="connsiteY24" fmla="*/ 519166 h 1273933"/>
                  <a:gd name="connsiteX25" fmla="*/ 2542330 w 2721088"/>
                  <a:gd name="connsiteY25" fmla="*/ 629447 h 1273933"/>
                  <a:gd name="connsiteX26" fmla="*/ 2579815 w 2721088"/>
                  <a:gd name="connsiteY26" fmla="*/ 740889 h 1273933"/>
                  <a:gd name="connsiteX27" fmla="*/ 2605696 w 2721088"/>
                  <a:gd name="connsiteY27" fmla="*/ 786892 h 1273933"/>
                  <a:gd name="connsiteX28" fmla="*/ 2656533 w 2721088"/>
                  <a:gd name="connsiteY28" fmla="*/ 914872 h 1273933"/>
                  <a:gd name="connsiteX29" fmla="*/ 2673272 w 2721088"/>
                  <a:gd name="connsiteY29" fmla="*/ 1026168 h 1273933"/>
                  <a:gd name="connsiteX30" fmla="*/ 2713586 w 2721088"/>
                  <a:gd name="connsiteY30" fmla="*/ 1112456 h 1273933"/>
                  <a:gd name="connsiteX31" fmla="*/ 2721088 w 2721088"/>
                  <a:gd name="connsiteY31" fmla="*/ 1273933 h 1273933"/>
                  <a:gd name="connsiteX32" fmla="*/ 11081 w 2721088"/>
                  <a:gd name="connsiteY32" fmla="*/ 1248323 h 1273933"/>
                  <a:gd name="connsiteX0" fmla="*/ 11081 w 2721088"/>
                  <a:gd name="connsiteY0" fmla="*/ 1248323 h 1273933"/>
                  <a:gd name="connsiteX1" fmla="*/ 177 w 2721088"/>
                  <a:gd name="connsiteY1" fmla="*/ 1193850 h 1273933"/>
                  <a:gd name="connsiteX2" fmla="*/ 7340 w 2721088"/>
                  <a:gd name="connsiteY2" fmla="*/ 1115313 h 1273933"/>
                  <a:gd name="connsiteX3" fmla="*/ 42572 w 2721088"/>
                  <a:gd name="connsiteY3" fmla="*/ 1016658 h 1273933"/>
                  <a:gd name="connsiteX4" fmla="*/ 80963 w 2721088"/>
                  <a:gd name="connsiteY4" fmla="*/ 888740 h 1273933"/>
                  <a:gd name="connsiteX5" fmla="*/ 90304 w 2721088"/>
                  <a:gd name="connsiteY5" fmla="*/ 824265 h 1273933"/>
                  <a:gd name="connsiteX6" fmla="*/ 143621 w 2721088"/>
                  <a:gd name="connsiteY6" fmla="*/ 722622 h 1273933"/>
                  <a:gd name="connsiteX7" fmla="*/ 206362 w 2721088"/>
                  <a:gd name="connsiteY7" fmla="*/ 585998 h 1273933"/>
                  <a:gd name="connsiteX8" fmla="*/ 280808 w 2721088"/>
                  <a:gd name="connsiteY8" fmla="*/ 466087 h 1273933"/>
                  <a:gd name="connsiteX9" fmla="*/ 396202 w 2721088"/>
                  <a:gd name="connsiteY9" fmla="*/ 346900 h 1273933"/>
                  <a:gd name="connsiteX10" fmla="*/ 532241 w 2721088"/>
                  <a:gd name="connsiteY10" fmla="*/ 268394 h 1273933"/>
                  <a:gd name="connsiteX11" fmla="*/ 699665 w 2721088"/>
                  <a:gd name="connsiteY11" fmla="*/ 131563 h 1273933"/>
                  <a:gd name="connsiteX12" fmla="*/ 933380 w 2721088"/>
                  <a:gd name="connsiteY12" fmla="*/ 36367 h 1273933"/>
                  <a:gd name="connsiteX13" fmla="*/ 1139331 w 2721088"/>
                  <a:gd name="connsiteY13" fmla="*/ 11440 h 1273933"/>
                  <a:gd name="connsiteX14" fmla="*/ 1307602 w 2721088"/>
                  <a:gd name="connsiteY14" fmla="*/ 92347 h 1273933"/>
                  <a:gd name="connsiteX15" fmla="*/ 1357017 w 2721088"/>
                  <a:gd name="connsiteY15" fmla="*/ 144347 h 1273933"/>
                  <a:gd name="connsiteX16" fmla="*/ 1397498 w 2721088"/>
                  <a:gd name="connsiteY16" fmla="*/ 106752 h 1273933"/>
                  <a:gd name="connsiteX17" fmla="*/ 1484669 w 2721088"/>
                  <a:gd name="connsiteY17" fmla="*/ 49651 h 1273933"/>
                  <a:gd name="connsiteX18" fmla="*/ 1617215 w 2721088"/>
                  <a:gd name="connsiteY18" fmla="*/ 1234 h 1273933"/>
                  <a:gd name="connsiteX19" fmla="*/ 1845947 w 2721088"/>
                  <a:gd name="connsiteY19" fmla="*/ 25358 h 1273933"/>
                  <a:gd name="connsiteX20" fmla="*/ 2042444 w 2721088"/>
                  <a:gd name="connsiteY20" fmla="*/ 137926 h 1273933"/>
                  <a:gd name="connsiteX21" fmla="*/ 2141945 w 2721088"/>
                  <a:gd name="connsiteY21" fmla="*/ 221977 h 1273933"/>
                  <a:gd name="connsiteX22" fmla="*/ 2258751 w 2721088"/>
                  <a:gd name="connsiteY22" fmla="*/ 295402 h 1273933"/>
                  <a:gd name="connsiteX23" fmla="*/ 2371169 w 2721088"/>
                  <a:gd name="connsiteY23" fmla="*/ 389509 h 1273933"/>
                  <a:gd name="connsiteX24" fmla="*/ 2433841 w 2721088"/>
                  <a:gd name="connsiteY24" fmla="*/ 463804 h 1273933"/>
                  <a:gd name="connsiteX25" fmla="*/ 2475810 w 2721088"/>
                  <a:gd name="connsiteY25" fmla="*/ 519166 h 1273933"/>
                  <a:gd name="connsiteX26" fmla="*/ 2542330 w 2721088"/>
                  <a:gd name="connsiteY26" fmla="*/ 629447 h 1273933"/>
                  <a:gd name="connsiteX27" fmla="*/ 2579815 w 2721088"/>
                  <a:gd name="connsiteY27" fmla="*/ 740889 h 1273933"/>
                  <a:gd name="connsiteX28" fmla="*/ 2605696 w 2721088"/>
                  <a:gd name="connsiteY28" fmla="*/ 786892 h 1273933"/>
                  <a:gd name="connsiteX29" fmla="*/ 2656533 w 2721088"/>
                  <a:gd name="connsiteY29" fmla="*/ 914872 h 1273933"/>
                  <a:gd name="connsiteX30" fmla="*/ 2673272 w 2721088"/>
                  <a:gd name="connsiteY30" fmla="*/ 1026168 h 1273933"/>
                  <a:gd name="connsiteX31" fmla="*/ 2713586 w 2721088"/>
                  <a:gd name="connsiteY31" fmla="*/ 1112456 h 1273933"/>
                  <a:gd name="connsiteX32" fmla="*/ 2721088 w 2721088"/>
                  <a:gd name="connsiteY32" fmla="*/ 1273933 h 1273933"/>
                  <a:gd name="connsiteX33" fmla="*/ 11081 w 2721088"/>
                  <a:gd name="connsiteY33" fmla="*/ 1248323 h 1273933"/>
                  <a:gd name="connsiteX0" fmla="*/ 11081 w 2721088"/>
                  <a:gd name="connsiteY0" fmla="*/ 1253715 h 1279325"/>
                  <a:gd name="connsiteX1" fmla="*/ 177 w 2721088"/>
                  <a:gd name="connsiteY1" fmla="*/ 1199242 h 1279325"/>
                  <a:gd name="connsiteX2" fmla="*/ 7340 w 2721088"/>
                  <a:gd name="connsiteY2" fmla="*/ 1120705 h 1279325"/>
                  <a:gd name="connsiteX3" fmla="*/ 42572 w 2721088"/>
                  <a:gd name="connsiteY3" fmla="*/ 1022050 h 1279325"/>
                  <a:gd name="connsiteX4" fmla="*/ 80963 w 2721088"/>
                  <a:gd name="connsiteY4" fmla="*/ 894132 h 1279325"/>
                  <a:gd name="connsiteX5" fmla="*/ 90304 w 2721088"/>
                  <a:gd name="connsiteY5" fmla="*/ 829657 h 1279325"/>
                  <a:gd name="connsiteX6" fmla="*/ 143621 w 2721088"/>
                  <a:gd name="connsiteY6" fmla="*/ 728014 h 1279325"/>
                  <a:gd name="connsiteX7" fmla="*/ 206362 w 2721088"/>
                  <a:gd name="connsiteY7" fmla="*/ 591390 h 1279325"/>
                  <a:gd name="connsiteX8" fmla="*/ 280808 w 2721088"/>
                  <a:gd name="connsiteY8" fmla="*/ 471479 h 1279325"/>
                  <a:gd name="connsiteX9" fmla="*/ 396202 w 2721088"/>
                  <a:gd name="connsiteY9" fmla="*/ 352292 h 1279325"/>
                  <a:gd name="connsiteX10" fmla="*/ 532241 w 2721088"/>
                  <a:gd name="connsiteY10" fmla="*/ 273786 h 1279325"/>
                  <a:gd name="connsiteX11" fmla="*/ 699665 w 2721088"/>
                  <a:gd name="connsiteY11" fmla="*/ 136955 h 1279325"/>
                  <a:gd name="connsiteX12" fmla="*/ 933380 w 2721088"/>
                  <a:gd name="connsiteY12" fmla="*/ 41759 h 1279325"/>
                  <a:gd name="connsiteX13" fmla="*/ 1139331 w 2721088"/>
                  <a:gd name="connsiteY13" fmla="*/ 16832 h 1279325"/>
                  <a:gd name="connsiteX14" fmla="*/ 1307602 w 2721088"/>
                  <a:gd name="connsiteY14" fmla="*/ 97739 h 1279325"/>
                  <a:gd name="connsiteX15" fmla="*/ 1357017 w 2721088"/>
                  <a:gd name="connsiteY15" fmla="*/ 149739 h 1279325"/>
                  <a:gd name="connsiteX16" fmla="*/ 1397498 w 2721088"/>
                  <a:gd name="connsiteY16" fmla="*/ 112144 h 1279325"/>
                  <a:gd name="connsiteX17" fmla="*/ 1484669 w 2721088"/>
                  <a:gd name="connsiteY17" fmla="*/ 55043 h 1279325"/>
                  <a:gd name="connsiteX18" fmla="*/ 1634071 w 2721088"/>
                  <a:gd name="connsiteY18" fmla="*/ 865 h 1279325"/>
                  <a:gd name="connsiteX19" fmla="*/ 1845947 w 2721088"/>
                  <a:gd name="connsiteY19" fmla="*/ 30750 h 1279325"/>
                  <a:gd name="connsiteX20" fmla="*/ 2042444 w 2721088"/>
                  <a:gd name="connsiteY20" fmla="*/ 143318 h 1279325"/>
                  <a:gd name="connsiteX21" fmla="*/ 2141945 w 2721088"/>
                  <a:gd name="connsiteY21" fmla="*/ 227369 h 1279325"/>
                  <a:gd name="connsiteX22" fmla="*/ 2258751 w 2721088"/>
                  <a:gd name="connsiteY22" fmla="*/ 300794 h 1279325"/>
                  <a:gd name="connsiteX23" fmla="*/ 2371169 w 2721088"/>
                  <a:gd name="connsiteY23" fmla="*/ 394901 h 1279325"/>
                  <a:gd name="connsiteX24" fmla="*/ 2433841 w 2721088"/>
                  <a:gd name="connsiteY24" fmla="*/ 469196 h 1279325"/>
                  <a:gd name="connsiteX25" fmla="*/ 2475810 w 2721088"/>
                  <a:gd name="connsiteY25" fmla="*/ 524558 h 1279325"/>
                  <a:gd name="connsiteX26" fmla="*/ 2542330 w 2721088"/>
                  <a:gd name="connsiteY26" fmla="*/ 634839 h 1279325"/>
                  <a:gd name="connsiteX27" fmla="*/ 2579815 w 2721088"/>
                  <a:gd name="connsiteY27" fmla="*/ 746281 h 1279325"/>
                  <a:gd name="connsiteX28" fmla="*/ 2605696 w 2721088"/>
                  <a:gd name="connsiteY28" fmla="*/ 792284 h 1279325"/>
                  <a:gd name="connsiteX29" fmla="*/ 2656533 w 2721088"/>
                  <a:gd name="connsiteY29" fmla="*/ 920264 h 1279325"/>
                  <a:gd name="connsiteX30" fmla="*/ 2673272 w 2721088"/>
                  <a:gd name="connsiteY30" fmla="*/ 1031560 h 1279325"/>
                  <a:gd name="connsiteX31" fmla="*/ 2713586 w 2721088"/>
                  <a:gd name="connsiteY31" fmla="*/ 1117848 h 1279325"/>
                  <a:gd name="connsiteX32" fmla="*/ 2721088 w 2721088"/>
                  <a:gd name="connsiteY32" fmla="*/ 1279325 h 1279325"/>
                  <a:gd name="connsiteX33" fmla="*/ 11081 w 2721088"/>
                  <a:gd name="connsiteY33" fmla="*/ 1253715 h 1279325"/>
                  <a:gd name="connsiteX0" fmla="*/ 11081 w 2721088"/>
                  <a:gd name="connsiteY0" fmla="*/ 1253715 h 1279325"/>
                  <a:gd name="connsiteX1" fmla="*/ 177 w 2721088"/>
                  <a:gd name="connsiteY1" fmla="*/ 1199242 h 1279325"/>
                  <a:gd name="connsiteX2" fmla="*/ 7340 w 2721088"/>
                  <a:gd name="connsiteY2" fmla="*/ 1120705 h 1279325"/>
                  <a:gd name="connsiteX3" fmla="*/ 42572 w 2721088"/>
                  <a:gd name="connsiteY3" fmla="*/ 1022050 h 1279325"/>
                  <a:gd name="connsiteX4" fmla="*/ 80963 w 2721088"/>
                  <a:gd name="connsiteY4" fmla="*/ 894132 h 1279325"/>
                  <a:gd name="connsiteX5" fmla="*/ 90304 w 2721088"/>
                  <a:gd name="connsiteY5" fmla="*/ 829657 h 1279325"/>
                  <a:gd name="connsiteX6" fmla="*/ 143621 w 2721088"/>
                  <a:gd name="connsiteY6" fmla="*/ 728014 h 1279325"/>
                  <a:gd name="connsiteX7" fmla="*/ 206362 w 2721088"/>
                  <a:gd name="connsiteY7" fmla="*/ 591390 h 1279325"/>
                  <a:gd name="connsiteX8" fmla="*/ 280808 w 2721088"/>
                  <a:gd name="connsiteY8" fmla="*/ 471479 h 1279325"/>
                  <a:gd name="connsiteX9" fmla="*/ 396202 w 2721088"/>
                  <a:gd name="connsiteY9" fmla="*/ 352292 h 1279325"/>
                  <a:gd name="connsiteX10" fmla="*/ 532241 w 2721088"/>
                  <a:gd name="connsiteY10" fmla="*/ 273786 h 1279325"/>
                  <a:gd name="connsiteX11" fmla="*/ 699665 w 2721088"/>
                  <a:gd name="connsiteY11" fmla="*/ 136955 h 1279325"/>
                  <a:gd name="connsiteX12" fmla="*/ 933380 w 2721088"/>
                  <a:gd name="connsiteY12" fmla="*/ 41759 h 1279325"/>
                  <a:gd name="connsiteX13" fmla="*/ 1139331 w 2721088"/>
                  <a:gd name="connsiteY13" fmla="*/ 16832 h 1279325"/>
                  <a:gd name="connsiteX14" fmla="*/ 1307602 w 2721088"/>
                  <a:gd name="connsiteY14" fmla="*/ 97739 h 1279325"/>
                  <a:gd name="connsiteX15" fmla="*/ 1357017 w 2721088"/>
                  <a:gd name="connsiteY15" fmla="*/ 149739 h 1279325"/>
                  <a:gd name="connsiteX16" fmla="*/ 1397498 w 2721088"/>
                  <a:gd name="connsiteY16" fmla="*/ 112144 h 1279325"/>
                  <a:gd name="connsiteX17" fmla="*/ 1484669 w 2721088"/>
                  <a:gd name="connsiteY17" fmla="*/ 55043 h 1279325"/>
                  <a:gd name="connsiteX18" fmla="*/ 1634071 w 2721088"/>
                  <a:gd name="connsiteY18" fmla="*/ 865 h 1279325"/>
                  <a:gd name="connsiteX19" fmla="*/ 1845947 w 2721088"/>
                  <a:gd name="connsiteY19" fmla="*/ 30750 h 1279325"/>
                  <a:gd name="connsiteX20" fmla="*/ 2042444 w 2721088"/>
                  <a:gd name="connsiteY20" fmla="*/ 143318 h 1279325"/>
                  <a:gd name="connsiteX21" fmla="*/ 2141945 w 2721088"/>
                  <a:gd name="connsiteY21" fmla="*/ 227369 h 1279325"/>
                  <a:gd name="connsiteX22" fmla="*/ 2258751 w 2721088"/>
                  <a:gd name="connsiteY22" fmla="*/ 300794 h 1279325"/>
                  <a:gd name="connsiteX23" fmla="*/ 2371169 w 2721088"/>
                  <a:gd name="connsiteY23" fmla="*/ 394901 h 1279325"/>
                  <a:gd name="connsiteX24" fmla="*/ 2445078 w 2721088"/>
                  <a:gd name="connsiteY24" fmla="*/ 466315 h 1279325"/>
                  <a:gd name="connsiteX25" fmla="*/ 2475810 w 2721088"/>
                  <a:gd name="connsiteY25" fmla="*/ 524558 h 1279325"/>
                  <a:gd name="connsiteX26" fmla="*/ 2542330 w 2721088"/>
                  <a:gd name="connsiteY26" fmla="*/ 634839 h 1279325"/>
                  <a:gd name="connsiteX27" fmla="*/ 2579815 w 2721088"/>
                  <a:gd name="connsiteY27" fmla="*/ 746281 h 1279325"/>
                  <a:gd name="connsiteX28" fmla="*/ 2605696 w 2721088"/>
                  <a:gd name="connsiteY28" fmla="*/ 792284 h 1279325"/>
                  <a:gd name="connsiteX29" fmla="*/ 2656533 w 2721088"/>
                  <a:gd name="connsiteY29" fmla="*/ 920264 h 1279325"/>
                  <a:gd name="connsiteX30" fmla="*/ 2673272 w 2721088"/>
                  <a:gd name="connsiteY30" fmla="*/ 1031560 h 1279325"/>
                  <a:gd name="connsiteX31" fmla="*/ 2713586 w 2721088"/>
                  <a:gd name="connsiteY31" fmla="*/ 1117848 h 1279325"/>
                  <a:gd name="connsiteX32" fmla="*/ 2721088 w 2721088"/>
                  <a:gd name="connsiteY32" fmla="*/ 1279325 h 1279325"/>
                  <a:gd name="connsiteX33" fmla="*/ 11081 w 2721088"/>
                  <a:gd name="connsiteY33" fmla="*/ 1253715 h 1279325"/>
                  <a:gd name="connsiteX0" fmla="*/ 11081 w 2721088"/>
                  <a:gd name="connsiteY0" fmla="*/ 1253715 h 1279325"/>
                  <a:gd name="connsiteX1" fmla="*/ 177 w 2721088"/>
                  <a:gd name="connsiteY1" fmla="*/ 1199242 h 1279325"/>
                  <a:gd name="connsiteX2" fmla="*/ 7340 w 2721088"/>
                  <a:gd name="connsiteY2" fmla="*/ 1120705 h 1279325"/>
                  <a:gd name="connsiteX3" fmla="*/ 42572 w 2721088"/>
                  <a:gd name="connsiteY3" fmla="*/ 1022050 h 1279325"/>
                  <a:gd name="connsiteX4" fmla="*/ 80963 w 2721088"/>
                  <a:gd name="connsiteY4" fmla="*/ 894132 h 1279325"/>
                  <a:gd name="connsiteX5" fmla="*/ 90304 w 2721088"/>
                  <a:gd name="connsiteY5" fmla="*/ 829657 h 1279325"/>
                  <a:gd name="connsiteX6" fmla="*/ 143621 w 2721088"/>
                  <a:gd name="connsiteY6" fmla="*/ 728014 h 1279325"/>
                  <a:gd name="connsiteX7" fmla="*/ 206362 w 2721088"/>
                  <a:gd name="connsiteY7" fmla="*/ 591390 h 1279325"/>
                  <a:gd name="connsiteX8" fmla="*/ 280808 w 2721088"/>
                  <a:gd name="connsiteY8" fmla="*/ 471479 h 1279325"/>
                  <a:gd name="connsiteX9" fmla="*/ 396202 w 2721088"/>
                  <a:gd name="connsiteY9" fmla="*/ 352292 h 1279325"/>
                  <a:gd name="connsiteX10" fmla="*/ 532241 w 2721088"/>
                  <a:gd name="connsiteY10" fmla="*/ 273786 h 1279325"/>
                  <a:gd name="connsiteX11" fmla="*/ 699665 w 2721088"/>
                  <a:gd name="connsiteY11" fmla="*/ 136955 h 1279325"/>
                  <a:gd name="connsiteX12" fmla="*/ 933380 w 2721088"/>
                  <a:gd name="connsiteY12" fmla="*/ 41759 h 1279325"/>
                  <a:gd name="connsiteX13" fmla="*/ 1139331 w 2721088"/>
                  <a:gd name="connsiteY13" fmla="*/ 16832 h 1279325"/>
                  <a:gd name="connsiteX14" fmla="*/ 1307602 w 2721088"/>
                  <a:gd name="connsiteY14" fmla="*/ 97739 h 1279325"/>
                  <a:gd name="connsiteX15" fmla="*/ 1357017 w 2721088"/>
                  <a:gd name="connsiteY15" fmla="*/ 149739 h 1279325"/>
                  <a:gd name="connsiteX16" fmla="*/ 1397498 w 2721088"/>
                  <a:gd name="connsiteY16" fmla="*/ 112144 h 1279325"/>
                  <a:gd name="connsiteX17" fmla="*/ 1484669 w 2721088"/>
                  <a:gd name="connsiteY17" fmla="*/ 55043 h 1279325"/>
                  <a:gd name="connsiteX18" fmla="*/ 1634071 w 2721088"/>
                  <a:gd name="connsiteY18" fmla="*/ 865 h 1279325"/>
                  <a:gd name="connsiteX19" fmla="*/ 1845947 w 2721088"/>
                  <a:gd name="connsiteY19" fmla="*/ 30750 h 1279325"/>
                  <a:gd name="connsiteX20" fmla="*/ 2042444 w 2721088"/>
                  <a:gd name="connsiteY20" fmla="*/ 143318 h 1279325"/>
                  <a:gd name="connsiteX21" fmla="*/ 2141945 w 2721088"/>
                  <a:gd name="connsiteY21" fmla="*/ 227369 h 1279325"/>
                  <a:gd name="connsiteX22" fmla="*/ 2258751 w 2721088"/>
                  <a:gd name="connsiteY22" fmla="*/ 300794 h 1279325"/>
                  <a:gd name="connsiteX23" fmla="*/ 2368360 w 2721088"/>
                  <a:gd name="connsiteY23" fmla="*/ 389139 h 1279325"/>
                  <a:gd name="connsiteX24" fmla="*/ 2445078 w 2721088"/>
                  <a:gd name="connsiteY24" fmla="*/ 466315 h 1279325"/>
                  <a:gd name="connsiteX25" fmla="*/ 2475810 w 2721088"/>
                  <a:gd name="connsiteY25" fmla="*/ 524558 h 1279325"/>
                  <a:gd name="connsiteX26" fmla="*/ 2542330 w 2721088"/>
                  <a:gd name="connsiteY26" fmla="*/ 634839 h 1279325"/>
                  <a:gd name="connsiteX27" fmla="*/ 2579815 w 2721088"/>
                  <a:gd name="connsiteY27" fmla="*/ 746281 h 1279325"/>
                  <a:gd name="connsiteX28" fmla="*/ 2605696 w 2721088"/>
                  <a:gd name="connsiteY28" fmla="*/ 792284 h 1279325"/>
                  <a:gd name="connsiteX29" fmla="*/ 2656533 w 2721088"/>
                  <a:gd name="connsiteY29" fmla="*/ 920264 h 1279325"/>
                  <a:gd name="connsiteX30" fmla="*/ 2673272 w 2721088"/>
                  <a:gd name="connsiteY30" fmla="*/ 1031560 h 1279325"/>
                  <a:gd name="connsiteX31" fmla="*/ 2713586 w 2721088"/>
                  <a:gd name="connsiteY31" fmla="*/ 1117848 h 1279325"/>
                  <a:gd name="connsiteX32" fmla="*/ 2721088 w 2721088"/>
                  <a:gd name="connsiteY32" fmla="*/ 1279325 h 1279325"/>
                  <a:gd name="connsiteX33" fmla="*/ 11081 w 2721088"/>
                  <a:gd name="connsiteY33" fmla="*/ 1253715 h 1279325"/>
                  <a:gd name="connsiteX0" fmla="*/ 11081 w 2721088"/>
                  <a:gd name="connsiteY0" fmla="*/ 1253715 h 1279325"/>
                  <a:gd name="connsiteX1" fmla="*/ 177 w 2721088"/>
                  <a:gd name="connsiteY1" fmla="*/ 1199242 h 1279325"/>
                  <a:gd name="connsiteX2" fmla="*/ 7340 w 2721088"/>
                  <a:gd name="connsiteY2" fmla="*/ 1120705 h 1279325"/>
                  <a:gd name="connsiteX3" fmla="*/ 42572 w 2721088"/>
                  <a:gd name="connsiteY3" fmla="*/ 1022050 h 1279325"/>
                  <a:gd name="connsiteX4" fmla="*/ 80963 w 2721088"/>
                  <a:gd name="connsiteY4" fmla="*/ 894132 h 1279325"/>
                  <a:gd name="connsiteX5" fmla="*/ 90304 w 2721088"/>
                  <a:gd name="connsiteY5" fmla="*/ 829657 h 1279325"/>
                  <a:gd name="connsiteX6" fmla="*/ 143621 w 2721088"/>
                  <a:gd name="connsiteY6" fmla="*/ 728014 h 1279325"/>
                  <a:gd name="connsiteX7" fmla="*/ 206362 w 2721088"/>
                  <a:gd name="connsiteY7" fmla="*/ 591390 h 1279325"/>
                  <a:gd name="connsiteX8" fmla="*/ 280808 w 2721088"/>
                  <a:gd name="connsiteY8" fmla="*/ 471479 h 1279325"/>
                  <a:gd name="connsiteX9" fmla="*/ 396202 w 2721088"/>
                  <a:gd name="connsiteY9" fmla="*/ 352292 h 1279325"/>
                  <a:gd name="connsiteX10" fmla="*/ 532241 w 2721088"/>
                  <a:gd name="connsiteY10" fmla="*/ 273786 h 1279325"/>
                  <a:gd name="connsiteX11" fmla="*/ 699665 w 2721088"/>
                  <a:gd name="connsiteY11" fmla="*/ 136955 h 1279325"/>
                  <a:gd name="connsiteX12" fmla="*/ 921713 w 2721088"/>
                  <a:gd name="connsiteY12" fmla="*/ 35777 h 1279325"/>
                  <a:gd name="connsiteX13" fmla="*/ 1139331 w 2721088"/>
                  <a:gd name="connsiteY13" fmla="*/ 16832 h 1279325"/>
                  <a:gd name="connsiteX14" fmla="*/ 1307602 w 2721088"/>
                  <a:gd name="connsiteY14" fmla="*/ 97739 h 1279325"/>
                  <a:gd name="connsiteX15" fmla="*/ 1357017 w 2721088"/>
                  <a:gd name="connsiteY15" fmla="*/ 149739 h 1279325"/>
                  <a:gd name="connsiteX16" fmla="*/ 1397498 w 2721088"/>
                  <a:gd name="connsiteY16" fmla="*/ 112144 h 1279325"/>
                  <a:gd name="connsiteX17" fmla="*/ 1484669 w 2721088"/>
                  <a:gd name="connsiteY17" fmla="*/ 55043 h 1279325"/>
                  <a:gd name="connsiteX18" fmla="*/ 1634071 w 2721088"/>
                  <a:gd name="connsiteY18" fmla="*/ 865 h 1279325"/>
                  <a:gd name="connsiteX19" fmla="*/ 1845947 w 2721088"/>
                  <a:gd name="connsiteY19" fmla="*/ 30750 h 1279325"/>
                  <a:gd name="connsiteX20" fmla="*/ 2042444 w 2721088"/>
                  <a:gd name="connsiteY20" fmla="*/ 143318 h 1279325"/>
                  <a:gd name="connsiteX21" fmla="*/ 2141945 w 2721088"/>
                  <a:gd name="connsiteY21" fmla="*/ 227369 h 1279325"/>
                  <a:gd name="connsiteX22" fmla="*/ 2258751 w 2721088"/>
                  <a:gd name="connsiteY22" fmla="*/ 300794 h 1279325"/>
                  <a:gd name="connsiteX23" fmla="*/ 2368360 w 2721088"/>
                  <a:gd name="connsiteY23" fmla="*/ 389139 h 1279325"/>
                  <a:gd name="connsiteX24" fmla="*/ 2445078 w 2721088"/>
                  <a:gd name="connsiteY24" fmla="*/ 466315 h 1279325"/>
                  <a:gd name="connsiteX25" fmla="*/ 2475810 w 2721088"/>
                  <a:gd name="connsiteY25" fmla="*/ 524558 h 1279325"/>
                  <a:gd name="connsiteX26" fmla="*/ 2542330 w 2721088"/>
                  <a:gd name="connsiteY26" fmla="*/ 634839 h 1279325"/>
                  <a:gd name="connsiteX27" fmla="*/ 2579815 w 2721088"/>
                  <a:gd name="connsiteY27" fmla="*/ 746281 h 1279325"/>
                  <a:gd name="connsiteX28" fmla="*/ 2605696 w 2721088"/>
                  <a:gd name="connsiteY28" fmla="*/ 792284 h 1279325"/>
                  <a:gd name="connsiteX29" fmla="*/ 2656533 w 2721088"/>
                  <a:gd name="connsiteY29" fmla="*/ 920264 h 1279325"/>
                  <a:gd name="connsiteX30" fmla="*/ 2673272 w 2721088"/>
                  <a:gd name="connsiteY30" fmla="*/ 1031560 h 1279325"/>
                  <a:gd name="connsiteX31" fmla="*/ 2713586 w 2721088"/>
                  <a:gd name="connsiteY31" fmla="*/ 1117848 h 1279325"/>
                  <a:gd name="connsiteX32" fmla="*/ 2721088 w 2721088"/>
                  <a:gd name="connsiteY32" fmla="*/ 1279325 h 1279325"/>
                  <a:gd name="connsiteX33" fmla="*/ 11081 w 2721088"/>
                  <a:gd name="connsiteY33" fmla="*/ 1253715 h 1279325"/>
                  <a:gd name="connsiteX0" fmla="*/ 11081 w 2721088"/>
                  <a:gd name="connsiteY0" fmla="*/ 1253715 h 1279325"/>
                  <a:gd name="connsiteX1" fmla="*/ 177 w 2721088"/>
                  <a:gd name="connsiteY1" fmla="*/ 1199242 h 1279325"/>
                  <a:gd name="connsiteX2" fmla="*/ 7340 w 2721088"/>
                  <a:gd name="connsiteY2" fmla="*/ 1120705 h 1279325"/>
                  <a:gd name="connsiteX3" fmla="*/ 42572 w 2721088"/>
                  <a:gd name="connsiteY3" fmla="*/ 1022050 h 1279325"/>
                  <a:gd name="connsiteX4" fmla="*/ 80963 w 2721088"/>
                  <a:gd name="connsiteY4" fmla="*/ 894132 h 1279325"/>
                  <a:gd name="connsiteX5" fmla="*/ 90304 w 2721088"/>
                  <a:gd name="connsiteY5" fmla="*/ 829657 h 1279325"/>
                  <a:gd name="connsiteX6" fmla="*/ 143621 w 2721088"/>
                  <a:gd name="connsiteY6" fmla="*/ 728014 h 1279325"/>
                  <a:gd name="connsiteX7" fmla="*/ 206362 w 2721088"/>
                  <a:gd name="connsiteY7" fmla="*/ 591390 h 1279325"/>
                  <a:gd name="connsiteX8" fmla="*/ 280808 w 2721088"/>
                  <a:gd name="connsiteY8" fmla="*/ 471479 h 1279325"/>
                  <a:gd name="connsiteX9" fmla="*/ 396202 w 2721088"/>
                  <a:gd name="connsiteY9" fmla="*/ 352292 h 1279325"/>
                  <a:gd name="connsiteX10" fmla="*/ 532241 w 2721088"/>
                  <a:gd name="connsiteY10" fmla="*/ 273786 h 1279325"/>
                  <a:gd name="connsiteX11" fmla="*/ 699665 w 2721088"/>
                  <a:gd name="connsiteY11" fmla="*/ 136955 h 1279325"/>
                  <a:gd name="connsiteX12" fmla="*/ 921713 w 2721088"/>
                  <a:gd name="connsiteY12" fmla="*/ 35777 h 1279325"/>
                  <a:gd name="connsiteX13" fmla="*/ 1130582 w 2721088"/>
                  <a:gd name="connsiteY13" fmla="*/ 16832 h 1279325"/>
                  <a:gd name="connsiteX14" fmla="*/ 1307602 w 2721088"/>
                  <a:gd name="connsiteY14" fmla="*/ 97739 h 1279325"/>
                  <a:gd name="connsiteX15" fmla="*/ 1357017 w 2721088"/>
                  <a:gd name="connsiteY15" fmla="*/ 149739 h 1279325"/>
                  <a:gd name="connsiteX16" fmla="*/ 1397498 w 2721088"/>
                  <a:gd name="connsiteY16" fmla="*/ 112144 h 1279325"/>
                  <a:gd name="connsiteX17" fmla="*/ 1484669 w 2721088"/>
                  <a:gd name="connsiteY17" fmla="*/ 55043 h 1279325"/>
                  <a:gd name="connsiteX18" fmla="*/ 1634071 w 2721088"/>
                  <a:gd name="connsiteY18" fmla="*/ 865 h 1279325"/>
                  <a:gd name="connsiteX19" fmla="*/ 1845947 w 2721088"/>
                  <a:gd name="connsiteY19" fmla="*/ 30750 h 1279325"/>
                  <a:gd name="connsiteX20" fmla="*/ 2042444 w 2721088"/>
                  <a:gd name="connsiteY20" fmla="*/ 143318 h 1279325"/>
                  <a:gd name="connsiteX21" fmla="*/ 2141945 w 2721088"/>
                  <a:gd name="connsiteY21" fmla="*/ 227369 h 1279325"/>
                  <a:gd name="connsiteX22" fmla="*/ 2258751 w 2721088"/>
                  <a:gd name="connsiteY22" fmla="*/ 300794 h 1279325"/>
                  <a:gd name="connsiteX23" fmla="*/ 2368360 w 2721088"/>
                  <a:gd name="connsiteY23" fmla="*/ 389139 h 1279325"/>
                  <a:gd name="connsiteX24" fmla="*/ 2445078 w 2721088"/>
                  <a:gd name="connsiteY24" fmla="*/ 466315 h 1279325"/>
                  <a:gd name="connsiteX25" fmla="*/ 2475810 w 2721088"/>
                  <a:gd name="connsiteY25" fmla="*/ 524558 h 1279325"/>
                  <a:gd name="connsiteX26" fmla="*/ 2542330 w 2721088"/>
                  <a:gd name="connsiteY26" fmla="*/ 634839 h 1279325"/>
                  <a:gd name="connsiteX27" fmla="*/ 2579815 w 2721088"/>
                  <a:gd name="connsiteY27" fmla="*/ 746281 h 1279325"/>
                  <a:gd name="connsiteX28" fmla="*/ 2605696 w 2721088"/>
                  <a:gd name="connsiteY28" fmla="*/ 792284 h 1279325"/>
                  <a:gd name="connsiteX29" fmla="*/ 2656533 w 2721088"/>
                  <a:gd name="connsiteY29" fmla="*/ 920264 h 1279325"/>
                  <a:gd name="connsiteX30" fmla="*/ 2673272 w 2721088"/>
                  <a:gd name="connsiteY30" fmla="*/ 1031560 h 1279325"/>
                  <a:gd name="connsiteX31" fmla="*/ 2713586 w 2721088"/>
                  <a:gd name="connsiteY31" fmla="*/ 1117848 h 1279325"/>
                  <a:gd name="connsiteX32" fmla="*/ 2721088 w 2721088"/>
                  <a:gd name="connsiteY32" fmla="*/ 1279325 h 1279325"/>
                  <a:gd name="connsiteX33" fmla="*/ 11081 w 2721088"/>
                  <a:gd name="connsiteY33" fmla="*/ 1253715 h 1279325"/>
                  <a:gd name="connsiteX0" fmla="*/ 11081 w 2721088"/>
                  <a:gd name="connsiteY0" fmla="*/ 1256585 h 1282195"/>
                  <a:gd name="connsiteX1" fmla="*/ 177 w 2721088"/>
                  <a:gd name="connsiteY1" fmla="*/ 1202112 h 1282195"/>
                  <a:gd name="connsiteX2" fmla="*/ 7340 w 2721088"/>
                  <a:gd name="connsiteY2" fmla="*/ 1123575 h 1282195"/>
                  <a:gd name="connsiteX3" fmla="*/ 42572 w 2721088"/>
                  <a:gd name="connsiteY3" fmla="*/ 1024920 h 1282195"/>
                  <a:gd name="connsiteX4" fmla="*/ 80963 w 2721088"/>
                  <a:gd name="connsiteY4" fmla="*/ 897002 h 1282195"/>
                  <a:gd name="connsiteX5" fmla="*/ 90304 w 2721088"/>
                  <a:gd name="connsiteY5" fmla="*/ 832527 h 1282195"/>
                  <a:gd name="connsiteX6" fmla="*/ 143621 w 2721088"/>
                  <a:gd name="connsiteY6" fmla="*/ 730884 h 1282195"/>
                  <a:gd name="connsiteX7" fmla="*/ 206362 w 2721088"/>
                  <a:gd name="connsiteY7" fmla="*/ 594260 h 1282195"/>
                  <a:gd name="connsiteX8" fmla="*/ 280808 w 2721088"/>
                  <a:gd name="connsiteY8" fmla="*/ 474349 h 1282195"/>
                  <a:gd name="connsiteX9" fmla="*/ 396202 w 2721088"/>
                  <a:gd name="connsiteY9" fmla="*/ 355162 h 1282195"/>
                  <a:gd name="connsiteX10" fmla="*/ 532241 w 2721088"/>
                  <a:gd name="connsiteY10" fmla="*/ 276656 h 1282195"/>
                  <a:gd name="connsiteX11" fmla="*/ 699665 w 2721088"/>
                  <a:gd name="connsiteY11" fmla="*/ 139825 h 1282195"/>
                  <a:gd name="connsiteX12" fmla="*/ 921713 w 2721088"/>
                  <a:gd name="connsiteY12" fmla="*/ 38647 h 1282195"/>
                  <a:gd name="connsiteX13" fmla="*/ 1130582 w 2721088"/>
                  <a:gd name="connsiteY13" fmla="*/ 19702 h 1282195"/>
                  <a:gd name="connsiteX14" fmla="*/ 1307602 w 2721088"/>
                  <a:gd name="connsiteY14" fmla="*/ 100609 h 1282195"/>
                  <a:gd name="connsiteX15" fmla="*/ 1357017 w 2721088"/>
                  <a:gd name="connsiteY15" fmla="*/ 152609 h 1282195"/>
                  <a:gd name="connsiteX16" fmla="*/ 1397498 w 2721088"/>
                  <a:gd name="connsiteY16" fmla="*/ 115014 h 1282195"/>
                  <a:gd name="connsiteX17" fmla="*/ 1484669 w 2721088"/>
                  <a:gd name="connsiteY17" fmla="*/ 57913 h 1282195"/>
                  <a:gd name="connsiteX18" fmla="*/ 1634071 w 2721088"/>
                  <a:gd name="connsiteY18" fmla="*/ 744 h 1282195"/>
                  <a:gd name="connsiteX19" fmla="*/ 1845947 w 2721088"/>
                  <a:gd name="connsiteY19" fmla="*/ 33620 h 1282195"/>
                  <a:gd name="connsiteX20" fmla="*/ 2042444 w 2721088"/>
                  <a:gd name="connsiteY20" fmla="*/ 146188 h 1282195"/>
                  <a:gd name="connsiteX21" fmla="*/ 2141945 w 2721088"/>
                  <a:gd name="connsiteY21" fmla="*/ 230239 h 1282195"/>
                  <a:gd name="connsiteX22" fmla="*/ 2258751 w 2721088"/>
                  <a:gd name="connsiteY22" fmla="*/ 303664 h 1282195"/>
                  <a:gd name="connsiteX23" fmla="*/ 2368360 w 2721088"/>
                  <a:gd name="connsiteY23" fmla="*/ 392009 h 1282195"/>
                  <a:gd name="connsiteX24" fmla="*/ 2445078 w 2721088"/>
                  <a:gd name="connsiteY24" fmla="*/ 469185 h 1282195"/>
                  <a:gd name="connsiteX25" fmla="*/ 2475810 w 2721088"/>
                  <a:gd name="connsiteY25" fmla="*/ 527428 h 1282195"/>
                  <a:gd name="connsiteX26" fmla="*/ 2542330 w 2721088"/>
                  <a:gd name="connsiteY26" fmla="*/ 637709 h 1282195"/>
                  <a:gd name="connsiteX27" fmla="*/ 2579815 w 2721088"/>
                  <a:gd name="connsiteY27" fmla="*/ 749151 h 1282195"/>
                  <a:gd name="connsiteX28" fmla="*/ 2605696 w 2721088"/>
                  <a:gd name="connsiteY28" fmla="*/ 795154 h 1282195"/>
                  <a:gd name="connsiteX29" fmla="*/ 2656533 w 2721088"/>
                  <a:gd name="connsiteY29" fmla="*/ 923134 h 1282195"/>
                  <a:gd name="connsiteX30" fmla="*/ 2673272 w 2721088"/>
                  <a:gd name="connsiteY30" fmla="*/ 1034430 h 1282195"/>
                  <a:gd name="connsiteX31" fmla="*/ 2713586 w 2721088"/>
                  <a:gd name="connsiteY31" fmla="*/ 1120718 h 1282195"/>
                  <a:gd name="connsiteX32" fmla="*/ 2721088 w 2721088"/>
                  <a:gd name="connsiteY32" fmla="*/ 1282195 h 1282195"/>
                  <a:gd name="connsiteX33" fmla="*/ 11081 w 2721088"/>
                  <a:gd name="connsiteY33" fmla="*/ 1256585 h 1282195"/>
                  <a:gd name="connsiteX0" fmla="*/ 11081 w 2721088"/>
                  <a:gd name="connsiteY0" fmla="*/ 1256585 h 1282195"/>
                  <a:gd name="connsiteX1" fmla="*/ 177 w 2721088"/>
                  <a:gd name="connsiteY1" fmla="*/ 1202112 h 1282195"/>
                  <a:gd name="connsiteX2" fmla="*/ 7340 w 2721088"/>
                  <a:gd name="connsiteY2" fmla="*/ 1123575 h 1282195"/>
                  <a:gd name="connsiteX3" fmla="*/ 42572 w 2721088"/>
                  <a:gd name="connsiteY3" fmla="*/ 1024920 h 1282195"/>
                  <a:gd name="connsiteX4" fmla="*/ 80963 w 2721088"/>
                  <a:gd name="connsiteY4" fmla="*/ 897002 h 1282195"/>
                  <a:gd name="connsiteX5" fmla="*/ 90304 w 2721088"/>
                  <a:gd name="connsiteY5" fmla="*/ 832527 h 1282195"/>
                  <a:gd name="connsiteX6" fmla="*/ 143621 w 2721088"/>
                  <a:gd name="connsiteY6" fmla="*/ 730884 h 1282195"/>
                  <a:gd name="connsiteX7" fmla="*/ 206362 w 2721088"/>
                  <a:gd name="connsiteY7" fmla="*/ 594260 h 1282195"/>
                  <a:gd name="connsiteX8" fmla="*/ 280808 w 2721088"/>
                  <a:gd name="connsiteY8" fmla="*/ 474349 h 1282195"/>
                  <a:gd name="connsiteX9" fmla="*/ 396202 w 2721088"/>
                  <a:gd name="connsiteY9" fmla="*/ 355162 h 1282195"/>
                  <a:gd name="connsiteX10" fmla="*/ 532241 w 2721088"/>
                  <a:gd name="connsiteY10" fmla="*/ 276656 h 1282195"/>
                  <a:gd name="connsiteX11" fmla="*/ 699665 w 2721088"/>
                  <a:gd name="connsiteY11" fmla="*/ 139825 h 1282195"/>
                  <a:gd name="connsiteX12" fmla="*/ 921713 w 2721088"/>
                  <a:gd name="connsiteY12" fmla="*/ 38647 h 1282195"/>
                  <a:gd name="connsiteX13" fmla="*/ 1130582 w 2721088"/>
                  <a:gd name="connsiteY13" fmla="*/ 19702 h 1282195"/>
                  <a:gd name="connsiteX14" fmla="*/ 1307602 w 2721088"/>
                  <a:gd name="connsiteY14" fmla="*/ 100609 h 1282195"/>
                  <a:gd name="connsiteX15" fmla="*/ 1357017 w 2721088"/>
                  <a:gd name="connsiteY15" fmla="*/ 152609 h 1282195"/>
                  <a:gd name="connsiteX16" fmla="*/ 1397498 w 2721088"/>
                  <a:gd name="connsiteY16" fmla="*/ 115014 h 1282195"/>
                  <a:gd name="connsiteX17" fmla="*/ 1478836 w 2721088"/>
                  <a:gd name="connsiteY17" fmla="*/ 57913 h 1282195"/>
                  <a:gd name="connsiteX18" fmla="*/ 1634071 w 2721088"/>
                  <a:gd name="connsiteY18" fmla="*/ 744 h 1282195"/>
                  <a:gd name="connsiteX19" fmla="*/ 1845947 w 2721088"/>
                  <a:gd name="connsiteY19" fmla="*/ 33620 h 1282195"/>
                  <a:gd name="connsiteX20" fmla="*/ 2042444 w 2721088"/>
                  <a:gd name="connsiteY20" fmla="*/ 146188 h 1282195"/>
                  <a:gd name="connsiteX21" fmla="*/ 2141945 w 2721088"/>
                  <a:gd name="connsiteY21" fmla="*/ 230239 h 1282195"/>
                  <a:gd name="connsiteX22" fmla="*/ 2258751 w 2721088"/>
                  <a:gd name="connsiteY22" fmla="*/ 303664 h 1282195"/>
                  <a:gd name="connsiteX23" fmla="*/ 2368360 w 2721088"/>
                  <a:gd name="connsiteY23" fmla="*/ 392009 h 1282195"/>
                  <a:gd name="connsiteX24" fmla="*/ 2445078 w 2721088"/>
                  <a:gd name="connsiteY24" fmla="*/ 469185 h 1282195"/>
                  <a:gd name="connsiteX25" fmla="*/ 2475810 w 2721088"/>
                  <a:gd name="connsiteY25" fmla="*/ 527428 h 1282195"/>
                  <a:gd name="connsiteX26" fmla="*/ 2542330 w 2721088"/>
                  <a:gd name="connsiteY26" fmla="*/ 637709 h 1282195"/>
                  <a:gd name="connsiteX27" fmla="*/ 2579815 w 2721088"/>
                  <a:gd name="connsiteY27" fmla="*/ 749151 h 1282195"/>
                  <a:gd name="connsiteX28" fmla="*/ 2605696 w 2721088"/>
                  <a:gd name="connsiteY28" fmla="*/ 795154 h 1282195"/>
                  <a:gd name="connsiteX29" fmla="*/ 2656533 w 2721088"/>
                  <a:gd name="connsiteY29" fmla="*/ 923134 h 1282195"/>
                  <a:gd name="connsiteX30" fmla="*/ 2673272 w 2721088"/>
                  <a:gd name="connsiteY30" fmla="*/ 1034430 h 1282195"/>
                  <a:gd name="connsiteX31" fmla="*/ 2713586 w 2721088"/>
                  <a:gd name="connsiteY31" fmla="*/ 1120718 h 1282195"/>
                  <a:gd name="connsiteX32" fmla="*/ 2721088 w 2721088"/>
                  <a:gd name="connsiteY32" fmla="*/ 1282195 h 1282195"/>
                  <a:gd name="connsiteX33" fmla="*/ 11081 w 2721088"/>
                  <a:gd name="connsiteY33" fmla="*/ 1256585 h 1282195"/>
                  <a:gd name="connsiteX0" fmla="*/ 11081 w 2721088"/>
                  <a:gd name="connsiteY0" fmla="*/ 1259575 h 1282195"/>
                  <a:gd name="connsiteX1" fmla="*/ 177 w 2721088"/>
                  <a:gd name="connsiteY1" fmla="*/ 1202112 h 1282195"/>
                  <a:gd name="connsiteX2" fmla="*/ 7340 w 2721088"/>
                  <a:gd name="connsiteY2" fmla="*/ 1123575 h 1282195"/>
                  <a:gd name="connsiteX3" fmla="*/ 42572 w 2721088"/>
                  <a:gd name="connsiteY3" fmla="*/ 1024920 h 1282195"/>
                  <a:gd name="connsiteX4" fmla="*/ 80963 w 2721088"/>
                  <a:gd name="connsiteY4" fmla="*/ 897002 h 1282195"/>
                  <a:gd name="connsiteX5" fmla="*/ 90304 w 2721088"/>
                  <a:gd name="connsiteY5" fmla="*/ 832527 h 1282195"/>
                  <a:gd name="connsiteX6" fmla="*/ 143621 w 2721088"/>
                  <a:gd name="connsiteY6" fmla="*/ 730884 h 1282195"/>
                  <a:gd name="connsiteX7" fmla="*/ 206362 w 2721088"/>
                  <a:gd name="connsiteY7" fmla="*/ 594260 h 1282195"/>
                  <a:gd name="connsiteX8" fmla="*/ 280808 w 2721088"/>
                  <a:gd name="connsiteY8" fmla="*/ 474349 h 1282195"/>
                  <a:gd name="connsiteX9" fmla="*/ 396202 w 2721088"/>
                  <a:gd name="connsiteY9" fmla="*/ 355162 h 1282195"/>
                  <a:gd name="connsiteX10" fmla="*/ 532241 w 2721088"/>
                  <a:gd name="connsiteY10" fmla="*/ 276656 h 1282195"/>
                  <a:gd name="connsiteX11" fmla="*/ 699665 w 2721088"/>
                  <a:gd name="connsiteY11" fmla="*/ 139825 h 1282195"/>
                  <a:gd name="connsiteX12" fmla="*/ 921713 w 2721088"/>
                  <a:gd name="connsiteY12" fmla="*/ 38647 h 1282195"/>
                  <a:gd name="connsiteX13" fmla="*/ 1130582 w 2721088"/>
                  <a:gd name="connsiteY13" fmla="*/ 19702 h 1282195"/>
                  <a:gd name="connsiteX14" fmla="*/ 1307602 w 2721088"/>
                  <a:gd name="connsiteY14" fmla="*/ 100609 h 1282195"/>
                  <a:gd name="connsiteX15" fmla="*/ 1357017 w 2721088"/>
                  <a:gd name="connsiteY15" fmla="*/ 152609 h 1282195"/>
                  <a:gd name="connsiteX16" fmla="*/ 1397498 w 2721088"/>
                  <a:gd name="connsiteY16" fmla="*/ 115014 h 1282195"/>
                  <a:gd name="connsiteX17" fmla="*/ 1478836 w 2721088"/>
                  <a:gd name="connsiteY17" fmla="*/ 57913 h 1282195"/>
                  <a:gd name="connsiteX18" fmla="*/ 1634071 w 2721088"/>
                  <a:gd name="connsiteY18" fmla="*/ 744 h 1282195"/>
                  <a:gd name="connsiteX19" fmla="*/ 1845947 w 2721088"/>
                  <a:gd name="connsiteY19" fmla="*/ 33620 h 1282195"/>
                  <a:gd name="connsiteX20" fmla="*/ 2042444 w 2721088"/>
                  <a:gd name="connsiteY20" fmla="*/ 146188 h 1282195"/>
                  <a:gd name="connsiteX21" fmla="*/ 2141945 w 2721088"/>
                  <a:gd name="connsiteY21" fmla="*/ 230239 h 1282195"/>
                  <a:gd name="connsiteX22" fmla="*/ 2258751 w 2721088"/>
                  <a:gd name="connsiteY22" fmla="*/ 303664 h 1282195"/>
                  <a:gd name="connsiteX23" fmla="*/ 2368360 w 2721088"/>
                  <a:gd name="connsiteY23" fmla="*/ 392009 h 1282195"/>
                  <a:gd name="connsiteX24" fmla="*/ 2445078 w 2721088"/>
                  <a:gd name="connsiteY24" fmla="*/ 469185 h 1282195"/>
                  <a:gd name="connsiteX25" fmla="*/ 2475810 w 2721088"/>
                  <a:gd name="connsiteY25" fmla="*/ 527428 h 1282195"/>
                  <a:gd name="connsiteX26" fmla="*/ 2542330 w 2721088"/>
                  <a:gd name="connsiteY26" fmla="*/ 637709 h 1282195"/>
                  <a:gd name="connsiteX27" fmla="*/ 2579815 w 2721088"/>
                  <a:gd name="connsiteY27" fmla="*/ 749151 h 1282195"/>
                  <a:gd name="connsiteX28" fmla="*/ 2605696 w 2721088"/>
                  <a:gd name="connsiteY28" fmla="*/ 795154 h 1282195"/>
                  <a:gd name="connsiteX29" fmla="*/ 2656533 w 2721088"/>
                  <a:gd name="connsiteY29" fmla="*/ 923134 h 1282195"/>
                  <a:gd name="connsiteX30" fmla="*/ 2673272 w 2721088"/>
                  <a:gd name="connsiteY30" fmla="*/ 1034430 h 1282195"/>
                  <a:gd name="connsiteX31" fmla="*/ 2713586 w 2721088"/>
                  <a:gd name="connsiteY31" fmla="*/ 1120718 h 1282195"/>
                  <a:gd name="connsiteX32" fmla="*/ 2721088 w 2721088"/>
                  <a:gd name="connsiteY32" fmla="*/ 1282195 h 1282195"/>
                  <a:gd name="connsiteX33" fmla="*/ 11081 w 2721088"/>
                  <a:gd name="connsiteY33" fmla="*/ 1259575 h 1282195"/>
                  <a:gd name="connsiteX0" fmla="*/ 11081 w 2721088"/>
                  <a:gd name="connsiteY0" fmla="*/ 1259575 h 1282195"/>
                  <a:gd name="connsiteX1" fmla="*/ 177 w 2721088"/>
                  <a:gd name="connsiteY1" fmla="*/ 1202112 h 1282195"/>
                  <a:gd name="connsiteX2" fmla="*/ 7340 w 2721088"/>
                  <a:gd name="connsiteY2" fmla="*/ 1123575 h 1282195"/>
                  <a:gd name="connsiteX3" fmla="*/ 42572 w 2721088"/>
                  <a:gd name="connsiteY3" fmla="*/ 1024920 h 1282195"/>
                  <a:gd name="connsiteX4" fmla="*/ 75130 w 2721088"/>
                  <a:gd name="connsiteY4" fmla="*/ 899994 h 1282195"/>
                  <a:gd name="connsiteX5" fmla="*/ 90304 w 2721088"/>
                  <a:gd name="connsiteY5" fmla="*/ 832527 h 1282195"/>
                  <a:gd name="connsiteX6" fmla="*/ 143621 w 2721088"/>
                  <a:gd name="connsiteY6" fmla="*/ 730884 h 1282195"/>
                  <a:gd name="connsiteX7" fmla="*/ 206362 w 2721088"/>
                  <a:gd name="connsiteY7" fmla="*/ 594260 h 1282195"/>
                  <a:gd name="connsiteX8" fmla="*/ 280808 w 2721088"/>
                  <a:gd name="connsiteY8" fmla="*/ 474349 h 1282195"/>
                  <a:gd name="connsiteX9" fmla="*/ 396202 w 2721088"/>
                  <a:gd name="connsiteY9" fmla="*/ 355162 h 1282195"/>
                  <a:gd name="connsiteX10" fmla="*/ 532241 w 2721088"/>
                  <a:gd name="connsiteY10" fmla="*/ 276656 h 1282195"/>
                  <a:gd name="connsiteX11" fmla="*/ 699665 w 2721088"/>
                  <a:gd name="connsiteY11" fmla="*/ 139825 h 1282195"/>
                  <a:gd name="connsiteX12" fmla="*/ 921713 w 2721088"/>
                  <a:gd name="connsiteY12" fmla="*/ 38647 h 1282195"/>
                  <a:gd name="connsiteX13" fmla="*/ 1130582 w 2721088"/>
                  <a:gd name="connsiteY13" fmla="*/ 19702 h 1282195"/>
                  <a:gd name="connsiteX14" fmla="*/ 1307602 w 2721088"/>
                  <a:gd name="connsiteY14" fmla="*/ 100609 h 1282195"/>
                  <a:gd name="connsiteX15" fmla="*/ 1357017 w 2721088"/>
                  <a:gd name="connsiteY15" fmla="*/ 152609 h 1282195"/>
                  <a:gd name="connsiteX16" fmla="*/ 1397498 w 2721088"/>
                  <a:gd name="connsiteY16" fmla="*/ 115014 h 1282195"/>
                  <a:gd name="connsiteX17" fmla="*/ 1478836 w 2721088"/>
                  <a:gd name="connsiteY17" fmla="*/ 57913 h 1282195"/>
                  <a:gd name="connsiteX18" fmla="*/ 1634071 w 2721088"/>
                  <a:gd name="connsiteY18" fmla="*/ 744 h 1282195"/>
                  <a:gd name="connsiteX19" fmla="*/ 1845947 w 2721088"/>
                  <a:gd name="connsiteY19" fmla="*/ 33620 h 1282195"/>
                  <a:gd name="connsiteX20" fmla="*/ 2042444 w 2721088"/>
                  <a:gd name="connsiteY20" fmla="*/ 146188 h 1282195"/>
                  <a:gd name="connsiteX21" fmla="*/ 2141945 w 2721088"/>
                  <a:gd name="connsiteY21" fmla="*/ 230239 h 1282195"/>
                  <a:gd name="connsiteX22" fmla="*/ 2258751 w 2721088"/>
                  <a:gd name="connsiteY22" fmla="*/ 303664 h 1282195"/>
                  <a:gd name="connsiteX23" fmla="*/ 2368360 w 2721088"/>
                  <a:gd name="connsiteY23" fmla="*/ 392009 h 1282195"/>
                  <a:gd name="connsiteX24" fmla="*/ 2445078 w 2721088"/>
                  <a:gd name="connsiteY24" fmla="*/ 469185 h 1282195"/>
                  <a:gd name="connsiteX25" fmla="*/ 2475810 w 2721088"/>
                  <a:gd name="connsiteY25" fmla="*/ 527428 h 1282195"/>
                  <a:gd name="connsiteX26" fmla="*/ 2542330 w 2721088"/>
                  <a:gd name="connsiteY26" fmla="*/ 637709 h 1282195"/>
                  <a:gd name="connsiteX27" fmla="*/ 2579815 w 2721088"/>
                  <a:gd name="connsiteY27" fmla="*/ 749151 h 1282195"/>
                  <a:gd name="connsiteX28" fmla="*/ 2605696 w 2721088"/>
                  <a:gd name="connsiteY28" fmla="*/ 795154 h 1282195"/>
                  <a:gd name="connsiteX29" fmla="*/ 2656533 w 2721088"/>
                  <a:gd name="connsiteY29" fmla="*/ 923134 h 1282195"/>
                  <a:gd name="connsiteX30" fmla="*/ 2673272 w 2721088"/>
                  <a:gd name="connsiteY30" fmla="*/ 1034430 h 1282195"/>
                  <a:gd name="connsiteX31" fmla="*/ 2713586 w 2721088"/>
                  <a:gd name="connsiteY31" fmla="*/ 1120718 h 1282195"/>
                  <a:gd name="connsiteX32" fmla="*/ 2721088 w 2721088"/>
                  <a:gd name="connsiteY32" fmla="*/ 1282195 h 1282195"/>
                  <a:gd name="connsiteX33" fmla="*/ 11081 w 2721088"/>
                  <a:gd name="connsiteY33" fmla="*/ 1259575 h 1282195"/>
                  <a:gd name="connsiteX0" fmla="*/ 11925 w 2721932"/>
                  <a:gd name="connsiteY0" fmla="*/ 1259575 h 1282195"/>
                  <a:gd name="connsiteX1" fmla="*/ 1021 w 2721932"/>
                  <a:gd name="connsiteY1" fmla="*/ 1202112 h 1282195"/>
                  <a:gd name="connsiteX2" fmla="*/ 5268 w 2721932"/>
                  <a:gd name="connsiteY2" fmla="*/ 1123575 h 1282195"/>
                  <a:gd name="connsiteX3" fmla="*/ 43416 w 2721932"/>
                  <a:gd name="connsiteY3" fmla="*/ 1024920 h 1282195"/>
                  <a:gd name="connsiteX4" fmla="*/ 75974 w 2721932"/>
                  <a:gd name="connsiteY4" fmla="*/ 899994 h 1282195"/>
                  <a:gd name="connsiteX5" fmla="*/ 91148 w 2721932"/>
                  <a:gd name="connsiteY5" fmla="*/ 832527 h 1282195"/>
                  <a:gd name="connsiteX6" fmla="*/ 144465 w 2721932"/>
                  <a:gd name="connsiteY6" fmla="*/ 730884 h 1282195"/>
                  <a:gd name="connsiteX7" fmla="*/ 207206 w 2721932"/>
                  <a:gd name="connsiteY7" fmla="*/ 594260 h 1282195"/>
                  <a:gd name="connsiteX8" fmla="*/ 281652 w 2721932"/>
                  <a:gd name="connsiteY8" fmla="*/ 474349 h 1282195"/>
                  <a:gd name="connsiteX9" fmla="*/ 397046 w 2721932"/>
                  <a:gd name="connsiteY9" fmla="*/ 355162 h 1282195"/>
                  <a:gd name="connsiteX10" fmla="*/ 533085 w 2721932"/>
                  <a:gd name="connsiteY10" fmla="*/ 276656 h 1282195"/>
                  <a:gd name="connsiteX11" fmla="*/ 700509 w 2721932"/>
                  <a:gd name="connsiteY11" fmla="*/ 139825 h 1282195"/>
                  <a:gd name="connsiteX12" fmla="*/ 922557 w 2721932"/>
                  <a:gd name="connsiteY12" fmla="*/ 38647 h 1282195"/>
                  <a:gd name="connsiteX13" fmla="*/ 1131426 w 2721932"/>
                  <a:gd name="connsiteY13" fmla="*/ 19702 h 1282195"/>
                  <a:gd name="connsiteX14" fmla="*/ 1308446 w 2721932"/>
                  <a:gd name="connsiteY14" fmla="*/ 100609 h 1282195"/>
                  <a:gd name="connsiteX15" fmla="*/ 1357861 w 2721932"/>
                  <a:gd name="connsiteY15" fmla="*/ 152609 h 1282195"/>
                  <a:gd name="connsiteX16" fmla="*/ 1398342 w 2721932"/>
                  <a:gd name="connsiteY16" fmla="*/ 115014 h 1282195"/>
                  <a:gd name="connsiteX17" fmla="*/ 1479680 w 2721932"/>
                  <a:gd name="connsiteY17" fmla="*/ 57913 h 1282195"/>
                  <a:gd name="connsiteX18" fmla="*/ 1634915 w 2721932"/>
                  <a:gd name="connsiteY18" fmla="*/ 744 h 1282195"/>
                  <a:gd name="connsiteX19" fmla="*/ 1846791 w 2721932"/>
                  <a:gd name="connsiteY19" fmla="*/ 33620 h 1282195"/>
                  <a:gd name="connsiteX20" fmla="*/ 2043288 w 2721932"/>
                  <a:gd name="connsiteY20" fmla="*/ 146188 h 1282195"/>
                  <a:gd name="connsiteX21" fmla="*/ 2142789 w 2721932"/>
                  <a:gd name="connsiteY21" fmla="*/ 230239 h 1282195"/>
                  <a:gd name="connsiteX22" fmla="*/ 2259595 w 2721932"/>
                  <a:gd name="connsiteY22" fmla="*/ 303664 h 1282195"/>
                  <a:gd name="connsiteX23" fmla="*/ 2369204 w 2721932"/>
                  <a:gd name="connsiteY23" fmla="*/ 392009 h 1282195"/>
                  <a:gd name="connsiteX24" fmla="*/ 2445922 w 2721932"/>
                  <a:gd name="connsiteY24" fmla="*/ 469185 h 1282195"/>
                  <a:gd name="connsiteX25" fmla="*/ 2476654 w 2721932"/>
                  <a:gd name="connsiteY25" fmla="*/ 527428 h 1282195"/>
                  <a:gd name="connsiteX26" fmla="*/ 2543174 w 2721932"/>
                  <a:gd name="connsiteY26" fmla="*/ 637709 h 1282195"/>
                  <a:gd name="connsiteX27" fmla="*/ 2580659 w 2721932"/>
                  <a:gd name="connsiteY27" fmla="*/ 749151 h 1282195"/>
                  <a:gd name="connsiteX28" fmla="*/ 2606540 w 2721932"/>
                  <a:gd name="connsiteY28" fmla="*/ 795154 h 1282195"/>
                  <a:gd name="connsiteX29" fmla="*/ 2657377 w 2721932"/>
                  <a:gd name="connsiteY29" fmla="*/ 923134 h 1282195"/>
                  <a:gd name="connsiteX30" fmla="*/ 2674116 w 2721932"/>
                  <a:gd name="connsiteY30" fmla="*/ 1034430 h 1282195"/>
                  <a:gd name="connsiteX31" fmla="*/ 2714430 w 2721932"/>
                  <a:gd name="connsiteY31" fmla="*/ 1120718 h 1282195"/>
                  <a:gd name="connsiteX32" fmla="*/ 2721932 w 2721932"/>
                  <a:gd name="connsiteY32" fmla="*/ 1282195 h 1282195"/>
                  <a:gd name="connsiteX33" fmla="*/ 11925 w 2721932"/>
                  <a:gd name="connsiteY33" fmla="*/ 1259575 h 1282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2721932" h="1282195">
                    <a:moveTo>
                      <a:pt x="11925" y="1259575"/>
                    </a:moveTo>
                    <a:cubicBezTo>
                      <a:pt x="18192" y="1205317"/>
                      <a:pt x="2130" y="1224778"/>
                      <a:pt x="1021" y="1202112"/>
                    </a:cubicBezTo>
                    <a:cubicBezTo>
                      <a:pt x="-88" y="1179446"/>
                      <a:pt x="-1798" y="1153107"/>
                      <a:pt x="5268" y="1123575"/>
                    </a:cubicBezTo>
                    <a:cubicBezTo>
                      <a:pt x="12334" y="1094043"/>
                      <a:pt x="33051" y="1063642"/>
                      <a:pt x="43416" y="1024920"/>
                    </a:cubicBezTo>
                    <a:cubicBezTo>
                      <a:pt x="64361" y="964735"/>
                      <a:pt x="68019" y="932059"/>
                      <a:pt x="75974" y="899994"/>
                    </a:cubicBezTo>
                    <a:cubicBezTo>
                      <a:pt x="83929" y="867929"/>
                      <a:pt x="79733" y="860712"/>
                      <a:pt x="91148" y="832527"/>
                    </a:cubicBezTo>
                    <a:cubicBezTo>
                      <a:pt x="102563" y="804342"/>
                      <a:pt x="125122" y="770595"/>
                      <a:pt x="144465" y="730884"/>
                    </a:cubicBezTo>
                    <a:cubicBezTo>
                      <a:pt x="163808" y="691173"/>
                      <a:pt x="184341" y="637016"/>
                      <a:pt x="207206" y="594260"/>
                    </a:cubicBezTo>
                    <a:cubicBezTo>
                      <a:pt x="230071" y="551504"/>
                      <a:pt x="250012" y="514199"/>
                      <a:pt x="281652" y="474349"/>
                    </a:cubicBezTo>
                    <a:cubicBezTo>
                      <a:pt x="313292" y="434499"/>
                      <a:pt x="355141" y="388111"/>
                      <a:pt x="397046" y="355162"/>
                    </a:cubicBezTo>
                    <a:cubicBezTo>
                      <a:pt x="438951" y="322213"/>
                      <a:pt x="482508" y="312545"/>
                      <a:pt x="533085" y="276656"/>
                    </a:cubicBezTo>
                    <a:cubicBezTo>
                      <a:pt x="583662" y="240767"/>
                      <a:pt x="635597" y="179493"/>
                      <a:pt x="700509" y="139825"/>
                    </a:cubicBezTo>
                    <a:cubicBezTo>
                      <a:pt x="765421" y="100157"/>
                      <a:pt x="850738" y="58667"/>
                      <a:pt x="922557" y="38647"/>
                    </a:cubicBezTo>
                    <a:cubicBezTo>
                      <a:pt x="994376" y="18627"/>
                      <a:pt x="1067111" y="9375"/>
                      <a:pt x="1131426" y="19702"/>
                    </a:cubicBezTo>
                    <a:cubicBezTo>
                      <a:pt x="1195741" y="30029"/>
                      <a:pt x="1272165" y="78458"/>
                      <a:pt x="1308446" y="100609"/>
                    </a:cubicBezTo>
                    <a:cubicBezTo>
                      <a:pt x="1344727" y="122760"/>
                      <a:pt x="1342878" y="150208"/>
                      <a:pt x="1357861" y="152609"/>
                    </a:cubicBezTo>
                    <a:cubicBezTo>
                      <a:pt x="1372844" y="155010"/>
                      <a:pt x="1378003" y="131757"/>
                      <a:pt x="1398342" y="115014"/>
                    </a:cubicBezTo>
                    <a:cubicBezTo>
                      <a:pt x="1418681" y="98271"/>
                      <a:pt x="1440251" y="76958"/>
                      <a:pt x="1479680" y="57913"/>
                    </a:cubicBezTo>
                    <a:cubicBezTo>
                      <a:pt x="1519109" y="38868"/>
                      <a:pt x="1573730" y="4793"/>
                      <a:pt x="1634915" y="744"/>
                    </a:cubicBezTo>
                    <a:cubicBezTo>
                      <a:pt x="1696100" y="-3305"/>
                      <a:pt x="1778729" y="9379"/>
                      <a:pt x="1846791" y="33620"/>
                    </a:cubicBezTo>
                    <a:cubicBezTo>
                      <a:pt x="1914853" y="57861"/>
                      <a:pt x="1993955" y="113418"/>
                      <a:pt x="2043288" y="146188"/>
                    </a:cubicBezTo>
                    <a:cubicBezTo>
                      <a:pt x="2092621" y="178958"/>
                      <a:pt x="2106738" y="203993"/>
                      <a:pt x="2142789" y="230239"/>
                    </a:cubicBezTo>
                    <a:cubicBezTo>
                      <a:pt x="2178840" y="256485"/>
                      <a:pt x="2221859" y="276702"/>
                      <a:pt x="2259595" y="303664"/>
                    </a:cubicBezTo>
                    <a:cubicBezTo>
                      <a:pt x="2297331" y="330626"/>
                      <a:pt x="2338150" y="364422"/>
                      <a:pt x="2369204" y="392009"/>
                    </a:cubicBezTo>
                    <a:cubicBezTo>
                      <a:pt x="2400258" y="419596"/>
                      <a:pt x="2428014" y="446615"/>
                      <a:pt x="2445922" y="469185"/>
                    </a:cubicBezTo>
                    <a:cubicBezTo>
                      <a:pt x="2463830" y="491755"/>
                      <a:pt x="2460445" y="499341"/>
                      <a:pt x="2476654" y="527428"/>
                    </a:cubicBezTo>
                    <a:cubicBezTo>
                      <a:pt x="2492863" y="555515"/>
                      <a:pt x="2525840" y="600755"/>
                      <a:pt x="2543174" y="637709"/>
                    </a:cubicBezTo>
                    <a:cubicBezTo>
                      <a:pt x="2560508" y="674663"/>
                      <a:pt x="2570098" y="722910"/>
                      <a:pt x="2580659" y="749151"/>
                    </a:cubicBezTo>
                    <a:cubicBezTo>
                      <a:pt x="2591220" y="775392"/>
                      <a:pt x="2593754" y="766157"/>
                      <a:pt x="2606540" y="795154"/>
                    </a:cubicBezTo>
                    <a:cubicBezTo>
                      <a:pt x="2619326" y="824151"/>
                      <a:pt x="2646114" y="883255"/>
                      <a:pt x="2657377" y="923134"/>
                    </a:cubicBezTo>
                    <a:cubicBezTo>
                      <a:pt x="2668640" y="963013"/>
                      <a:pt x="2664607" y="1001499"/>
                      <a:pt x="2674116" y="1034430"/>
                    </a:cubicBezTo>
                    <a:cubicBezTo>
                      <a:pt x="2683625" y="1067361"/>
                      <a:pt x="2710198" y="1086540"/>
                      <a:pt x="2714430" y="1120718"/>
                    </a:cubicBezTo>
                    <a:cubicBezTo>
                      <a:pt x="2718662" y="1154896"/>
                      <a:pt x="2721558" y="1094520"/>
                      <a:pt x="2721932" y="1282195"/>
                    </a:cubicBezTo>
                    <a:lnTo>
                      <a:pt x="11925" y="1259575"/>
                    </a:lnTo>
                    <a:close/>
                  </a:path>
                </a:pathLst>
              </a:custGeom>
              <a:solidFill>
                <a:srgbClr val="FF0000">
                  <a:alpha val="56863"/>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7" name="Lilla felt">
                <a:extLst>
                  <a:ext uri="{FF2B5EF4-FFF2-40B4-BE49-F238E27FC236}">
                    <a16:creationId xmlns:a16="http://schemas.microsoft.com/office/drawing/2014/main" id="{E4F8ACE5-E028-4B20-8878-25DDF44AFBF8}"/>
                  </a:ext>
                </a:extLst>
              </p:cNvPr>
              <p:cNvSpPr/>
              <p:nvPr/>
            </p:nvSpPr>
            <p:spPr>
              <a:xfrm>
                <a:off x="3037162" y="2908144"/>
                <a:ext cx="3131748" cy="1001730"/>
              </a:xfrm>
              <a:custGeom>
                <a:avLst/>
                <a:gdLst>
                  <a:gd name="connsiteX0" fmla="*/ 0 w 2962800"/>
                  <a:gd name="connsiteY0" fmla="*/ 298800 h 928800"/>
                  <a:gd name="connsiteX1" fmla="*/ 1497600 w 2962800"/>
                  <a:gd name="connsiteY1" fmla="*/ 928800 h 928800"/>
                  <a:gd name="connsiteX2" fmla="*/ 2962800 w 2962800"/>
                  <a:gd name="connsiteY2" fmla="*/ 295200 h 928800"/>
                  <a:gd name="connsiteX3" fmla="*/ 2905200 w 2962800"/>
                  <a:gd name="connsiteY3" fmla="*/ 10800 h 928800"/>
                  <a:gd name="connsiteX4" fmla="*/ 68400 w 2962800"/>
                  <a:gd name="connsiteY4" fmla="*/ 0 h 928800"/>
                  <a:gd name="connsiteX5" fmla="*/ 0 w 2962800"/>
                  <a:gd name="connsiteY5" fmla="*/ 298800 h 928800"/>
                  <a:gd name="connsiteX0" fmla="*/ 0 w 2962800"/>
                  <a:gd name="connsiteY0" fmla="*/ 298800 h 928800"/>
                  <a:gd name="connsiteX1" fmla="*/ 1497600 w 2962800"/>
                  <a:gd name="connsiteY1" fmla="*/ 928800 h 928800"/>
                  <a:gd name="connsiteX2" fmla="*/ 2962800 w 2962800"/>
                  <a:gd name="connsiteY2" fmla="*/ 295200 h 928800"/>
                  <a:gd name="connsiteX3" fmla="*/ 2905200 w 2962800"/>
                  <a:gd name="connsiteY3" fmla="*/ 10800 h 928800"/>
                  <a:gd name="connsiteX4" fmla="*/ 68400 w 2962800"/>
                  <a:gd name="connsiteY4" fmla="*/ 0 h 928800"/>
                  <a:gd name="connsiteX5" fmla="*/ 28800 w 2962800"/>
                  <a:gd name="connsiteY5" fmla="*/ 144000 h 928800"/>
                  <a:gd name="connsiteX6" fmla="*/ 0 w 2962800"/>
                  <a:gd name="connsiteY6" fmla="*/ 298800 h 928800"/>
                  <a:gd name="connsiteX0" fmla="*/ 0 w 2962800"/>
                  <a:gd name="connsiteY0" fmla="*/ 298800 h 928800"/>
                  <a:gd name="connsiteX1" fmla="*/ 1497600 w 2962800"/>
                  <a:gd name="connsiteY1" fmla="*/ 928800 h 928800"/>
                  <a:gd name="connsiteX2" fmla="*/ 2962800 w 2962800"/>
                  <a:gd name="connsiteY2" fmla="*/ 295200 h 928800"/>
                  <a:gd name="connsiteX3" fmla="*/ 2934000 w 2962800"/>
                  <a:gd name="connsiteY3" fmla="*/ 151200 h 928800"/>
                  <a:gd name="connsiteX4" fmla="*/ 2905200 w 2962800"/>
                  <a:gd name="connsiteY4" fmla="*/ 10800 h 928800"/>
                  <a:gd name="connsiteX5" fmla="*/ 68400 w 2962800"/>
                  <a:gd name="connsiteY5" fmla="*/ 0 h 928800"/>
                  <a:gd name="connsiteX6" fmla="*/ 28800 w 2962800"/>
                  <a:gd name="connsiteY6" fmla="*/ 144000 h 928800"/>
                  <a:gd name="connsiteX7" fmla="*/ 0 w 2962800"/>
                  <a:gd name="connsiteY7" fmla="*/ 298800 h 928800"/>
                  <a:gd name="connsiteX0" fmla="*/ 0 w 2962800"/>
                  <a:gd name="connsiteY0" fmla="*/ 330233 h 960233"/>
                  <a:gd name="connsiteX1" fmla="*/ 1497600 w 2962800"/>
                  <a:gd name="connsiteY1" fmla="*/ 960233 h 960233"/>
                  <a:gd name="connsiteX2" fmla="*/ 2962800 w 2962800"/>
                  <a:gd name="connsiteY2" fmla="*/ 326633 h 960233"/>
                  <a:gd name="connsiteX3" fmla="*/ 2934000 w 2962800"/>
                  <a:gd name="connsiteY3" fmla="*/ 182633 h 960233"/>
                  <a:gd name="connsiteX4" fmla="*/ 2905200 w 2962800"/>
                  <a:gd name="connsiteY4" fmla="*/ 42233 h 960233"/>
                  <a:gd name="connsiteX5" fmla="*/ 134123 w 2962800"/>
                  <a:gd name="connsiteY5" fmla="*/ 0 h 960233"/>
                  <a:gd name="connsiteX6" fmla="*/ 28800 w 2962800"/>
                  <a:gd name="connsiteY6" fmla="*/ 175433 h 960233"/>
                  <a:gd name="connsiteX7" fmla="*/ 0 w 2962800"/>
                  <a:gd name="connsiteY7" fmla="*/ 330233 h 960233"/>
                  <a:gd name="connsiteX0" fmla="*/ 0 w 2962800"/>
                  <a:gd name="connsiteY0" fmla="*/ 330233 h 960233"/>
                  <a:gd name="connsiteX1" fmla="*/ 1497600 w 2962800"/>
                  <a:gd name="connsiteY1" fmla="*/ 960233 h 960233"/>
                  <a:gd name="connsiteX2" fmla="*/ 2962800 w 2962800"/>
                  <a:gd name="connsiteY2" fmla="*/ 326633 h 960233"/>
                  <a:gd name="connsiteX3" fmla="*/ 2934000 w 2962800"/>
                  <a:gd name="connsiteY3" fmla="*/ 182633 h 960233"/>
                  <a:gd name="connsiteX4" fmla="*/ 2819475 w 2962800"/>
                  <a:gd name="connsiteY4" fmla="*/ 13658 h 960233"/>
                  <a:gd name="connsiteX5" fmla="*/ 134123 w 2962800"/>
                  <a:gd name="connsiteY5" fmla="*/ 0 h 960233"/>
                  <a:gd name="connsiteX6" fmla="*/ 28800 w 2962800"/>
                  <a:gd name="connsiteY6" fmla="*/ 175433 h 960233"/>
                  <a:gd name="connsiteX7" fmla="*/ 0 w 2962800"/>
                  <a:gd name="connsiteY7" fmla="*/ 330233 h 960233"/>
                  <a:gd name="connsiteX0" fmla="*/ 0 w 3031380"/>
                  <a:gd name="connsiteY0" fmla="*/ 330233 h 960233"/>
                  <a:gd name="connsiteX1" fmla="*/ 1497600 w 3031380"/>
                  <a:gd name="connsiteY1" fmla="*/ 960233 h 960233"/>
                  <a:gd name="connsiteX2" fmla="*/ 3031380 w 3031380"/>
                  <a:gd name="connsiteY2" fmla="*/ 386640 h 960233"/>
                  <a:gd name="connsiteX3" fmla="*/ 2934000 w 3031380"/>
                  <a:gd name="connsiteY3" fmla="*/ 182633 h 960233"/>
                  <a:gd name="connsiteX4" fmla="*/ 2819475 w 3031380"/>
                  <a:gd name="connsiteY4" fmla="*/ 13658 h 960233"/>
                  <a:gd name="connsiteX5" fmla="*/ 134123 w 3031380"/>
                  <a:gd name="connsiteY5" fmla="*/ 0 h 960233"/>
                  <a:gd name="connsiteX6" fmla="*/ 28800 w 3031380"/>
                  <a:gd name="connsiteY6" fmla="*/ 175433 h 960233"/>
                  <a:gd name="connsiteX7" fmla="*/ 0 w 3031380"/>
                  <a:gd name="connsiteY7" fmla="*/ 330233 h 960233"/>
                  <a:gd name="connsiteX0" fmla="*/ 0 w 3031380"/>
                  <a:gd name="connsiteY0" fmla="*/ 330233 h 960233"/>
                  <a:gd name="connsiteX1" fmla="*/ 1497600 w 3031380"/>
                  <a:gd name="connsiteY1" fmla="*/ 960233 h 960233"/>
                  <a:gd name="connsiteX2" fmla="*/ 3031380 w 3031380"/>
                  <a:gd name="connsiteY2" fmla="*/ 409500 h 960233"/>
                  <a:gd name="connsiteX3" fmla="*/ 2934000 w 3031380"/>
                  <a:gd name="connsiteY3" fmla="*/ 182633 h 960233"/>
                  <a:gd name="connsiteX4" fmla="*/ 2819475 w 3031380"/>
                  <a:gd name="connsiteY4" fmla="*/ 13658 h 960233"/>
                  <a:gd name="connsiteX5" fmla="*/ 134123 w 3031380"/>
                  <a:gd name="connsiteY5" fmla="*/ 0 h 960233"/>
                  <a:gd name="connsiteX6" fmla="*/ 28800 w 3031380"/>
                  <a:gd name="connsiteY6" fmla="*/ 175433 h 960233"/>
                  <a:gd name="connsiteX7" fmla="*/ 0 w 3031380"/>
                  <a:gd name="connsiteY7" fmla="*/ 330233 h 960233"/>
                  <a:gd name="connsiteX0" fmla="*/ 0 w 3068527"/>
                  <a:gd name="connsiteY0" fmla="*/ 401671 h 960233"/>
                  <a:gd name="connsiteX1" fmla="*/ 1534747 w 3068527"/>
                  <a:gd name="connsiteY1" fmla="*/ 960233 h 960233"/>
                  <a:gd name="connsiteX2" fmla="*/ 3068527 w 3068527"/>
                  <a:gd name="connsiteY2" fmla="*/ 409500 h 960233"/>
                  <a:gd name="connsiteX3" fmla="*/ 2971147 w 3068527"/>
                  <a:gd name="connsiteY3" fmla="*/ 182633 h 960233"/>
                  <a:gd name="connsiteX4" fmla="*/ 2856622 w 3068527"/>
                  <a:gd name="connsiteY4" fmla="*/ 13658 h 960233"/>
                  <a:gd name="connsiteX5" fmla="*/ 171270 w 3068527"/>
                  <a:gd name="connsiteY5" fmla="*/ 0 h 960233"/>
                  <a:gd name="connsiteX6" fmla="*/ 65947 w 3068527"/>
                  <a:gd name="connsiteY6" fmla="*/ 175433 h 960233"/>
                  <a:gd name="connsiteX7" fmla="*/ 0 w 3068527"/>
                  <a:gd name="connsiteY7" fmla="*/ 401671 h 960233"/>
                  <a:gd name="connsiteX0" fmla="*/ 0 w 3057097"/>
                  <a:gd name="connsiteY0" fmla="*/ 410244 h 960233"/>
                  <a:gd name="connsiteX1" fmla="*/ 1523317 w 3057097"/>
                  <a:gd name="connsiteY1" fmla="*/ 960233 h 960233"/>
                  <a:gd name="connsiteX2" fmla="*/ 3057097 w 3057097"/>
                  <a:gd name="connsiteY2" fmla="*/ 409500 h 960233"/>
                  <a:gd name="connsiteX3" fmla="*/ 2959717 w 3057097"/>
                  <a:gd name="connsiteY3" fmla="*/ 182633 h 960233"/>
                  <a:gd name="connsiteX4" fmla="*/ 2845192 w 3057097"/>
                  <a:gd name="connsiteY4" fmla="*/ 13658 h 960233"/>
                  <a:gd name="connsiteX5" fmla="*/ 159840 w 3057097"/>
                  <a:gd name="connsiteY5" fmla="*/ 0 h 960233"/>
                  <a:gd name="connsiteX6" fmla="*/ 54517 w 3057097"/>
                  <a:gd name="connsiteY6" fmla="*/ 175433 h 960233"/>
                  <a:gd name="connsiteX7" fmla="*/ 0 w 3057097"/>
                  <a:gd name="connsiteY7" fmla="*/ 410244 h 960233"/>
                  <a:gd name="connsiteX0" fmla="*/ 0 w 3057097"/>
                  <a:gd name="connsiteY0" fmla="*/ 410244 h 960233"/>
                  <a:gd name="connsiteX1" fmla="*/ 1495289 w 3057097"/>
                  <a:gd name="connsiteY1" fmla="*/ 960233 h 960233"/>
                  <a:gd name="connsiteX2" fmla="*/ 3057097 w 3057097"/>
                  <a:gd name="connsiteY2" fmla="*/ 409500 h 960233"/>
                  <a:gd name="connsiteX3" fmla="*/ 2959717 w 3057097"/>
                  <a:gd name="connsiteY3" fmla="*/ 182633 h 960233"/>
                  <a:gd name="connsiteX4" fmla="*/ 2845192 w 3057097"/>
                  <a:gd name="connsiteY4" fmla="*/ 13658 h 960233"/>
                  <a:gd name="connsiteX5" fmla="*/ 159840 w 3057097"/>
                  <a:gd name="connsiteY5" fmla="*/ 0 h 960233"/>
                  <a:gd name="connsiteX6" fmla="*/ 54517 w 3057097"/>
                  <a:gd name="connsiteY6" fmla="*/ 175433 h 960233"/>
                  <a:gd name="connsiteX7" fmla="*/ 0 w 3057097"/>
                  <a:gd name="connsiteY7" fmla="*/ 410244 h 960233"/>
                  <a:gd name="connsiteX0" fmla="*/ 0 w 3109648"/>
                  <a:gd name="connsiteY0" fmla="*/ 447776 h 960233"/>
                  <a:gd name="connsiteX1" fmla="*/ 1547840 w 3109648"/>
                  <a:gd name="connsiteY1" fmla="*/ 960233 h 960233"/>
                  <a:gd name="connsiteX2" fmla="*/ 3109648 w 3109648"/>
                  <a:gd name="connsiteY2" fmla="*/ 409500 h 960233"/>
                  <a:gd name="connsiteX3" fmla="*/ 3012268 w 3109648"/>
                  <a:gd name="connsiteY3" fmla="*/ 182633 h 960233"/>
                  <a:gd name="connsiteX4" fmla="*/ 2897743 w 3109648"/>
                  <a:gd name="connsiteY4" fmla="*/ 13658 h 960233"/>
                  <a:gd name="connsiteX5" fmla="*/ 212391 w 3109648"/>
                  <a:gd name="connsiteY5" fmla="*/ 0 h 960233"/>
                  <a:gd name="connsiteX6" fmla="*/ 107068 w 3109648"/>
                  <a:gd name="connsiteY6" fmla="*/ 175433 h 960233"/>
                  <a:gd name="connsiteX7" fmla="*/ 0 w 3109648"/>
                  <a:gd name="connsiteY7" fmla="*/ 447776 h 960233"/>
                  <a:gd name="connsiteX0" fmla="*/ 0 w 3099138"/>
                  <a:gd name="connsiteY0" fmla="*/ 447776 h 960233"/>
                  <a:gd name="connsiteX1" fmla="*/ 1547840 w 3099138"/>
                  <a:gd name="connsiteY1" fmla="*/ 960233 h 960233"/>
                  <a:gd name="connsiteX2" fmla="*/ 3099138 w 3099138"/>
                  <a:gd name="connsiteY2" fmla="*/ 428266 h 960233"/>
                  <a:gd name="connsiteX3" fmla="*/ 3012268 w 3099138"/>
                  <a:gd name="connsiteY3" fmla="*/ 182633 h 960233"/>
                  <a:gd name="connsiteX4" fmla="*/ 2897743 w 3099138"/>
                  <a:gd name="connsiteY4" fmla="*/ 13658 h 960233"/>
                  <a:gd name="connsiteX5" fmla="*/ 212391 w 3099138"/>
                  <a:gd name="connsiteY5" fmla="*/ 0 h 960233"/>
                  <a:gd name="connsiteX6" fmla="*/ 107068 w 3099138"/>
                  <a:gd name="connsiteY6" fmla="*/ 175433 h 960233"/>
                  <a:gd name="connsiteX7" fmla="*/ 0 w 3099138"/>
                  <a:gd name="connsiteY7" fmla="*/ 447776 h 960233"/>
                  <a:gd name="connsiteX0" fmla="*/ 10560 w 3109698"/>
                  <a:gd name="connsiteY0" fmla="*/ 447776 h 960233"/>
                  <a:gd name="connsiteX1" fmla="*/ 1558400 w 3109698"/>
                  <a:gd name="connsiteY1" fmla="*/ 960233 h 960233"/>
                  <a:gd name="connsiteX2" fmla="*/ 3109698 w 3109698"/>
                  <a:gd name="connsiteY2" fmla="*/ 428266 h 960233"/>
                  <a:gd name="connsiteX3" fmla="*/ 3022828 w 3109698"/>
                  <a:gd name="connsiteY3" fmla="*/ 182633 h 960233"/>
                  <a:gd name="connsiteX4" fmla="*/ 2908303 w 3109698"/>
                  <a:gd name="connsiteY4" fmla="*/ 13658 h 960233"/>
                  <a:gd name="connsiteX5" fmla="*/ 222951 w 3109698"/>
                  <a:gd name="connsiteY5" fmla="*/ 0 h 960233"/>
                  <a:gd name="connsiteX6" fmla="*/ 139067 w 3109698"/>
                  <a:gd name="connsiteY6" fmla="*/ 75978 h 960233"/>
                  <a:gd name="connsiteX7" fmla="*/ 117628 w 3109698"/>
                  <a:gd name="connsiteY7" fmla="*/ 175433 h 960233"/>
                  <a:gd name="connsiteX8" fmla="*/ 10560 w 3109698"/>
                  <a:gd name="connsiteY8" fmla="*/ 447776 h 960233"/>
                  <a:gd name="connsiteX0" fmla="*/ 0 w 3099138"/>
                  <a:gd name="connsiteY0" fmla="*/ 447776 h 960233"/>
                  <a:gd name="connsiteX1" fmla="*/ 1547840 w 3099138"/>
                  <a:gd name="connsiteY1" fmla="*/ 960233 h 960233"/>
                  <a:gd name="connsiteX2" fmla="*/ 3099138 w 3099138"/>
                  <a:gd name="connsiteY2" fmla="*/ 428266 h 960233"/>
                  <a:gd name="connsiteX3" fmla="*/ 3012268 w 3099138"/>
                  <a:gd name="connsiteY3" fmla="*/ 182633 h 960233"/>
                  <a:gd name="connsiteX4" fmla="*/ 2897743 w 3099138"/>
                  <a:gd name="connsiteY4" fmla="*/ 13658 h 960233"/>
                  <a:gd name="connsiteX5" fmla="*/ 212391 w 3099138"/>
                  <a:gd name="connsiteY5" fmla="*/ 0 h 960233"/>
                  <a:gd name="connsiteX6" fmla="*/ 128507 w 3099138"/>
                  <a:gd name="connsiteY6" fmla="*/ 75978 h 960233"/>
                  <a:gd name="connsiteX7" fmla="*/ 107068 w 3099138"/>
                  <a:gd name="connsiteY7" fmla="*/ 175433 h 960233"/>
                  <a:gd name="connsiteX8" fmla="*/ 0 w 3099138"/>
                  <a:gd name="connsiteY8" fmla="*/ 447776 h 960233"/>
                  <a:gd name="connsiteX0" fmla="*/ 0 w 3099138"/>
                  <a:gd name="connsiteY0" fmla="*/ 447776 h 960233"/>
                  <a:gd name="connsiteX1" fmla="*/ 1547840 w 3099138"/>
                  <a:gd name="connsiteY1" fmla="*/ 960233 h 960233"/>
                  <a:gd name="connsiteX2" fmla="*/ 3099138 w 3099138"/>
                  <a:gd name="connsiteY2" fmla="*/ 428266 h 960233"/>
                  <a:gd name="connsiteX3" fmla="*/ 3012268 w 3099138"/>
                  <a:gd name="connsiteY3" fmla="*/ 182633 h 960233"/>
                  <a:gd name="connsiteX4" fmla="*/ 2897743 w 3099138"/>
                  <a:gd name="connsiteY4" fmla="*/ 13658 h 960233"/>
                  <a:gd name="connsiteX5" fmla="*/ 212391 w 3099138"/>
                  <a:gd name="connsiteY5" fmla="*/ 0 h 960233"/>
                  <a:gd name="connsiteX6" fmla="*/ 128507 w 3099138"/>
                  <a:gd name="connsiteY6" fmla="*/ 75978 h 960233"/>
                  <a:gd name="connsiteX7" fmla="*/ 107068 w 3099138"/>
                  <a:gd name="connsiteY7" fmla="*/ 175433 h 960233"/>
                  <a:gd name="connsiteX8" fmla="*/ 0 w 3099138"/>
                  <a:gd name="connsiteY8" fmla="*/ 447776 h 960233"/>
                  <a:gd name="connsiteX0" fmla="*/ 0 w 3099138"/>
                  <a:gd name="connsiteY0" fmla="*/ 447776 h 960233"/>
                  <a:gd name="connsiteX1" fmla="*/ 212590 w 3099138"/>
                  <a:gd name="connsiteY1" fmla="*/ 537631 h 960233"/>
                  <a:gd name="connsiteX2" fmla="*/ 1547840 w 3099138"/>
                  <a:gd name="connsiteY2" fmla="*/ 960233 h 960233"/>
                  <a:gd name="connsiteX3" fmla="*/ 3099138 w 3099138"/>
                  <a:gd name="connsiteY3" fmla="*/ 428266 h 960233"/>
                  <a:gd name="connsiteX4" fmla="*/ 3012268 w 3099138"/>
                  <a:gd name="connsiteY4" fmla="*/ 182633 h 960233"/>
                  <a:gd name="connsiteX5" fmla="*/ 2897743 w 3099138"/>
                  <a:gd name="connsiteY5" fmla="*/ 13658 h 960233"/>
                  <a:gd name="connsiteX6" fmla="*/ 212391 w 3099138"/>
                  <a:gd name="connsiteY6" fmla="*/ 0 h 960233"/>
                  <a:gd name="connsiteX7" fmla="*/ 128507 w 3099138"/>
                  <a:gd name="connsiteY7" fmla="*/ 75978 h 960233"/>
                  <a:gd name="connsiteX8" fmla="*/ 107068 w 3099138"/>
                  <a:gd name="connsiteY8" fmla="*/ 175433 h 960233"/>
                  <a:gd name="connsiteX9" fmla="*/ 0 w 3099138"/>
                  <a:gd name="connsiteY9"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1547909 w 3099207"/>
                  <a:gd name="connsiteY3" fmla="*/ 960233 h 960233"/>
                  <a:gd name="connsiteX4" fmla="*/ 3099207 w 3099207"/>
                  <a:gd name="connsiteY4" fmla="*/ 428266 h 960233"/>
                  <a:gd name="connsiteX5" fmla="*/ 3012337 w 3099207"/>
                  <a:gd name="connsiteY5" fmla="*/ 182633 h 960233"/>
                  <a:gd name="connsiteX6" fmla="*/ 2897812 w 3099207"/>
                  <a:gd name="connsiteY6" fmla="*/ 13658 h 960233"/>
                  <a:gd name="connsiteX7" fmla="*/ 212460 w 3099207"/>
                  <a:gd name="connsiteY7" fmla="*/ 0 h 960233"/>
                  <a:gd name="connsiteX8" fmla="*/ 128576 w 3099207"/>
                  <a:gd name="connsiteY8" fmla="*/ 75978 h 960233"/>
                  <a:gd name="connsiteX9" fmla="*/ 107137 w 3099207"/>
                  <a:gd name="connsiteY9" fmla="*/ 175433 h 960233"/>
                  <a:gd name="connsiteX10" fmla="*/ 69 w 3099207"/>
                  <a:gd name="connsiteY10"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1547909 w 3099207"/>
                  <a:gd name="connsiteY3" fmla="*/ 960233 h 960233"/>
                  <a:gd name="connsiteX4" fmla="*/ 3099207 w 3099207"/>
                  <a:gd name="connsiteY4" fmla="*/ 428266 h 960233"/>
                  <a:gd name="connsiteX5" fmla="*/ 3012337 w 3099207"/>
                  <a:gd name="connsiteY5" fmla="*/ 182633 h 960233"/>
                  <a:gd name="connsiteX6" fmla="*/ 2897812 w 3099207"/>
                  <a:gd name="connsiteY6" fmla="*/ 13658 h 960233"/>
                  <a:gd name="connsiteX7" fmla="*/ 212460 w 3099207"/>
                  <a:gd name="connsiteY7" fmla="*/ 0 h 960233"/>
                  <a:gd name="connsiteX8" fmla="*/ 128576 w 3099207"/>
                  <a:gd name="connsiteY8" fmla="*/ 75978 h 960233"/>
                  <a:gd name="connsiteX9" fmla="*/ 107137 w 3099207"/>
                  <a:gd name="connsiteY9" fmla="*/ 175433 h 960233"/>
                  <a:gd name="connsiteX10" fmla="*/ 69 w 3099207"/>
                  <a:gd name="connsiteY10"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1038493 w 3099207"/>
                  <a:gd name="connsiteY3" fmla="*/ 777841 h 960233"/>
                  <a:gd name="connsiteX4" fmla="*/ 1547909 w 3099207"/>
                  <a:gd name="connsiteY4" fmla="*/ 960233 h 960233"/>
                  <a:gd name="connsiteX5" fmla="*/ 3099207 w 3099207"/>
                  <a:gd name="connsiteY5" fmla="*/ 428266 h 960233"/>
                  <a:gd name="connsiteX6" fmla="*/ 3012337 w 3099207"/>
                  <a:gd name="connsiteY6" fmla="*/ 182633 h 960233"/>
                  <a:gd name="connsiteX7" fmla="*/ 2897812 w 3099207"/>
                  <a:gd name="connsiteY7" fmla="*/ 13658 h 960233"/>
                  <a:gd name="connsiteX8" fmla="*/ 212460 w 3099207"/>
                  <a:gd name="connsiteY8" fmla="*/ 0 h 960233"/>
                  <a:gd name="connsiteX9" fmla="*/ 128576 w 3099207"/>
                  <a:gd name="connsiteY9" fmla="*/ 75978 h 960233"/>
                  <a:gd name="connsiteX10" fmla="*/ 107137 w 3099207"/>
                  <a:gd name="connsiteY10" fmla="*/ 175433 h 960233"/>
                  <a:gd name="connsiteX11" fmla="*/ 69 w 3099207"/>
                  <a:gd name="connsiteY11"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512976 w 3099207"/>
                  <a:gd name="connsiteY3" fmla="*/ 627710 h 960233"/>
                  <a:gd name="connsiteX4" fmla="*/ 1038493 w 3099207"/>
                  <a:gd name="connsiteY4" fmla="*/ 777841 h 960233"/>
                  <a:gd name="connsiteX5" fmla="*/ 1547909 w 3099207"/>
                  <a:gd name="connsiteY5" fmla="*/ 960233 h 960233"/>
                  <a:gd name="connsiteX6" fmla="*/ 3099207 w 3099207"/>
                  <a:gd name="connsiteY6" fmla="*/ 428266 h 960233"/>
                  <a:gd name="connsiteX7" fmla="*/ 3012337 w 3099207"/>
                  <a:gd name="connsiteY7" fmla="*/ 182633 h 960233"/>
                  <a:gd name="connsiteX8" fmla="*/ 2897812 w 3099207"/>
                  <a:gd name="connsiteY8" fmla="*/ 13658 h 960233"/>
                  <a:gd name="connsiteX9" fmla="*/ 212460 w 3099207"/>
                  <a:gd name="connsiteY9" fmla="*/ 0 h 960233"/>
                  <a:gd name="connsiteX10" fmla="*/ 128576 w 3099207"/>
                  <a:gd name="connsiteY10" fmla="*/ 75978 h 960233"/>
                  <a:gd name="connsiteX11" fmla="*/ 107137 w 3099207"/>
                  <a:gd name="connsiteY11" fmla="*/ 175433 h 960233"/>
                  <a:gd name="connsiteX12" fmla="*/ 69 w 3099207"/>
                  <a:gd name="connsiteY12"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512976 w 3099207"/>
                  <a:gd name="connsiteY3" fmla="*/ 627710 h 960233"/>
                  <a:gd name="connsiteX4" fmla="*/ 695155 w 3099207"/>
                  <a:gd name="connsiteY4" fmla="*/ 871672 h 960233"/>
                  <a:gd name="connsiteX5" fmla="*/ 1038493 w 3099207"/>
                  <a:gd name="connsiteY5" fmla="*/ 777841 h 960233"/>
                  <a:gd name="connsiteX6" fmla="*/ 1547909 w 3099207"/>
                  <a:gd name="connsiteY6" fmla="*/ 960233 h 960233"/>
                  <a:gd name="connsiteX7" fmla="*/ 3099207 w 3099207"/>
                  <a:gd name="connsiteY7" fmla="*/ 428266 h 960233"/>
                  <a:gd name="connsiteX8" fmla="*/ 3012337 w 3099207"/>
                  <a:gd name="connsiteY8" fmla="*/ 182633 h 960233"/>
                  <a:gd name="connsiteX9" fmla="*/ 2897812 w 3099207"/>
                  <a:gd name="connsiteY9" fmla="*/ 13658 h 960233"/>
                  <a:gd name="connsiteX10" fmla="*/ 212460 w 3099207"/>
                  <a:gd name="connsiteY10" fmla="*/ 0 h 960233"/>
                  <a:gd name="connsiteX11" fmla="*/ 128576 w 3099207"/>
                  <a:gd name="connsiteY11" fmla="*/ 75978 h 960233"/>
                  <a:gd name="connsiteX12" fmla="*/ 107137 w 3099207"/>
                  <a:gd name="connsiteY12" fmla="*/ 175433 h 960233"/>
                  <a:gd name="connsiteX13" fmla="*/ 69 w 3099207"/>
                  <a:gd name="connsiteY13" fmla="*/ 447776 h 960233"/>
                  <a:gd name="connsiteX0" fmla="*/ 69 w 3099207"/>
                  <a:gd name="connsiteY0" fmla="*/ 447776 h 960233"/>
                  <a:gd name="connsiteX1" fmla="*/ 118066 w 3099207"/>
                  <a:gd name="connsiteY1" fmla="*/ 466319 h 960233"/>
                  <a:gd name="connsiteX2" fmla="*/ 212659 w 3099207"/>
                  <a:gd name="connsiteY2" fmla="*/ 537631 h 960233"/>
                  <a:gd name="connsiteX3" fmla="*/ 369334 w 3099207"/>
                  <a:gd name="connsiteY3" fmla="*/ 537631 h 960233"/>
                  <a:gd name="connsiteX4" fmla="*/ 512976 w 3099207"/>
                  <a:gd name="connsiteY4" fmla="*/ 627710 h 960233"/>
                  <a:gd name="connsiteX5" fmla="*/ 695155 w 3099207"/>
                  <a:gd name="connsiteY5" fmla="*/ 871672 h 960233"/>
                  <a:gd name="connsiteX6" fmla="*/ 1038493 w 3099207"/>
                  <a:gd name="connsiteY6" fmla="*/ 777841 h 960233"/>
                  <a:gd name="connsiteX7" fmla="*/ 1547909 w 3099207"/>
                  <a:gd name="connsiteY7" fmla="*/ 960233 h 960233"/>
                  <a:gd name="connsiteX8" fmla="*/ 3099207 w 3099207"/>
                  <a:gd name="connsiteY8" fmla="*/ 428266 h 960233"/>
                  <a:gd name="connsiteX9" fmla="*/ 3012337 w 3099207"/>
                  <a:gd name="connsiteY9" fmla="*/ 182633 h 960233"/>
                  <a:gd name="connsiteX10" fmla="*/ 2897812 w 3099207"/>
                  <a:gd name="connsiteY10" fmla="*/ 13658 h 960233"/>
                  <a:gd name="connsiteX11" fmla="*/ 212460 w 3099207"/>
                  <a:gd name="connsiteY11" fmla="*/ 0 h 960233"/>
                  <a:gd name="connsiteX12" fmla="*/ 128576 w 3099207"/>
                  <a:gd name="connsiteY12" fmla="*/ 75978 h 960233"/>
                  <a:gd name="connsiteX13" fmla="*/ 107137 w 3099207"/>
                  <a:gd name="connsiteY13" fmla="*/ 175433 h 960233"/>
                  <a:gd name="connsiteX14" fmla="*/ 69 w 3099207"/>
                  <a:gd name="connsiteY14" fmla="*/ 447776 h 960233"/>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695155 w 3099207"/>
                  <a:gd name="connsiteY5" fmla="*/ 871672 h 1089362"/>
                  <a:gd name="connsiteX6" fmla="*/ 1038493 w 3099207"/>
                  <a:gd name="connsiteY6" fmla="*/ 777841 h 1089362"/>
                  <a:gd name="connsiteX7" fmla="*/ 1336286 w 3099207"/>
                  <a:gd name="connsiteY7" fmla="*/ 1089362 h 1089362"/>
                  <a:gd name="connsiteX8" fmla="*/ 1547909 w 3099207"/>
                  <a:gd name="connsiteY8" fmla="*/ 960233 h 1089362"/>
                  <a:gd name="connsiteX9" fmla="*/ 3099207 w 3099207"/>
                  <a:gd name="connsiteY9" fmla="*/ 428266 h 1089362"/>
                  <a:gd name="connsiteX10" fmla="*/ 3012337 w 3099207"/>
                  <a:gd name="connsiteY10" fmla="*/ 182633 h 1089362"/>
                  <a:gd name="connsiteX11" fmla="*/ 2897812 w 3099207"/>
                  <a:gd name="connsiteY11" fmla="*/ 13658 h 1089362"/>
                  <a:gd name="connsiteX12" fmla="*/ 212460 w 3099207"/>
                  <a:gd name="connsiteY12" fmla="*/ 0 h 1089362"/>
                  <a:gd name="connsiteX13" fmla="*/ 128576 w 3099207"/>
                  <a:gd name="connsiteY13" fmla="*/ 75978 h 1089362"/>
                  <a:gd name="connsiteX14" fmla="*/ 107137 w 3099207"/>
                  <a:gd name="connsiteY14" fmla="*/ 175433 h 1089362"/>
                  <a:gd name="connsiteX15" fmla="*/ 69 w 3099207"/>
                  <a:gd name="connsiteY15" fmla="*/ 447776 h 1089362"/>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695155 w 3099207"/>
                  <a:gd name="connsiteY5" fmla="*/ 871672 h 1089362"/>
                  <a:gd name="connsiteX6" fmla="*/ 1038493 w 3099207"/>
                  <a:gd name="connsiteY6" fmla="*/ 777841 h 1089362"/>
                  <a:gd name="connsiteX7" fmla="*/ 1157610 w 3099207"/>
                  <a:gd name="connsiteY7" fmla="*/ 950492 h 1089362"/>
                  <a:gd name="connsiteX8" fmla="*/ 1336286 w 3099207"/>
                  <a:gd name="connsiteY8" fmla="*/ 1089362 h 1089362"/>
                  <a:gd name="connsiteX9" fmla="*/ 1547909 w 3099207"/>
                  <a:gd name="connsiteY9" fmla="*/ 960233 h 1089362"/>
                  <a:gd name="connsiteX10" fmla="*/ 3099207 w 3099207"/>
                  <a:gd name="connsiteY10" fmla="*/ 428266 h 1089362"/>
                  <a:gd name="connsiteX11" fmla="*/ 3012337 w 3099207"/>
                  <a:gd name="connsiteY11" fmla="*/ 182633 h 1089362"/>
                  <a:gd name="connsiteX12" fmla="*/ 2897812 w 3099207"/>
                  <a:gd name="connsiteY12" fmla="*/ 13658 h 1089362"/>
                  <a:gd name="connsiteX13" fmla="*/ 212460 w 3099207"/>
                  <a:gd name="connsiteY13" fmla="*/ 0 h 1089362"/>
                  <a:gd name="connsiteX14" fmla="*/ 128576 w 3099207"/>
                  <a:gd name="connsiteY14" fmla="*/ 75978 h 1089362"/>
                  <a:gd name="connsiteX15" fmla="*/ 107137 w 3099207"/>
                  <a:gd name="connsiteY15" fmla="*/ 175433 h 1089362"/>
                  <a:gd name="connsiteX16" fmla="*/ 69 w 3099207"/>
                  <a:gd name="connsiteY16" fmla="*/ 447776 h 1089362"/>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695155 w 3099207"/>
                  <a:gd name="connsiteY5" fmla="*/ 871672 h 1089362"/>
                  <a:gd name="connsiteX6" fmla="*/ 884341 w 3099207"/>
                  <a:gd name="connsiteY6" fmla="*/ 852906 h 1089362"/>
                  <a:gd name="connsiteX7" fmla="*/ 1038493 w 3099207"/>
                  <a:gd name="connsiteY7" fmla="*/ 777841 h 1089362"/>
                  <a:gd name="connsiteX8" fmla="*/ 1157610 w 3099207"/>
                  <a:gd name="connsiteY8" fmla="*/ 950492 h 1089362"/>
                  <a:gd name="connsiteX9" fmla="*/ 1336286 w 3099207"/>
                  <a:gd name="connsiteY9" fmla="*/ 1089362 h 1089362"/>
                  <a:gd name="connsiteX10" fmla="*/ 1547909 w 3099207"/>
                  <a:gd name="connsiteY10" fmla="*/ 960233 h 1089362"/>
                  <a:gd name="connsiteX11" fmla="*/ 3099207 w 3099207"/>
                  <a:gd name="connsiteY11" fmla="*/ 428266 h 1089362"/>
                  <a:gd name="connsiteX12" fmla="*/ 3012337 w 3099207"/>
                  <a:gd name="connsiteY12" fmla="*/ 182633 h 1089362"/>
                  <a:gd name="connsiteX13" fmla="*/ 2897812 w 3099207"/>
                  <a:gd name="connsiteY13" fmla="*/ 13658 h 1089362"/>
                  <a:gd name="connsiteX14" fmla="*/ 212460 w 3099207"/>
                  <a:gd name="connsiteY14" fmla="*/ 0 h 1089362"/>
                  <a:gd name="connsiteX15" fmla="*/ 128576 w 3099207"/>
                  <a:gd name="connsiteY15" fmla="*/ 75978 h 1089362"/>
                  <a:gd name="connsiteX16" fmla="*/ 107137 w 3099207"/>
                  <a:gd name="connsiteY16" fmla="*/ 175433 h 1089362"/>
                  <a:gd name="connsiteX17" fmla="*/ 69 w 3099207"/>
                  <a:gd name="connsiteY17" fmla="*/ 447776 h 1089362"/>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579541 w 3099207"/>
                  <a:gd name="connsiteY5" fmla="*/ 777841 h 1089362"/>
                  <a:gd name="connsiteX6" fmla="*/ 695155 w 3099207"/>
                  <a:gd name="connsiteY6" fmla="*/ 871672 h 1089362"/>
                  <a:gd name="connsiteX7" fmla="*/ 884341 w 3099207"/>
                  <a:gd name="connsiteY7" fmla="*/ 852906 h 1089362"/>
                  <a:gd name="connsiteX8" fmla="*/ 1038493 w 3099207"/>
                  <a:gd name="connsiteY8" fmla="*/ 777841 h 1089362"/>
                  <a:gd name="connsiteX9" fmla="*/ 1157610 w 3099207"/>
                  <a:gd name="connsiteY9" fmla="*/ 950492 h 1089362"/>
                  <a:gd name="connsiteX10" fmla="*/ 1336286 w 3099207"/>
                  <a:gd name="connsiteY10" fmla="*/ 1089362 h 1089362"/>
                  <a:gd name="connsiteX11" fmla="*/ 1547909 w 3099207"/>
                  <a:gd name="connsiteY11" fmla="*/ 960233 h 1089362"/>
                  <a:gd name="connsiteX12" fmla="*/ 3099207 w 3099207"/>
                  <a:gd name="connsiteY12" fmla="*/ 428266 h 1089362"/>
                  <a:gd name="connsiteX13" fmla="*/ 3012337 w 3099207"/>
                  <a:gd name="connsiteY13" fmla="*/ 182633 h 1089362"/>
                  <a:gd name="connsiteX14" fmla="*/ 2897812 w 3099207"/>
                  <a:gd name="connsiteY14" fmla="*/ 13658 h 1089362"/>
                  <a:gd name="connsiteX15" fmla="*/ 212460 w 3099207"/>
                  <a:gd name="connsiteY15" fmla="*/ 0 h 1089362"/>
                  <a:gd name="connsiteX16" fmla="*/ 128576 w 3099207"/>
                  <a:gd name="connsiteY16" fmla="*/ 75978 h 1089362"/>
                  <a:gd name="connsiteX17" fmla="*/ 107137 w 3099207"/>
                  <a:gd name="connsiteY17" fmla="*/ 175433 h 1089362"/>
                  <a:gd name="connsiteX18" fmla="*/ 69 w 3099207"/>
                  <a:gd name="connsiteY18" fmla="*/ 447776 h 1089362"/>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579541 w 3099207"/>
                  <a:gd name="connsiteY5" fmla="*/ 777841 h 1089362"/>
                  <a:gd name="connsiteX6" fmla="*/ 695155 w 3099207"/>
                  <a:gd name="connsiteY6" fmla="*/ 871672 h 1089362"/>
                  <a:gd name="connsiteX7" fmla="*/ 884341 w 3099207"/>
                  <a:gd name="connsiteY7" fmla="*/ 852906 h 1089362"/>
                  <a:gd name="connsiteX8" fmla="*/ 1038493 w 3099207"/>
                  <a:gd name="connsiteY8" fmla="*/ 777841 h 1089362"/>
                  <a:gd name="connsiteX9" fmla="*/ 1091045 w 3099207"/>
                  <a:gd name="connsiteY9" fmla="*/ 864165 h 1089362"/>
                  <a:gd name="connsiteX10" fmla="*/ 1157610 w 3099207"/>
                  <a:gd name="connsiteY10" fmla="*/ 950492 h 1089362"/>
                  <a:gd name="connsiteX11" fmla="*/ 1336286 w 3099207"/>
                  <a:gd name="connsiteY11" fmla="*/ 1089362 h 1089362"/>
                  <a:gd name="connsiteX12" fmla="*/ 1547909 w 3099207"/>
                  <a:gd name="connsiteY12" fmla="*/ 960233 h 1089362"/>
                  <a:gd name="connsiteX13" fmla="*/ 3099207 w 3099207"/>
                  <a:gd name="connsiteY13" fmla="*/ 428266 h 1089362"/>
                  <a:gd name="connsiteX14" fmla="*/ 3012337 w 3099207"/>
                  <a:gd name="connsiteY14" fmla="*/ 182633 h 1089362"/>
                  <a:gd name="connsiteX15" fmla="*/ 2897812 w 3099207"/>
                  <a:gd name="connsiteY15" fmla="*/ 13658 h 1089362"/>
                  <a:gd name="connsiteX16" fmla="*/ 212460 w 3099207"/>
                  <a:gd name="connsiteY16" fmla="*/ 0 h 1089362"/>
                  <a:gd name="connsiteX17" fmla="*/ 128576 w 3099207"/>
                  <a:gd name="connsiteY17" fmla="*/ 75978 h 1089362"/>
                  <a:gd name="connsiteX18" fmla="*/ 107137 w 3099207"/>
                  <a:gd name="connsiteY18" fmla="*/ 175433 h 1089362"/>
                  <a:gd name="connsiteX19" fmla="*/ 69 w 3099207"/>
                  <a:gd name="connsiteY19" fmla="*/ 447776 h 1089362"/>
                  <a:gd name="connsiteX0" fmla="*/ 69 w 3099207"/>
                  <a:gd name="connsiteY0" fmla="*/ 447776 h 1089362"/>
                  <a:gd name="connsiteX1" fmla="*/ 118066 w 3099207"/>
                  <a:gd name="connsiteY1" fmla="*/ 466319 h 1089362"/>
                  <a:gd name="connsiteX2" fmla="*/ 212659 w 3099207"/>
                  <a:gd name="connsiteY2" fmla="*/ 537631 h 1089362"/>
                  <a:gd name="connsiteX3" fmla="*/ 369334 w 3099207"/>
                  <a:gd name="connsiteY3" fmla="*/ 537631 h 1089362"/>
                  <a:gd name="connsiteX4" fmla="*/ 512976 w 3099207"/>
                  <a:gd name="connsiteY4" fmla="*/ 627710 h 1089362"/>
                  <a:gd name="connsiteX5" fmla="*/ 579541 w 3099207"/>
                  <a:gd name="connsiteY5" fmla="*/ 777841 h 1089362"/>
                  <a:gd name="connsiteX6" fmla="*/ 695155 w 3099207"/>
                  <a:gd name="connsiteY6" fmla="*/ 871672 h 1089362"/>
                  <a:gd name="connsiteX7" fmla="*/ 884341 w 3099207"/>
                  <a:gd name="connsiteY7" fmla="*/ 852906 h 1089362"/>
                  <a:gd name="connsiteX8" fmla="*/ 1038493 w 3099207"/>
                  <a:gd name="connsiteY8" fmla="*/ 777841 h 1089362"/>
                  <a:gd name="connsiteX9" fmla="*/ 1091045 w 3099207"/>
                  <a:gd name="connsiteY9" fmla="*/ 864165 h 1089362"/>
                  <a:gd name="connsiteX10" fmla="*/ 1157610 w 3099207"/>
                  <a:gd name="connsiteY10" fmla="*/ 950492 h 1089362"/>
                  <a:gd name="connsiteX11" fmla="*/ 1336286 w 3099207"/>
                  <a:gd name="connsiteY11" fmla="*/ 1089362 h 1089362"/>
                  <a:gd name="connsiteX12" fmla="*/ 1493941 w 3099207"/>
                  <a:gd name="connsiteY12" fmla="*/ 1006791 h 1089362"/>
                  <a:gd name="connsiteX13" fmla="*/ 1547909 w 3099207"/>
                  <a:gd name="connsiteY13" fmla="*/ 960233 h 1089362"/>
                  <a:gd name="connsiteX14" fmla="*/ 3099207 w 3099207"/>
                  <a:gd name="connsiteY14" fmla="*/ 428266 h 1089362"/>
                  <a:gd name="connsiteX15" fmla="*/ 3012337 w 3099207"/>
                  <a:gd name="connsiteY15" fmla="*/ 182633 h 1089362"/>
                  <a:gd name="connsiteX16" fmla="*/ 2897812 w 3099207"/>
                  <a:gd name="connsiteY16" fmla="*/ 13658 h 1089362"/>
                  <a:gd name="connsiteX17" fmla="*/ 212460 w 3099207"/>
                  <a:gd name="connsiteY17" fmla="*/ 0 h 1089362"/>
                  <a:gd name="connsiteX18" fmla="*/ 128576 w 3099207"/>
                  <a:gd name="connsiteY18" fmla="*/ 75978 h 1089362"/>
                  <a:gd name="connsiteX19" fmla="*/ 107137 w 3099207"/>
                  <a:gd name="connsiteY19" fmla="*/ 175433 h 1089362"/>
                  <a:gd name="connsiteX20" fmla="*/ 69 w 3099207"/>
                  <a:gd name="connsiteY20" fmla="*/ 447776 h 1089362"/>
                  <a:gd name="connsiteX0" fmla="*/ 69 w 3099207"/>
                  <a:gd name="connsiteY0" fmla="*/ 447776 h 1070596"/>
                  <a:gd name="connsiteX1" fmla="*/ 118066 w 3099207"/>
                  <a:gd name="connsiteY1" fmla="*/ 466319 h 1070596"/>
                  <a:gd name="connsiteX2" fmla="*/ 212659 w 3099207"/>
                  <a:gd name="connsiteY2" fmla="*/ 537631 h 1070596"/>
                  <a:gd name="connsiteX3" fmla="*/ 369334 w 3099207"/>
                  <a:gd name="connsiteY3" fmla="*/ 537631 h 1070596"/>
                  <a:gd name="connsiteX4" fmla="*/ 512976 w 3099207"/>
                  <a:gd name="connsiteY4" fmla="*/ 627710 h 1070596"/>
                  <a:gd name="connsiteX5" fmla="*/ 579541 w 3099207"/>
                  <a:gd name="connsiteY5" fmla="*/ 777841 h 1070596"/>
                  <a:gd name="connsiteX6" fmla="*/ 695155 w 3099207"/>
                  <a:gd name="connsiteY6" fmla="*/ 871672 h 1070596"/>
                  <a:gd name="connsiteX7" fmla="*/ 884341 w 3099207"/>
                  <a:gd name="connsiteY7" fmla="*/ 852906 h 1070596"/>
                  <a:gd name="connsiteX8" fmla="*/ 1038493 w 3099207"/>
                  <a:gd name="connsiteY8" fmla="*/ 777841 h 1070596"/>
                  <a:gd name="connsiteX9" fmla="*/ 1091045 w 3099207"/>
                  <a:gd name="connsiteY9" fmla="*/ 864165 h 1070596"/>
                  <a:gd name="connsiteX10" fmla="*/ 1157610 w 3099207"/>
                  <a:gd name="connsiteY10" fmla="*/ 950492 h 1070596"/>
                  <a:gd name="connsiteX11" fmla="*/ 1339789 w 3099207"/>
                  <a:gd name="connsiteY11" fmla="*/ 1070596 h 1070596"/>
                  <a:gd name="connsiteX12" fmla="*/ 1493941 w 3099207"/>
                  <a:gd name="connsiteY12" fmla="*/ 1006791 h 1070596"/>
                  <a:gd name="connsiteX13" fmla="*/ 1547909 w 3099207"/>
                  <a:gd name="connsiteY13" fmla="*/ 960233 h 1070596"/>
                  <a:gd name="connsiteX14" fmla="*/ 3099207 w 3099207"/>
                  <a:gd name="connsiteY14" fmla="*/ 428266 h 1070596"/>
                  <a:gd name="connsiteX15" fmla="*/ 3012337 w 3099207"/>
                  <a:gd name="connsiteY15" fmla="*/ 182633 h 1070596"/>
                  <a:gd name="connsiteX16" fmla="*/ 2897812 w 3099207"/>
                  <a:gd name="connsiteY16" fmla="*/ 13658 h 1070596"/>
                  <a:gd name="connsiteX17" fmla="*/ 212460 w 3099207"/>
                  <a:gd name="connsiteY17" fmla="*/ 0 h 1070596"/>
                  <a:gd name="connsiteX18" fmla="*/ 128576 w 3099207"/>
                  <a:gd name="connsiteY18" fmla="*/ 75978 h 1070596"/>
                  <a:gd name="connsiteX19" fmla="*/ 107137 w 3099207"/>
                  <a:gd name="connsiteY19" fmla="*/ 175433 h 1070596"/>
                  <a:gd name="connsiteX20" fmla="*/ 69 w 3099207"/>
                  <a:gd name="connsiteY20" fmla="*/ 447776 h 1070596"/>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3099207 w 3099207"/>
                  <a:gd name="connsiteY15" fmla="*/ 428266 h 1070850"/>
                  <a:gd name="connsiteX16" fmla="*/ 3012337 w 3099207"/>
                  <a:gd name="connsiteY16" fmla="*/ 182633 h 1070850"/>
                  <a:gd name="connsiteX17" fmla="*/ 2897812 w 3099207"/>
                  <a:gd name="connsiteY17" fmla="*/ 13658 h 1070850"/>
                  <a:gd name="connsiteX18" fmla="*/ 212460 w 3099207"/>
                  <a:gd name="connsiteY18" fmla="*/ 0 h 1070850"/>
                  <a:gd name="connsiteX19" fmla="*/ 128576 w 3099207"/>
                  <a:gd name="connsiteY19" fmla="*/ 75978 h 1070850"/>
                  <a:gd name="connsiteX20" fmla="*/ 107137 w 3099207"/>
                  <a:gd name="connsiteY20" fmla="*/ 175433 h 1070850"/>
                  <a:gd name="connsiteX21" fmla="*/ 69 w 3099207"/>
                  <a:gd name="connsiteY21"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2061500 w 3099207"/>
                  <a:gd name="connsiteY15" fmla="*/ 800361 h 1070850"/>
                  <a:gd name="connsiteX16" fmla="*/ 3099207 w 3099207"/>
                  <a:gd name="connsiteY16" fmla="*/ 428266 h 1070850"/>
                  <a:gd name="connsiteX17" fmla="*/ 3012337 w 3099207"/>
                  <a:gd name="connsiteY17" fmla="*/ 182633 h 1070850"/>
                  <a:gd name="connsiteX18" fmla="*/ 2897812 w 3099207"/>
                  <a:gd name="connsiteY18" fmla="*/ 13658 h 1070850"/>
                  <a:gd name="connsiteX19" fmla="*/ 212460 w 3099207"/>
                  <a:gd name="connsiteY19" fmla="*/ 0 h 1070850"/>
                  <a:gd name="connsiteX20" fmla="*/ 128576 w 3099207"/>
                  <a:gd name="connsiteY20" fmla="*/ 75978 h 1070850"/>
                  <a:gd name="connsiteX21" fmla="*/ 107137 w 3099207"/>
                  <a:gd name="connsiteY21" fmla="*/ 175433 h 1070850"/>
                  <a:gd name="connsiteX22" fmla="*/ 69 w 3099207"/>
                  <a:gd name="connsiteY22"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2061500 w 3099207"/>
                  <a:gd name="connsiteY15" fmla="*/ 800361 h 1070850"/>
                  <a:gd name="connsiteX16" fmla="*/ 2636065 w 3099207"/>
                  <a:gd name="connsiteY16" fmla="*/ 593930 h 1070850"/>
                  <a:gd name="connsiteX17" fmla="*/ 3099207 w 3099207"/>
                  <a:gd name="connsiteY17" fmla="*/ 428266 h 1070850"/>
                  <a:gd name="connsiteX18" fmla="*/ 3012337 w 3099207"/>
                  <a:gd name="connsiteY18" fmla="*/ 182633 h 1070850"/>
                  <a:gd name="connsiteX19" fmla="*/ 2897812 w 3099207"/>
                  <a:gd name="connsiteY19" fmla="*/ 13658 h 1070850"/>
                  <a:gd name="connsiteX20" fmla="*/ 212460 w 3099207"/>
                  <a:gd name="connsiteY20" fmla="*/ 0 h 1070850"/>
                  <a:gd name="connsiteX21" fmla="*/ 128576 w 3099207"/>
                  <a:gd name="connsiteY21" fmla="*/ 75978 h 1070850"/>
                  <a:gd name="connsiteX22" fmla="*/ 107137 w 3099207"/>
                  <a:gd name="connsiteY22" fmla="*/ 175433 h 1070850"/>
                  <a:gd name="connsiteX23" fmla="*/ 69 w 3099207"/>
                  <a:gd name="connsiteY23"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2061500 w 3099207"/>
                  <a:gd name="connsiteY15" fmla="*/ 800361 h 1070850"/>
                  <a:gd name="connsiteX16" fmla="*/ 2636065 w 3099207"/>
                  <a:gd name="connsiteY16" fmla="*/ 593930 h 1070850"/>
                  <a:gd name="connsiteX17" fmla="*/ 2944369 w 3099207"/>
                  <a:gd name="connsiteY17" fmla="*/ 413774 h 1070850"/>
                  <a:gd name="connsiteX18" fmla="*/ 3099207 w 3099207"/>
                  <a:gd name="connsiteY18" fmla="*/ 428266 h 1070850"/>
                  <a:gd name="connsiteX19" fmla="*/ 3012337 w 3099207"/>
                  <a:gd name="connsiteY19" fmla="*/ 182633 h 1070850"/>
                  <a:gd name="connsiteX20" fmla="*/ 2897812 w 3099207"/>
                  <a:gd name="connsiteY20" fmla="*/ 13658 h 1070850"/>
                  <a:gd name="connsiteX21" fmla="*/ 212460 w 3099207"/>
                  <a:gd name="connsiteY21" fmla="*/ 0 h 1070850"/>
                  <a:gd name="connsiteX22" fmla="*/ 128576 w 3099207"/>
                  <a:gd name="connsiteY22" fmla="*/ 75978 h 1070850"/>
                  <a:gd name="connsiteX23" fmla="*/ 107137 w 3099207"/>
                  <a:gd name="connsiteY23" fmla="*/ 175433 h 1070850"/>
                  <a:gd name="connsiteX24" fmla="*/ 69 w 3099207"/>
                  <a:gd name="connsiteY24"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2061500 w 3099207"/>
                  <a:gd name="connsiteY15" fmla="*/ 800361 h 1070850"/>
                  <a:gd name="connsiteX16" fmla="*/ 2636065 w 3099207"/>
                  <a:gd name="connsiteY16" fmla="*/ 593930 h 1070850"/>
                  <a:gd name="connsiteX17" fmla="*/ 2832259 w 3099207"/>
                  <a:gd name="connsiteY17" fmla="*/ 522619 h 1070850"/>
                  <a:gd name="connsiteX18" fmla="*/ 2944369 w 3099207"/>
                  <a:gd name="connsiteY18" fmla="*/ 413774 h 1070850"/>
                  <a:gd name="connsiteX19" fmla="*/ 3099207 w 3099207"/>
                  <a:gd name="connsiteY19" fmla="*/ 428266 h 1070850"/>
                  <a:gd name="connsiteX20" fmla="*/ 3012337 w 3099207"/>
                  <a:gd name="connsiteY20" fmla="*/ 182633 h 1070850"/>
                  <a:gd name="connsiteX21" fmla="*/ 2897812 w 3099207"/>
                  <a:gd name="connsiteY21" fmla="*/ 13658 h 1070850"/>
                  <a:gd name="connsiteX22" fmla="*/ 212460 w 3099207"/>
                  <a:gd name="connsiteY22" fmla="*/ 0 h 1070850"/>
                  <a:gd name="connsiteX23" fmla="*/ 128576 w 3099207"/>
                  <a:gd name="connsiteY23" fmla="*/ 75978 h 1070850"/>
                  <a:gd name="connsiteX24" fmla="*/ 107137 w 3099207"/>
                  <a:gd name="connsiteY24" fmla="*/ 175433 h 1070850"/>
                  <a:gd name="connsiteX25" fmla="*/ 69 w 3099207"/>
                  <a:gd name="connsiteY25"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2061500 w 3099207"/>
                  <a:gd name="connsiteY15" fmla="*/ 800361 h 1070850"/>
                  <a:gd name="connsiteX16" fmla="*/ 2453886 w 3099207"/>
                  <a:gd name="connsiteY16" fmla="*/ 875426 h 1070850"/>
                  <a:gd name="connsiteX17" fmla="*/ 2636065 w 3099207"/>
                  <a:gd name="connsiteY17" fmla="*/ 593930 h 1070850"/>
                  <a:gd name="connsiteX18" fmla="*/ 2832259 w 3099207"/>
                  <a:gd name="connsiteY18" fmla="*/ 522619 h 1070850"/>
                  <a:gd name="connsiteX19" fmla="*/ 2944369 w 3099207"/>
                  <a:gd name="connsiteY19" fmla="*/ 413774 h 1070850"/>
                  <a:gd name="connsiteX20" fmla="*/ 3099207 w 3099207"/>
                  <a:gd name="connsiteY20" fmla="*/ 428266 h 1070850"/>
                  <a:gd name="connsiteX21" fmla="*/ 3012337 w 3099207"/>
                  <a:gd name="connsiteY21" fmla="*/ 182633 h 1070850"/>
                  <a:gd name="connsiteX22" fmla="*/ 2897812 w 3099207"/>
                  <a:gd name="connsiteY22" fmla="*/ 13658 h 1070850"/>
                  <a:gd name="connsiteX23" fmla="*/ 212460 w 3099207"/>
                  <a:gd name="connsiteY23" fmla="*/ 0 h 1070850"/>
                  <a:gd name="connsiteX24" fmla="*/ 128576 w 3099207"/>
                  <a:gd name="connsiteY24" fmla="*/ 75978 h 1070850"/>
                  <a:gd name="connsiteX25" fmla="*/ 107137 w 3099207"/>
                  <a:gd name="connsiteY25" fmla="*/ 175433 h 1070850"/>
                  <a:gd name="connsiteX26" fmla="*/ 69 w 3099207"/>
                  <a:gd name="connsiteY26"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47909 w 3099207"/>
                  <a:gd name="connsiteY14" fmla="*/ 960233 h 1070850"/>
                  <a:gd name="connsiteX15" fmla="*/ 1830272 w 3099207"/>
                  <a:gd name="connsiteY15" fmla="*/ 1044323 h 1070850"/>
                  <a:gd name="connsiteX16" fmla="*/ 2061500 w 3099207"/>
                  <a:gd name="connsiteY16" fmla="*/ 800361 h 1070850"/>
                  <a:gd name="connsiteX17" fmla="*/ 2453886 w 3099207"/>
                  <a:gd name="connsiteY17" fmla="*/ 875426 h 1070850"/>
                  <a:gd name="connsiteX18" fmla="*/ 2636065 w 3099207"/>
                  <a:gd name="connsiteY18" fmla="*/ 593930 h 1070850"/>
                  <a:gd name="connsiteX19" fmla="*/ 2832259 w 3099207"/>
                  <a:gd name="connsiteY19" fmla="*/ 522619 h 1070850"/>
                  <a:gd name="connsiteX20" fmla="*/ 2944369 w 3099207"/>
                  <a:gd name="connsiteY20" fmla="*/ 413774 h 1070850"/>
                  <a:gd name="connsiteX21" fmla="*/ 3099207 w 3099207"/>
                  <a:gd name="connsiteY21" fmla="*/ 428266 h 1070850"/>
                  <a:gd name="connsiteX22" fmla="*/ 3012337 w 3099207"/>
                  <a:gd name="connsiteY22" fmla="*/ 182633 h 1070850"/>
                  <a:gd name="connsiteX23" fmla="*/ 2897812 w 3099207"/>
                  <a:gd name="connsiteY23" fmla="*/ 13658 h 1070850"/>
                  <a:gd name="connsiteX24" fmla="*/ 212460 w 3099207"/>
                  <a:gd name="connsiteY24" fmla="*/ 0 h 1070850"/>
                  <a:gd name="connsiteX25" fmla="*/ 128576 w 3099207"/>
                  <a:gd name="connsiteY25" fmla="*/ 75978 h 1070850"/>
                  <a:gd name="connsiteX26" fmla="*/ 107137 w 3099207"/>
                  <a:gd name="connsiteY26" fmla="*/ 175433 h 1070850"/>
                  <a:gd name="connsiteX27" fmla="*/ 69 w 3099207"/>
                  <a:gd name="connsiteY27"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830272 w 3099207"/>
                  <a:gd name="connsiteY15" fmla="*/ 1044323 h 1070850"/>
                  <a:gd name="connsiteX16" fmla="*/ 2061500 w 3099207"/>
                  <a:gd name="connsiteY16" fmla="*/ 800361 h 1070850"/>
                  <a:gd name="connsiteX17" fmla="*/ 2453886 w 3099207"/>
                  <a:gd name="connsiteY17" fmla="*/ 875426 h 1070850"/>
                  <a:gd name="connsiteX18" fmla="*/ 2636065 w 3099207"/>
                  <a:gd name="connsiteY18" fmla="*/ 593930 h 1070850"/>
                  <a:gd name="connsiteX19" fmla="*/ 2832259 w 3099207"/>
                  <a:gd name="connsiteY19" fmla="*/ 522619 h 1070850"/>
                  <a:gd name="connsiteX20" fmla="*/ 2944369 w 3099207"/>
                  <a:gd name="connsiteY20" fmla="*/ 413774 h 1070850"/>
                  <a:gd name="connsiteX21" fmla="*/ 3099207 w 3099207"/>
                  <a:gd name="connsiteY21" fmla="*/ 428266 h 1070850"/>
                  <a:gd name="connsiteX22" fmla="*/ 3012337 w 3099207"/>
                  <a:gd name="connsiteY22" fmla="*/ 182633 h 1070850"/>
                  <a:gd name="connsiteX23" fmla="*/ 2897812 w 3099207"/>
                  <a:gd name="connsiteY23" fmla="*/ 13658 h 1070850"/>
                  <a:gd name="connsiteX24" fmla="*/ 212460 w 3099207"/>
                  <a:gd name="connsiteY24" fmla="*/ 0 h 1070850"/>
                  <a:gd name="connsiteX25" fmla="*/ 128576 w 3099207"/>
                  <a:gd name="connsiteY25" fmla="*/ 75978 h 1070850"/>
                  <a:gd name="connsiteX26" fmla="*/ 107137 w 3099207"/>
                  <a:gd name="connsiteY26" fmla="*/ 175433 h 1070850"/>
                  <a:gd name="connsiteX27" fmla="*/ 69 w 3099207"/>
                  <a:gd name="connsiteY27"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830272 w 3099207"/>
                  <a:gd name="connsiteY15" fmla="*/ 1044323 h 1070850"/>
                  <a:gd name="connsiteX16" fmla="*/ 2061500 w 3099207"/>
                  <a:gd name="connsiteY16" fmla="*/ 800361 h 1070850"/>
                  <a:gd name="connsiteX17" fmla="*/ 2453886 w 3099207"/>
                  <a:gd name="connsiteY17" fmla="*/ 875426 h 1070850"/>
                  <a:gd name="connsiteX18" fmla="*/ 2636065 w 3099207"/>
                  <a:gd name="connsiteY18" fmla="*/ 593930 h 1070850"/>
                  <a:gd name="connsiteX19" fmla="*/ 2832259 w 3099207"/>
                  <a:gd name="connsiteY19" fmla="*/ 522619 h 1070850"/>
                  <a:gd name="connsiteX20" fmla="*/ 2944369 w 3099207"/>
                  <a:gd name="connsiteY20" fmla="*/ 413774 h 1070850"/>
                  <a:gd name="connsiteX21" fmla="*/ 3099207 w 3099207"/>
                  <a:gd name="connsiteY21" fmla="*/ 428266 h 1070850"/>
                  <a:gd name="connsiteX22" fmla="*/ 3012337 w 3099207"/>
                  <a:gd name="connsiteY22" fmla="*/ 182633 h 1070850"/>
                  <a:gd name="connsiteX23" fmla="*/ 2897812 w 3099207"/>
                  <a:gd name="connsiteY23" fmla="*/ 13658 h 1070850"/>
                  <a:gd name="connsiteX24" fmla="*/ 212460 w 3099207"/>
                  <a:gd name="connsiteY24" fmla="*/ 0 h 1070850"/>
                  <a:gd name="connsiteX25" fmla="*/ 128576 w 3099207"/>
                  <a:gd name="connsiteY25" fmla="*/ 75978 h 1070850"/>
                  <a:gd name="connsiteX26" fmla="*/ 107137 w 3099207"/>
                  <a:gd name="connsiteY26" fmla="*/ 175433 h 1070850"/>
                  <a:gd name="connsiteX27" fmla="*/ 69 w 3099207"/>
                  <a:gd name="connsiteY27"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2061500 w 3099207"/>
                  <a:gd name="connsiteY17" fmla="*/ 800361 h 1070850"/>
                  <a:gd name="connsiteX18" fmla="*/ 2453886 w 3099207"/>
                  <a:gd name="connsiteY18" fmla="*/ 875426 h 1070850"/>
                  <a:gd name="connsiteX19" fmla="*/ 2636065 w 3099207"/>
                  <a:gd name="connsiteY19" fmla="*/ 593930 h 1070850"/>
                  <a:gd name="connsiteX20" fmla="*/ 2832259 w 3099207"/>
                  <a:gd name="connsiteY20" fmla="*/ 522619 h 1070850"/>
                  <a:gd name="connsiteX21" fmla="*/ 2944369 w 3099207"/>
                  <a:gd name="connsiteY21" fmla="*/ 413774 h 1070850"/>
                  <a:gd name="connsiteX22" fmla="*/ 3099207 w 3099207"/>
                  <a:gd name="connsiteY22" fmla="*/ 428266 h 1070850"/>
                  <a:gd name="connsiteX23" fmla="*/ 3012337 w 3099207"/>
                  <a:gd name="connsiteY23" fmla="*/ 182633 h 1070850"/>
                  <a:gd name="connsiteX24" fmla="*/ 2897812 w 3099207"/>
                  <a:gd name="connsiteY24" fmla="*/ 13658 h 1070850"/>
                  <a:gd name="connsiteX25" fmla="*/ 212460 w 3099207"/>
                  <a:gd name="connsiteY25" fmla="*/ 0 h 1070850"/>
                  <a:gd name="connsiteX26" fmla="*/ 128576 w 3099207"/>
                  <a:gd name="connsiteY26" fmla="*/ 75978 h 1070850"/>
                  <a:gd name="connsiteX27" fmla="*/ 107137 w 3099207"/>
                  <a:gd name="connsiteY27" fmla="*/ 175433 h 1070850"/>
                  <a:gd name="connsiteX28" fmla="*/ 69 w 3099207"/>
                  <a:gd name="connsiteY28"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453886 w 3099207"/>
                  <a:gd name="connsiteY19" fmla="*/ 875426 h 1070850"/>
                  <a:gd name="connsiteX20" fmla="*/ 2636065 w 3099207"/>
                  <a:gd name="connsiteY20" fmla="*/ 593930 h 1070850"/>
                  <a:gd name="connsiteX21" fmla="*/ 2832259 w 3099207"/>
                  <a:gd name="connsiteY21" fmla="*/ 522619 h 1070850"/>
                  <a:gd name="connsiteX22" fmla="*/ 2944369 w 3099207"/>
                  <a:gd name="connsiteY22" fmla="*/ 413774 h 1070850"/>
                  <a:gd name="connsiteX23" fmla="*/ 3099207 w 3099207"/>
                  <a:gd name="connsiteY23" fmla="*/ 428266 h 1070850"/>
                  <a:gd name="connsiteX24" fmla="*/ 3012337 w 3099207"/>
                  <a:gd name="connsiteY24" fmla="*/ 182633 h 1070850"/>
                  <a:gd name="connsiteX25" fmla="*/ 2897812 w 3099207"/>
                  <a:gd name="connsiteY25" fmla="*/ 13658 h 1070850"/>
                  <a:gd name="connsiteX26" fmla="*/ 212460 w 3099207"/>
                  <a:gd name="connsiteY26" fmla="*/ 0 h 1070850"/>
                  <a:gd name="connsiteX27" fmla="*/ 128576 w 3099207"/>
                  <a:gd name="connsiteY27" fmla="*/ 75978 h 1070850"/>
                  <a:gd name="connsiteX28" fmla="*/ 107137 w 3099207"/>
                  <a:gd name="connsiteY28" fmla="*/ 175433 h 1070850"/>
                  <a:gd name="connsiteX29" fmla="*/ 69 w 3099207"/>
                  <a:gd name="connsiteY29"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453886 w 3099207"/>
                  <a:gd name="connsiteY19" fmla="*/ 875426 h 1070850"/>
                  <a:gd name="connsiteX20" fmla="*/ 2636065 w 3099207"/>
                  <a:gd name="connsiteY20" fmla="*/ 593930 h 1070850"/>
                  <a:gd name="connsiteX21" fmla="*/ 2832259 w 3099207"/>
                  <a:gd name="connsiteY21" fmla="*/ 522619 h 1070850"/>
                  <a:gd name="connsiteX22" fmla="*/ 2944369 w 3099207"/>
                  <a:gd name="connsiteY22" fmla="*/ 413774 h 1070850"/>
                  <a:gd name="connsiteX23" fmla="*/ 3099207 w 3099207"/>
                  <a:gd name="connsiteY23" fmla="*/ 428266 h 1070850"/>
                  <a:gd name="connsiteX24" fmla="*/ 3012337 w 3099207"/>
                  <a:gd name="connsiteY24" fmla="*/ 182633 h 1070850"/>
                  <a:gd name="connsiteX25" fmla="*/ 2897812 w 3099207"/>
                  <a:gd name="connsiteY25" fmla="*/ 13658 h 1070850"/>
                  <a:gd name="connsiteX26" fmla="*/ 212460 w 3099207"/>
                  <a:gd name="connsiteY26" fmla="*/ 0 h 1070850"/>
                  <a:gd name="connsiteX27" fmla="*/ 128576 w 3099207"/>
                  <a:gd name="connsiteY27" fmla="*/ 75978 h 1070850"/>
                  <a:gd name="connsiteX28" fmla="*/ 107137 w 3099207"/>
                  <a:gd name="connsiteY28" fmla="*/ 175433 h 1070850"/>
                  <a:gd name="connsiteX29" fmla="*/ 69 w 3099207"/>
                  <a:gd name="connsiteY29"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250686 w 3099207"/>
                  <a:gd name="connsiteY19" fmla="*/ 826633 h 1070850"/>
                  <a:gd name="connsiteX20" fmla="*/ 2453886 w 3099207"/>
                  <a:gd name="connsiteY20" fmla="*/ 875426 h 1070850"/>
                  <a:gd name="connsiteX21" fmla="*/ 2636065 w 3099207"/>
                  <a:gd name="connsiteY21" fmla="*/ 593930 h 1070850"/>
                  <a:gd name="connsiteX22" fmla="*/ 2832259 w 3099207"/>
                  <a:gd name="connsiteY22" fmla="*/ 522619 h 1070850"/>
                  <a:gd name="connsiteX23" fmla="*/ 2944369 w 3099207"/>
                  <a:gd name="connsiteY23" fmla="*/ 413774 h 1070850"/>
                  <a:gd name="connsiteX24" fmla="*/ 3099207 w 3099207"/>
                  <a:gd name="connsiteY24" fmla="*/ 428266 h 1070850"/>
                  <a:gd name="connsiteX25" fmla="*/ 3012337 w 3099207"/>
                  <a:gd name="connsiteY25" fmla="*/ 182633 h 1070850"/>
                  <a:gd name="connsiteX26" fmla="*/ 2897812 w 3099207"/>
                  <a:gd name="connsiteY26" fmla="*/ 13658 h 1070850"/>
                  <a:gd name="connsiteX27" fmla="*/ 212460 w 3099207"/>
                  <a:gd name="connsiteY27" fmla="*/ 0 h 1070850"/>
                  <a:gd name="connsiteX28" fmla="*/ 128576 w 3099207"/>
                  <a:gd name="connsiteY28" fmla="*/ 75978 h 1070850"/>
                  <a:gd name="connsiteX29" fmla="*/ 107137 w 3099207"/>
                  <a:gd name="connsiteY29" fmla="*/ 175433 h 1070850"/>
                  <a:gd name="connsiteX30" fmla="*/ 69 w 3099207"/>
                  <a:gd name="connsiteY30"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250686 w 3099207"/>
                  <a:gd name="connsiteY19" fmla="*/ 826633 h 1070850"/>
                  <a:gd name="connsiteX20" fmla="*/ 2453886 w 3099207"/>
                  <a:gd name="connsiteY20" fmla="*/ 875426 h 1070850"/>
                  <a:gd name="connsiteX21" fmla="*/ 2537969 w 3099207"/>
                  <a:gd name="connsiteY21" fmla="*/ 759075 h 1070850"/>
                  <a:gd name="connsiteX22" fmla="*/ 2636065 w 3099207"/>
                  <a:gd name="connsiteY22" fmla="*/ 593930 h 1070850"/>
                  <a:gd name="connsiteX23" fmla="*/ 2832259 w 3099207"/>
                  <a:gd name="connsiteY23" fmla="*/ 522619 h 1070850"/>
                  <a:gd name="connsiteX24" fmla="*/ 2944369 w 3099207"/>
                  <a:gd name="connsiteY24" fmla="*/ 413774 h 1070850"/>
                  <a:gd name="connsiteX25" fmla="*/ 3099207 w 3099207"/>
                  <a:gd name="connsiteY25" fmla="*/ 428266 h 1070850"/>
                  <a:gd name="connsiteX26" fmla="*/ 3012337 w 3099207"/>
                  <a:gd name="connsiteY26" fmla="*/ 182633 h 1070850"/>
                  <a:gd name="connsiteX27" fmla="*/ 2897812 w 3099207"/>
                  <a:gd name="connsiteY27" fmla="*/ 13658 h 1070850"/>
                  <a:gd name="connsiteX28" fmla="*/ 212460 w 3099207"/>
                  <a:gd name="connsiteY28" fmla="*/ 0 h 1070850"/>
                  <a:gd name="connsiteX29" fmla="*/ 128576 w 3099207"/>
                  <a:gd name="connsiteY29" fmla="*/ 75978 h 1070850"/>
                  <a:gd name="connsiteX30" fmla="*/ 107137 w 3099207"/>
                  <a:gd name="connsiteY30" fmla="*/ 175433 h 1070850"/>
                  <a:gd name="connsiteX31" fmla="*/ 69 w 3099207"/>
                  <a:gd name="connsiteY31"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250686 w 3099207"/>
                  <a:gd name="connsiteY19" fmla="*/ 826633 h 1070850"/>
                  <a:gd name="connsiteX20" fmla="*/ 2352286 w 3099207"/>
                  <a:gd name="connsiteY20" fmla="*/ 867920 h 1070850"/>
                  <a:gd name="connsiteX21" fmla="*/ 2453886 w 3099207"/>
                  <a:gd name="connsiteY21" fmla="*/ 875426 h 1070850"/>
                  <a:gd name="connsiteX22" fmla="*/ 2537969 w 3099207"/>
                  <a:gd name="connsiteY22" fmla="*/ 759075 h 1070850"/>
                  <a:gd name="connsiteX23" fmla="*/ 2636065 w 3099207"/>
                  <a:gd name="connsiteY23" fmla="*/ 593930 h 1070850"/>
                  <a:gd name="connsiteX24" fmla="*/ 2832259 w 3099207"/>
                  <a:gd name="connsiteY24" fmla="*/ 522619 h 1070850"/>
                  <a:gd name="connsiteX25" fmla="*/ 2944369 w 3099207"/>
                  <a:gd name="connsiteY25" fmla="*/ 413774 h 1070850"/>
                  <a:gd name="connsiteX26" fmla="*/ 3099207 w 3099207"/>
                  <a:gd name="connsiteY26" fmla="*/ 428266 h 1070850"/>
                  <a:gd name="connsiteX27" fmla="*/ 3012337 w 3099207"/>
                  <a:gd name="connsiteY27" fmla="*/ 182633 h 1070850"/>
                  <a:gd name="connsiteX28" fmla="*/ 2897812 w 3099207"/>
                  <a:gd name="connsiteY28" fmla="*/ 13658 h 1070850"/>
                  <a:gd name="connsiteX29" fmla="*/ 212460 w 3099207"/>
                  <a:gd name="connsiteY29" fmla="*/ 0 h 1070850"/>
                  <a:gd name="connsiteX30" fmla="*/ 128576 w 3099207"/>
                  <a:gd name="connsiteY30" fmla="*/ 75978 h 1070850"/>
                  <a:gd name="connsiteX31" fmla="*/ 107137 w 3099207"/>
                  <a:gd name="connsiteY31" fmla="*/ 175433 h 1070850"/>
                  <a:gd name="connsiteX32" fmla="*/ 69 w 3099207"/>
                  <a:gd name="connsiteY32"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37969 w 3099207"/>
                  <a:gd name="connsiteY23" fmla="*/ 759075 h 1070850"/>
                  <a:gd name="connsiteX24" fmla="*/ 2636065 w 3099207"/>
                  <a:gd name="connsiteY24" fmla="*/ 593930 h 1070850"/>
                  <a:gd name="connsiteX25" fmla="*/ 2832259 w 3099207"/>
                  <a:gd name="connsiteY25" fmla="*/ 522619 h 1070850"/>
                  <a:gd name="connsiteX26" fmla="*/ 2944369 w 3099207"/>
                  <a:gd name="connsiteY26" fmla="*/ 413774 h 1070850"/>
                  <a:gd name="connsiteX27" fmla="*/ 3099207 w 3099207"/>
                  <a:gd name="connsiteY27" fmla="*/ 428266 h 1070850"/>
                  <a:gd name="connsiteX28" fmla="*/ 3012337 w 3099207"/>
                  <a:gd name="connsiteY28" fmla="*/ 182633 h 1070850"/>
                  <a:gd name="connsiteX29" fmla="*/ 2897812 w 3099207"/>
                  <a:gd name="connsiteY29" fmla="*/ 13658 h 1070850"/>
                  <a:gd name="connsiteX30" fmla="*/ 212460 w 3099207"/>
                  <a:gd name="connsiteY30" fmla="*/ 0 h 1070850"/>
                  <a:gd name="connsiteX31" fmla="*/ 128576 w 3099207"/>
                  <a:gd name="connsiteY31" fmla="*/ 75978 h 1070850"/>
                  <a:gd name="connsiteX32" fmla="*/ 107137 w 3099207"/>
                  <a:gd name="connsiteY32" fmla="*/ 175433 h 1070850"/>
                  <a:gd name="connsiteX33" fmla="*/ 69 w 3099207"/>
                  <a:gd name="connsiteY33"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37969 w 3099207"/>
                  <a:gd name="connsiteY23" fmla="*/ 759075 h 1070850"/>
                  <a:gd name="connsiteX24" fmla="*/ 2562493 w 3099207"/>
                  <a:gd name="connsiteY24" fmla="*/ 680256 h 1070850"/>
                  <a:gd name="connsiteX25" fmla="*/ 2636065 w 3099207"/>
                  <a:gd name="connsiteY25" fmla="*/ 593930 h 1070850"/>
                  <a:gd name="connsiteX26" fmla="*/ 2832259 w 3099207"/>
                  <a:gd name="connsiteY26" fmla="*/ 522619 h 1070850"/>
                  <a:gd name="connsiteX27" fmla="*/ 2944369 w 3099207"/>
                  <a:gd name="connsiteY27" fmla="*/ 413774 h 1070850"/>
                  <a:gd name="connsiteX28" fmla="*/ 3099207 w 3099207"/>
                  <a:gd name="connsiteY28" fmla="*/ 428266 h 1070850"/>
                  <a:gd name="connsiteX29" fmla="*/ 3012337 w 3099207"/>
                  <a:gd name="connsiteY29" fmla="*/ 182633 h 1070850"/>
                  <a:gd name="connsiteX30" fmla="*/ 2897812 w 3099207"/>
                  <a:gd name="connsiteY30" fmla="*/ 13658 h 1070850"/>
                  <a:gd name="connsiteX31" fmla="*/ 212460 w 3099207"/>
                  <a:gd name="connsiteY31" fmla="*/ 0 h 1070850"/>
                  <a:gd name="connsiteX32" fmla="*/ 128576 w 3099207"/>
                  <a:gd name="connsiteY32" fmla="*/ 75978 h 1070850"/>
                  <a:gd name="connsiteX33" fmla="*/ 107137 w 3099207"/>
                  <a:gd name="connsiteY33" fmla="*/ 175433 h 1070850"/>
                  <a:gd name="connsiteX34" fmla="*/ 69 w 3099207"/>
                  <a:gd name="connsiteY34"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02934 w 3099207"/>
                  <a:gd name="connsiteY23" fmla="*/ 822881 h 1070850"/>
                  <a:gd name="connsiteX24" fmla="*/ 2537969 w 3099207"/>
                  <a:gd name="connsiteY24" fmla="*/ 759075 h 1070850"/>
                  <a:gd name="connsiteX25" fmla="*/ 2562493 w 3099207"/>
                  <a:gd name="connsiteY25" fmla="*/ 680256 h 1070850"/>
                  <a:gd name="connsiteX26" fmla="*/ 2636065 w 3099207"/>
                  <a:gd name="connsiteY26" fmla="*/ 593930 h 1070850"/>
                  <a:gd name="connsiteX27" fmla="*/ 2832259 w 3099207"/>
                  <a:gd name="connsiteY27" fmla="*/ 522619 h 1070850"/>
                  <a:gd name="connsiteX28" fmla="*/ 2944369 w 3099207"/>
                  <a:gd name="connsiteY28" fmla="*/ 413774 h 1070850"/>
                  <a:gd name="connsiteX29" fmla="*/ 3099207 w 3099207"/>
                  <a:gd name="connsiteY29" fmla="*/ 428266 h 1070850"/>
                  <a:gd name="connsiteX30" fmla="*/ 3012337 w 3099207"/>
                  <a:gd name="connsiteY30" fmla="*/ 182633 h 1070850"/>
                  <a:gd name="connsiteX31" fmla="*/ 2897812 w 3099207"/>
                  <a:gd name="connsiteY31" fmla="*/ 13658 h 1070850"/>
                  <a:gd name="connsiteX32" fmla="*/ 212460 w 3099207"/>
                  <a:gd name="connsiteY32" fmla="*/ 0 h 1070850"/>
                  <a:gd name="connsiteX33" fmla="*/ 128576 w 3099207"/>
                  <a:gd name="connsiteY33" fmla="*/ 75978 h 1070850"/>
                  <a:gd name="connsiteX34" fmla="*/ 107137 w 3099207"/>
                  <a:gd name="connsiteY34" fmla="*/ 175433 h 1070850"/>
                  <a:gd name="connsiteX35" fmla="*/ 69 w 3099207"/>
                  <a:gd name="connsiteY35"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02934 w 3099207"/>
                  <a:gd name="connsiteY23" fmla="*/ 822881 h 1070850"/>
                  <a:gd name="connsiteX24" fmla="*/ 2537969 w 3099207"/>
                  <a:gd name="connsiteY24" fmla="*/ 759075 h 1070850"/>
                  <a:gd name="connsiteX25" fmla="*/ 2562493 w 3099207"/>
                  <a:gd name="connsiteY25" fmla="*/ 680256 h 1070850"/>
                  <a:gd name="connsiteX26" fmla="*/ 2636065 w 3099207"/>
                  <a:gd name="connsiteY26" fmla="*/ 593930 h 1070850"/>
                  <a:gd name="connsiteX27" fmla="*/ 2741169 w 3099207"/>
                  <a:gd name="connsiteY27" fmla="*/ 571411 h 1070850"/>
                  <a:gd name="connsiteX28" fmla="*/ 2832259 w 3099207"/>
                  <a:gd name="connsiteY28" fmla="*/ 522619 h 1070850"/>
                  <a:gd name="connsiteX29" fmla="*/ 2944369 w 3099207"/>
                  <a:gd name="connsiteY29" fmla="*/ 413774 h 1070850"/>
                  <a:gd name="connsiteX30" fmla="*/ 3099207 w 3099207"/>
                  <a:gd name="connsiteY30" fmla="*/ 428266 h 1070850"/>
                  <a:gd name="connsiteX31" fmla="*/ 3012337 w 3099207"/>
                  <a:gd name="connsiteY31" fmla="*/ 182633 h 1070850"/>
                  <a:gd name="connsiteX32" fmla="*/ 2897812 w 3099207"/>
                  <a:gd name="connsiteY32" fmla="*/ 13658 h 1070850"/>
                  <a:gd name="connsiteX33" fmla="*/ 212460 w 3099207"/>
                  <a:gd name="connsiteY33" fmla="*/ 0 h 1070850"/>
                  <a:gd name="connsiteX34" fmla="*/ 128576 w 3099207"/>
                  <a:gd name="connsiteY34" fmla="*/ 75978 h 1070850"/>
                  <a:gd name="connsiteX35" fmla="*/ 107137 w 3099207"/>
                  <a:gd name="connsiteY35" fmla="*/ 175433 h 1070850"/>
                  <a:gd name="connsiteX36" fmla="*/ 69 w 3099207"/>
                  <a:gd name="connsiteY36"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02934 w 3099207"/>
                  <a:gd name="connsiteY23" fmla="*/ 822881 h 1070850"/>
                  <a:gd name="connsiteX24" fmla="*/ 2537969 w 3099207"/>
                  <a:gd name="connsiteY24" fmla="*/ 759075 h 1070850"/>
                  <a:gd name="connsiteX25" fmla="*/ 2562493 w 3099207"/>
                  <a:gd name="connsiteY25" fmla="*/ 680256 h 1070850"/>
                  <a:gd name="connsiteX26" fmla="*/ 2636065 w 3099207"/>
                  <a:gd name="connsiteY26" fmla="*/ 593930 h 1070850"/>
                  <a:gd name="connsiteX27" fmla="*/ 2741169 w 3099207"/>
                  <a:gd name="connsiteY27" fmla="*/ 571411 h 1070850"/>
                  <a:gd name="connsiteX28" fmla="*/ 2832259 w 3099207"/>
                  <a:gd name="connsiteY28" fmla="*/ 522619 h 1070850"/>
                  <a:gd name="connsiteX29" fmla="*/ 2944369 w 3099207"/>
                  <a:gd name="connsiteY29" fmla="*/ 413774 h 1070850"/>
                  <a:gd name="connsiteX30" fmla="*/ 3031955 w 3099207"/>
                  <a:gd name="connsiteY30" fmla="*/ 455060 h 1070850"/>
                  <a:gd name="connsiteX31" fmla="*/ 3099207 w 3099207"/>
                  <a:gd name="connsiteY31" fmla="*/ 428266 h 1070850"/>
                  <a:gd name="connsiteX32" fmla="*/ 3012337 w 3099207"/>
                  <a:gd name="connsiteY32" fmla="*/ 182633 h 1070850"/>
                  <a:gd name="connsiteX33" fmla="*/ 2897812 w 3099207"/>
                  <a:gd name="connsiteY33" fmla="*/ 13658 h 1070850"/>
                  <a:gd name="connsiteX34" fmla="*/ 212460 w 3099207"/>
                  <a:gd name="connsiteY34" fmla="*/ 0 h 1070850"/>
                  <a:gd name="connsiteX35" fmla="*/ 128576 w 3099207"/>
                  <a:gd name="connsiteY35" fmla="*/ 75978 h 1070850"/>
                  <a:gd name="connsiteX36" fmla="*/ 107137 w 3099207"/>
                  <a:gd name="connsiteY36" fmla="*/ 175433 h 1070850"/>
                  <a:gd name="connsiteX37" fmla="*/ 69 w 3099207"/>
                  <a:gd name="connsiteY37"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369334 w 3099207"/>
                  <a:gd name="connsiteY3" fmla="*/ 537631 h 1070850"/>
                  <a:gd name="connsiteX4" fmla="*/ 512976 w 3099207"/>
                  <a:gd name="connsiteY4" fmla="*/ 627710 h 1070850"/>
                  <a:gd name="connsiteX5" fmla="*/ 579541 w 3099207"/>
                  <a:gd name="connsiteY5" fmla="*/ 777841 h 1070850"/>
                  <a:gd name="connsiteX6" fmla="*/ 695155 w 3099207"/>
                  <a:gd name="connsiteY6" fmla="*/ 871672 h 1070850"/>
                  <a:gd name="connsiteX7" fmla="*/ 884341 w 3099207"/>
                  <a:gd name="connsiteY7" fmla="*/ 852906 h 1070850"/>
                  <a:gd name="connsiteX8" fmla="*/ 1038493 w 3099207"/>
                  <a:gd name="connsiteY8" fmla="*/ 777841 h 1070850"/>
                  <a:gd name="connsiteX9" fmla="*/ 1091045 w 3099207"/>
                  <a:gd name="connsiteY9" fmla="*/ 864165 h 1070850"/>
                  <a:gd name="connsiteX10" fmla="*/ 1157610 w 3099207"/>
                  <a:gd name="connsiteY10" fmla="*/ 950492 h 1070850"/>
                  <a:gd name="connsiteX11" fmla="*/ 1245196 w 3099207"/>
                  <a:gd name="connsiteY11" fmla="*/ 1036818 h 1070850"/>
                  <a:gd name="connsiteX12" fmla="*/ 1339789 w 3099207"/>
                  <a:gd name="connsiteY12" fmla="*/ 1070596 h 1070850"/>
                  <a:gd name="connsiteX13" fmla="*/ 1493941 w 3099207"/>
                  <a:gd name="connsiteY13" fmla="*/ 1006791 h 1070850"/>
                  <a:gd name="connsiteX14" fmla="*/ 1561923 w 3099207"/>
                  <a:gd name="connsiteY14" fmla="*/ 960233 h 1070850"/>
                  <a:gd name="connsiteX15" fmla="*/ 1711155 w 3099207"/>
                  <a:gd name="connsiteY15" fmla="*/ 1021803 h 1070850"/>
                  <a:gd name="connsiteX16" fmla="*/ 1830272 w 3099207"/>
                  <a:gd name="connsiteY16" fmla="*/ 1044323 h 1070850"/>
                  <a:gd name="connsiteX17" fmla="*/ 1935376 w 3099207"/>
                  <a:gd name="connsiteY17" fmla="*/ 939231 h 1070850"/>
                  <a:gd name="connsiteX18" fmla="*/ 2061500 w 3099207"/>
                  <a:gd name="connsiteY18" fmla="*/ 800361 h 1070850"/>
                  <a:gd name="connsiteX19" fmla="*/ 2177114 w 3099207"/>
                  <a:gd name="connsiteY19" fmla="*/ 796607 h 1070850"/>
                  <a:gd name="connsiteX20" fmla="*/ 2250686 w 3099207"/>
                  <a:gd name="connsiteY20" fmla="*/ 826633 h 1070850"/>
                  <a:gd name="connsiteX21" fmla="*/ 2352286 w 3099207"/>
                  <a:gd name="connsiteY21" fmla="*/ 867920 h 1070850"/>
                  <a:gd name="connsiteX22" fmla="*/ 2453886 w 3099207"/>
                  <a:gd name="connsiteY22" fmla="*/ 875426 h 1070850"/>
                  <a:gd name="connsiteX23" fmla="*/ 2502934 w 3099207"/>
                  <a:gd name="connsiteY23" fmla="*/ 822881 h 1070850"/>
                  <a:gd name="connsiteX24" fmla="*/ 2537969 w 3099207"/>
                  <a:gd name="connsiteY24" fmla="*/ 759075 h 1070850"/>
                  <a:gd name="connsiteX25" fmla="*/ 2562493 w 3099207"/>
                  <a:gd name="connsiteY25" fmla="*/ 680256 h 1070850"/>
                  <a:gd name="connsiteX26" fmla="*/ 2636065 w 3099207"/>
                  <a:gd name="connsiteY26" fmla="*/ 593930 h 1070850"/>
                  <a:gd name="connsiteX27" fmla="*/ 2741169 w 3099207"/>
                  <a:gd name="connsiteY27" fmla="*/ 571411 h 1070850"/>
                  <a:gd name="connsiteX28" fmla="*/ 2832259 w 3099207"/>
                  <a:gd name="connsiteY28" fmla="*/ 522619 h 1070850"/>
                  <a:gd name="connsiteX29" fmla="*/ 2888314 w 3099207"/>
                  <a:gd name="connsiteY29" fmla="*/ 466319 h 1070850"/>
                  <a:gd name="connsiteX30" fmla="*/ 2944369 w 3099207"/>
                  <a:gd name="connsiteY30" fmla="*/ 413774 h 1070850"/>
                  <a:gd name="connsiteX31" fmla="*/ 3031955 w 3099207"/>
                  <a:gd name="connsiteY31" fmla="*/ 455060 h 1070850"/>
                  <a:gd name="connsiteX32" fmla="*/ 3099207 w 3099207"/>
                  <a:gd name="connsiteY32" fmla="*/ 428266 h 1070850"/>
                  <a:gd name="connsiteX33" fmla="*/ 3012337 w 3099207"/>
                  <a:gd name="connsiteY33" fmla="*/ 182633 h 1070850"/>
                  <a:gd name="connsiteX34" fmla="*/ 2897812 w 3099207"/>
                  <a:gd name="connsiteY34" fmla="*/ 13658 h 1070850"/>
                  <a:gd name="connsiteX35" fmla="*/ 212460 w 3099207"/>
                  <a:gd name="connsiteY35" fmla="*/ 0 h 1070850"/>
                  <a:gd name="connsiteX36" fmla="*/ 128576 w 3099207"/>
                  <a:gd name="connsiteY36" fmla="*/ 75978 h 1070850"/>
                  <a:gd name="connsiteX37" fmla="*/ 107137 w 3099207"/>
                  <a:gd name="connsiteY37" fmla="*/ 175433 h 1070850"/>
                  <a:gd name="connsiteX38" fmla="*/ 69 w 3099207"/>
                  <a:gd name="connsiteY38" fmla="*/ 447776 h 1070850"/>
                  <a:gd name="connsiteX0" fmla="*/ 69 w 3099207"/>
                  <a:gd name="connsiteY0" fmla="*/ 447776 h 1070850"/>
                  <a:gd name="connsiteX1" fmla="*/ 118066 w 3099207"/>
                  <a:gd name="connsiteY1" fmla="*/ 466319 h 1070850"/>
                  <a:gd name="connsiteX2" fmla="*/ 212659 w 3099207"/>
                  <a:gd name="connsiteY2" fmla="*/ 537631 h 1070850"/>
                  <a:gd name="connsiteX3" fmla="*/ 281748 w 3099207"/>
                  <a:gd name="connsiteY3" fmla="*/ 515112 h 1070850"/>
                  <a:gd name="connsiteX4" fmla="*/ 369334 w 3099207"/>
                  <a:gd name="connsiteY4" fmla="*/ 537631 h 1070850"/>
                  <a:gd name="connsiteX5" fmla="*/ 512976 w 3099207"/>
                  <a:gd name="connsiteY5" fmla="*/ 627710 h 1070850"/>
                  <a:gd name="connsiteX6" fmla="*/ 579541 w 3099207"/>
                  <a:gd name="connsiteY6" fmla="*/ 777841 h 1070850"/>
                  <a:gd name="connsiteX7" fmla="*/ 695155 w 3099207"/>
                  <a:gd name="connsiteY7" fmla="*/ 871672 h 1070850"/>
                  <a:gd name="connsiteX8" fmla="*/ 884341 w 3099207"/>
                  <a:gd name="connsiteY8" fmla="*/ 852906 h 1070850"/>
                  <a:gd name="connsiteX9" fmla="*/ 1038493 w 3099207"/>
                  <a:gd name="connsiteY9" fmla="*/ 777841 h 1070850"/>
                  <a:gd name="connsiteX10" fmla="*/ 1091045 w 3099207"/>
                  <a:gd name="connsiteY10" fmla="*/ 864165 h 1070850"/>
                  <a:gd name="connsiteX11" fmla="*/ 1157610 w 3099207"/>
                  <a:gd name="connsiteY11" fmla="*/ 950492 h 1070850"/>
                  <a:gd name="connsiteX12" fmla="*/ 1245196 w 3099207"/>
                  <a:gd name="connsiteY12" fmla="*/ 1036818 h 1070850"/>
                  <a:gd name="connsiteX13" fmla="*/ 1339789 w 3099207"/>
                  <a:gd name="connsiteY13" fmla="*/ 1070596 h 1070850"/>
                  <a:gd name="connsiteX14" fmla="*/ 1493941 w 3099207"/>
                  <a:gd name="connsiteY14" fmla="*/ 1006791 h 1070850"/>
                  <a:gd name="connsiteX15" fmla="*/ 1561923 w 3099207"/>
                  <a:gd name="connsiteY15" fmla="*/ 960233 h 1070850"/>
                  <a:gd name="connsiteX16" fmla="*/ 1711155 w 3099207"/>
                  <a:gd name="connsiteY16" fmla="*/ 1021803 h 1070850"/>
                  <a:gd name="connsiteX17" fmla="*/ 1830272 w 3099207"/>
                  <a:gd name="connsiteY17" fmla="*/ 1044323 h 1070850"/>
                  <a:gd name="connsiteX18" fmla="*/ 1935376 w 3099207"/>
                  <a:gd name="connsiteY18" fmla="*/ 939231 h 1070850"/>
                  <a:gd name="connsiteX19" fmla="*/ 2061500 w 3099207"/>
                  <a:gd name="connsiteY19" fmla="*/ 800361 h 1070850"/>
                  <a:gd name="connsiteX20" fmla="*/ 2177114 w 3099207"/>
                  <a:gd name="connsiteY20" fmla="*/ 796607 h 1070850"/>
                  <a:gd name="connsiteX21" fmla="*/ 2250686 w 3099207"/>
                  <a:gd name="connsiteY21" fmla="*/ 826633 h 1070850"/>
                  <a:gd name="connsiteX22" fmla="*/ 2352286 w 3099207"/>
                  <a:gd name="connsiteY22" fmla="*/ 867920 h 1070850"/>
                  <a:gd name="connsiteX23" fmla="*/ 2453886 w 3099207"/>
                  <a:gd name="connsiteY23" fmla="*/ 875426 h 1070850"/>
                  <a:gd name="connsiteX24" fmla="*/ 2502934 w 3099207"/>
                  <a:gd name="connsiteY24" fmla="*/ 822881 h 1070850"/>
                  <a:gd name="connsiteX25" fmla="*/ 2537969 w 3099207"/>
                  <a:gd name="connsiteY25" fmla="*/ 759075 h 1070850"/>
                  <a:gd name="connsiteX26" fmla="*/ 2562493 w 3099207"/>
                  <a:gd name="connsiteY26" fmla="*/ 680256 h 1070850"/>
                  <a:gd name="connsiteX27" fmla="*/ 2636065 w 3099207"/>
                  <a:gd name="connsiteY27" fmla="*/ 593930 h 1070850"/>
                  <a:gd name="connsiteX28" fmla="*/ 2741169 w 3099207"/>
                  <a:gd name="connsiteY28" fmla="*/ 571411 h 1070850"/>
                  <a:gd name="connsiteX29" fmla="*/ 2832259 w 3099207"/>
                  <a:gd name="connsiteY29" fmla="*/ 522619 h 1070850"/>
                  <a:gd name="connsiteX30" fmla="*/ 2888314 w 3099207"/>
                  <a:gd name="connsiteY30" fmla="*/ 466319 h 1070850"/>
                  <a:gd name="connsiteX31" fmla="*/ 2944369 w 3099207"/>
                  <a:gd name="connsiteY31" fmla="*/ 413774 h 1070850"/>
                  <a:gd name="connsiteX32" fmla="*/ 3031955 w 3099207"/>
                  <a:gd name="connsiteY32" fmla="*/ 455060 h 1070850"/>
                  <a:gd name="connsiteX33" fmla="*/ 3099207 w 3099207"/>
                  <a:gd name="connsiteY33" fmla="*/ 428266 h 1070850"/>
                  <a:gd name="connsiteX34" fmla="*/ 3012337 w 3099207"/>
                  <a:gd name="connsiteY34" fmla="*/ 182633 h 1070850"/>
                  <a:gd name="connsiteX35" fmla="*/ 2897812 w 3099207"/>
                  <a:gd name="connsiteY35" fmla="*/ 13658 h 1070850"/>
                  <a:gd name="connsiteX36" fmla="*/ 212460 w 3099207"/>
                  <a:gd name="connsiteY36" fmla="*/ 0 h 1070850"/>
                  <a:gd name="connsiteX37" fmla="*/ 128576 w 3099207"/>
                  <a:gd name="connsiteY37" fmla="*/ 75978 h 1070850"/>
                  <a:gd name="connsiteX38" fmla="*/ 107137 w 3099207"/>
                  <a:gd name="connsiteY38" fmla="*/ 175433 h 1070850"/>
                  <a:gd name="connsiteX39" fmla="*/ 69 w 3099207"/>
                  <a:gd name="connsiteY39" fmla="*/ 447776 h 1070850"/>
                  <a:gd name="connsiteX0" fmla="*/ 1678 w 3100816"/>
                  <a:gd name="connsiteY0" fmla="*/ 447776 h 1070850"/>
                  <a:gd name="connsiteX1" fmla="*/ 48626 w 3100816"/>
                  <a:gd name="connsiteY1" fmla="*/ 455060 h 1070850"/>
                  <a:gd name="connsiteX2" fmla="*/ 119675 w 3100816"/>
                  <a:gd name="connsiteY2" fmla="*/ 466319 h 1070850"/>
                  <a:gd name="connsiteX3" fmla="*/ 214268 w 3100816"/>
                  <a:gd name="connsiteY3" fmla="*/ 537631 h 1070850"/>
                  <a:gd name="connsiteX4" fmla="*/ 283357 w 3100816"/>
                  <a:gd name="connsiteY4" fmla="*/ 515112 h 1070850"/>
                  <a:gd name="connsiteX5" fmla="*/ 370943 w 3100816"/>
                  <a:gd name="connsiteY5" fmla="*/ 537631 h 1070850"/>
                  <a:gd name="connsiteX6" fmla="*/ 514585 w 3100816"/>
                  <a:gd name="connsiteY6" fmla="*/ 627710 h 1070850"/>
                  <a:gd name="connsiteX7" fmla="*/ 581150 w 3100816"/>
                  <a:gd name="connsiteY7" fmla="*/ 777841 h 1070850"/>
                  <a:gd name="connsiteX8" fmla="*/ 696764 w 3100816"/>
                  <a:gd name="connsiteY8" fmla="*/ 871672 h 1070850"/>
                  <a:gd name="connsiteX9" fmla="*/ 885950 w 3100816"/>
                  <a:gd name="connsiteY9" fmla="*/ 852906 h 1070850"/>
                  <a:gd name="connsiteX10" fmla="*/ 1040102 w 3100816"/>
                  <a:gd name="connsiteY10" fmla="*/ 777841 h 1070850"/>
                  <a:gd name="connsiteX11" fmla="*/ 1092654 w 3100816"/>
                  <a:gd name="connsiteY11" fmla="*/ 864165 h 1070850"/>
                  <a:gd name="connsiteX12" fmla="*/ 1159219 w 3100816"/>
                  <a:gd name="connsiteY12" fmla="*/ 950492 h 1070850"/>
                  <a:gd name="connsiteX13" fmla="*/ 1246805 w 3100816"/>
                  <a:gd name="connsiteY13" fmla="*/ 1036818 h 1070850"/>
                  <a:gd name="connsiteX14" fmla="*/ 1341398 w 3100816"/>
                  <a:gd name="connsiteY14" fmla="*/ 1070596 h 1070850"/>
                  <a:gd name="connsiteX15" fmla="*/ 1495550 w 3100816"/>
                  <a:gd name="connsiteY15" fmla="*/ 1006791 h 1070850"/>
                  <a:gd name="connsiteX16" fmla="*/ 1563532 w 3100816"/>
                  <a:gd name="connsiteY16" fmla="*/ 960233 h 1070850"/>
                  <a:gd name="connsiteX17" fmla="*/ 1712764 w 3100816"/>
                  <a:gd name="connsiteY17" fmla="*/ 1021803 h 1070850"/>
                  <a:gd name="connsiteX18" fmla="*/ 1831881 w 3100816"/>
                  <a:gd name="connsiteY18" fmla="*/ 1044323 h 1070850"/>
                  <a:gd name="connsiteX19" fmla="*/ 1936985 w 3100816"/>
                  <a:gd name="connsiteY19" fmla="*/ 939231 h 1070850"/>
                  <a:gd name="connsiteX20" fmla="*/ 2063109 w 3100816"/>
                  <a:gd name="connsiteY20" fmla="*/ 800361 h 1070850"/>
                  <a:gd name="connsiteX21" fmla="*/ 2178723 w 3100816"/>
                  <a:gd name="connsiteY21" fmla="*/ 796607 h 1070850"/>
                  <a:gd name="connsiteX22" fmla="*/ 2252295 w 3100816"/>
                  <a:gd name="connsiteY22" fmla="*/ 826633 h 1070850"/>
                  <a:gd name="connsiteX23" fmla="*/ 2353895 w 3100816"/>
                  <a:gd name="connsiteY23" fmla="*/ 867920 h 1070850"/>
                  <a:gd name="connsiteX24" fmla="*/ 2455495 w 3100816"/>
                  <a:gd name="connsiteY24" fmla="*/ 875426 h 1070850"/>
                  <a:gd name="connsiteX25" fmla="*/ 2504543 w 3100816"/>
                  <a:gd name="connsiteY25" fmla="*/ 822881 h 1070850"/>
                  <a:gd name="connsiteX26" fmla="*/ 2539578 w 3100816"/>
                  <a:gd name="connsiteY26" fmla="*/ 759075 h 1070850"/>
                  <a:gd name="connsiteX27" fmla="*/ 2564102 w 3100816"/>
                  <a:gd name="connsiteY27" fmla="*/ 680256 h 1070850"/>
                  <a:gd name="connsiteX28" fmla="*/ 2637674 w 3100816"/>
                  <a:gd name="connsiteY28" fmla="*/ 593930 h 1070850"/>
                  <a:gd name="connsiteX29" fmla="*/ 2742778 w 3100816"/>
                  <a:gd name="connsiteY29" fmla="*/ 571411 h 1070850"/>
                  <a:gd name="connsiteX30" fmla="*/ 2833868 w 3100816"/>
                  <a:gd name="connsiteY30" fmla="*/ 522619 h 1070850"/>
                  <a:gd name="connsiteX31" fmla="*/ 2889923 w 3100816"/>
                  <a:gd name="connsiteY31" fmla="*/ 466319 h 1070850"/>
                  <a:gd name="connsiteX32" fmla="*/ 2945978 w 3100816"/>
                  <a:gd name="connsiteY32" fmla="*/ 413774 h 1070850"/>
                  <a:gd name="connsiteX33" fmla="*/ 3033564 w 3100816"/>
                  <a:gd name="connsiteY33" fmla="*/ 455060 h 1070850"/>
                  <a:gd name="connsiteX34" fmla="*/ 3100816 w 3100816"/>
                  <a:gd name="connsiteY34" fmla="*/ 428266 h 1070850"/>
                  <a:gd name="connsiteX35" fmla="*/ 3013946 w 3100816"/>
                  <a:gd name="connsiteY35" fmla="*/ 182633 h 1070850"/>
                  <a:gd name="connsiteX36" fmla="*/ 2899421 w 3100816"/>
                  <a:gd name="connsiteY36" fmla="*/ 13658 h 1070850"/>
                  <a:gd name="connsiteX37" fmla="*/ 214069 w 3100816"/>
                  <a:gd name="connsiteY37" fmla="*/ 0 h 1070850"/>
                  <a:gd name="connsiteX38" fmla="*/ 130185 w 3100816"/>
                  <a:gd name="connsiteY38" fmla="*/ 75978 h 1070850"/>
                  <a:gd name="connsiteX39" fmla="*/ 108746 w 3100816"/>
                  <a:gd name="connsiteY39" fmla="*/ 175433 h 1070850"/>
                  <a:gd name="connsiteX40" fmla="*/ 1678 w 3100816"/>
                  <a:gd name="connsiteY40" fmla="*/ 447776 h 1070850"/>
                  <a:gd name="connsiteX0" fmla="*/ 1678 w 3100816"/>
                  <a:gd name="connsiteY0" fmla="*/ 447776 h 1070850"/>
                  <a:gd name="connsiteX1" fmla="*/ 48626 w 3100816"/>
                  <a:gd name="connsiteY1" fmla="*/ 455060 h 1070850"/>
                  <a:gd name="connsiteX2" fmla="*/ 119675 w 3100816"/>
                  <a:gd name="connsiteY2" fmla="*/ 466319 h 1070850"/>
                  <a:gd name="connsiteX3" fmla="*/ 214268 w 3100816"/>
                  <a:gd name="connsiteY3" fmla="*/ 537631 h 1070850"/>
                  <a:gd name="connsiteX4" fmla="*/ 283357 w 3100816"/>
                  <a:gd name="connsiteY4" fmla="*/ 515112 h 1070850"/>
                  <a:gd name="connsiteX5" fmla="*/ 370943 w 3100816"/>
                  <a:gd name="connsiteY5" fmla="*/ 537631 h 1070850"/>
                  <a:gd name="connsiteX6" fmla="*/ 514585 w 3100816"/>
                  <a:gd name="connsiteY6" fmla="*/ 627710 h 1070850"/>
                  <a:gd name="connsiteX7" fmla="*/ 581150 w 3100816"/>
                  <a:gd name="connsiteY7" fmla="*/ 777841 h 1070850"/>
                  <a:gd name="connsiteX8" fmla="*/ 696764 w 3100816"/>
                  <a:gd name="connsiteY8" fmla="*/ 871672 h 1070850"/>
                  <a:gd name="connsiteX9" fmla="*/ 885950 w 3100816"/>
                  <a:gd name="connsiteY9" fmla="*/ 852906 h 1070850"/>
                  <a:gd name="connsiteX10" fmla="*/ 1040102 w 3100816"/>
                  <a:gd name="connsiteY10" fmla="*/ 777841 h 1070850"/>
                  <a:gd name="connsiteX11" fmla="*/ 1092654 w 3100816"/>
                  <a:gd name="connsiteY11" fmla="*/ 864165 h 1070850"/>
                  <a:gd name="connsiteX12" fmla="*/ 1159219 w 3100816"/>
                  <a:gd name="connsiteY12" fmla="*/ 950492 h 1070850"/>
                  <a:gd name="connsiteX13" fmla="*/ 1246805 w 3100816"/>
                  <a:gd name="connsiteY13" fmla="*/ 1036818 h 1070850"/>
                  <a:gd name="connsiteX14" fmla="*/ 1341398 w 3100816"/>
                  <a:gd name="connsiteY14" fmla="*/ 1070596 h 1070850"/>
                  <a:gd name="connsiteX15" fmla="*/ 1495550 w 3100816"/>
                  <a:gd name="connsiteY15" fmla="*/ 1006791 h 1070850"/>
                  <a:gd name="connsiteX16" fmla="*/ 1563532 w 3100816"/>
                  <a:gd name="connsiteY16" fmla="*/ 960233 h 1070850"/>
                  <a:gd name="connsiteX17" fmla="*/ 1712764 w 3100816"/>
                  <a:gd name="connsiteY17" fmla="*/ 1021803 h 1070850"/>
                  <a:gd name="connsiteX18" fmla="*/ 1831881 w 3100816"/>
                  <a:gd name="connsiteY18" fmla="*/ 1044323 h 1070850"/>
                  <a:gd name="connsiteX19" fmla="*/ 1936985 w 3100816"/>
                  <a:gd name="connsiteY19" fmla="*/ 939231 h 1070850"/>
                  <a:gd name="connsiteX20" fmla="*/ 2063109 w 3100816"/>
                  <a:gd name="connsiteY20" fmla="*/ 800361 h 1070850"/>
                  <a:gd name="connsiteX21" fmla="*/ 2178723 w 3100816"/>
                  <a:gd name="connsiteY21" fmla="*/ 796607 h 1070850"/>
                  <a:gd name="connsiteX22" fmla="*/ 2252295 w 3100816"/>
                  <a:gd name="connsiteY22" fmla="*/ 826633 h 1070850"/>
                  <a:gd name="connsiteX23" fmla="*/ 2353895 w 3100816"/>
                  <a:gd name="connsiteY23" fmla="*/ 867920 h 1070850"/>
                  <a:gd name="connsiteX24" fmla="*/ 2455495 w 3100816"/>
                  <a:gd name="connsiteY24" fmla="*/ 875426 h 1070850"/>
                  <a:gd name="connsiteX25" fmla="*/ 2504543 w 3100816"/>
                  <a:gd name="connsiteY25" fmla="*/ 822881 h 1070850"/>
                  <a:gd name="connsiteX26" fmla="*/ 2539578 w 3100816"/>
                  <a:gd name="connsiteY26" fmla="*/ 759075 h 1070850"/>
                  <a:gd name="connsiteX27" fmla="*/ 2564102 w 3100816"/>
                  <a:gd name="connsiteY27" fmla="*/ 680256 h 1070850"/>
                  <a:gd name="connsiteX28" fmla="*/ 2637674 w 3100816"/>
                  <a:gd name="connsiteY28" fmla="*/ 593930 h 1070850"/>
                  <a:gd name="connsiteX29" fmla="*/ 2742778 w 3100816"/>
                  <a:gd name="connsiteY29" fmla="*/ 571411 h 1070850"/>
                  <a:gd name="connsiteX30" fmla="*/ 2833868 w 3100816"/>
                  <a:gd name="connsiteY30" fmla="*/ 522619 h 1070850"/>
                  <a:gd name="connsiteX31" fmla="*/ 2889923 w 3100816"/>
                  <a:gd name="connsiteY31" fmla="*/ 466319 h 1070850"/>
                  <a:gd name="connsiteX32" fmla="*/ 2945978 w 3100816"/>
                  <a:gd name="connsiteY32" fmla="*/ 413774 h 1070850"/>
                  <a:gd name="connsiteX33" fmla="*/ 3033564 w 3100816"/>
                  <a:gd name="connsiteY33" fmla="*/ 455060 h 1070850"/>
                  <a:gd name="connsiteX34" fmla="*/ 3100816 w 3100816"/>
                  <a:gd name="connsiteY34" fmla="*/ 428266 h 1070850"/>
                  <a:gd name="connsiteX35" fmla="*/ 3013946 w 3100816"/>
                  <a:gd name="connsiteY35" fmla="*/ 182633 h 1070850"/>
                  <a:gd name="connsiteX36" fmla="*/ 2899421 w 3100816"/>
                  <a:gd name="connsiteY36" fmla="*/ 13658 h 1070850"/>
                  <a:gd name="connsiteX37" fmla="*/ 214069 w 3100816"/>
                  <a:gd name="connsiteY37" fmla="*/ 0 h 1070850"/>
                  <a:gd name="connsiteX38" fmla="*/ 130185 w 3100816"/>
                  <a:gd name="connsiteY38" fmla="*/ 75978 h 1070850"/>
                  <a:gd name="connsiteX39" fmla="*/ 108746 w 3100816"/>
                  <a:gd name="connsiteY39" fmla="*/ 175433 h 1070850"/>
                  <a:gd name="connsiteX40" fmla="*/ 55633 w 3100816"/>
                  <a:gd name="connsiteY40" fmla="*/ 304929 h 1070850"/>
                  <a:gd name="connsiteX41" fmla="*/ 1678 w 3100816"/>
                  <a:gd name="connsiteY41" fmla="*/ 447776 h 1070850"/>
                  <a:gd name="connsiteX0" fmla="*/ 1678 w 3100816"/>
                  <a:gd name="connsiteY0" fmla="*/ 447776 h 1070850"/>
                  <a:gd name="connsiteX1" fmla="*/ 48626 w 3100816"/>
                  <a:gd name="connsiteY1" fmla="*/ 455060 h 1070850"/>
                  <a:gd name="connsiteX2" fmla="*/ 119675 w 3100816"/>
                  <a:gd name="connsiteY2" fmla="*/ 466319 h 1070850"/>
                  <a:gd name="connsiteX3" fmla="*/ 214268 w 3100816"/>
                  <a:gd name="connsiteY3" fmla="*/ 537631 h 1070850"/>
                  <a:gd name="connsiteX4" fmla="*/ 283357 w 3100816"/>
                  <a:gd name="connsiteY4" fmla="*/ 515112 h 1070850"/>
                  <a:gd name="connsiteX5" fmla="*/ 370943 w 3100816"/>
                  <a:gd name="connsiteY5" fmla="*/ 537631 h 1070850"/>
                  <a:gd name="connsiteX6" fmla="*/ 514585 w 3100816"/>
                  <a:gd name="connsiteY6" fmla="*/ 627710 h 1070850"/>
                  <a:gd name="connsiteX7" fmla="*/ 581150 w 3100816"/>
                  <a:gd name="connsiteY7" fmla="*/ 777841 h 1070850"/>
                  <a:gd name="connsiteX8" fmla="*/ 696764 w 3100816"/>
                  <a:gd name="connsiteY8" fmla="*/ 871672 h 1070850"/>
                  <a:gd name="connsiteX9" fmla="*/ 885950 w 3100816"/>
                  <a:gd name="connsiteY9" fmla="*/ 852906 h 1070850"/>
                  <a:gd name="connsiteX10" fmla="*/ 1040102 w 3100816"/>
                  <a:gd name="connsiteY10" fmla="*/ 777841 h 1070850"/>
                  <a:gd name="connsiteX11" fmla="*/ 1092654 w 3100816"/>
                  <a:gd name="connsiteY11" fmla="*/ 864165 h 1070850"/>
                  <a:gd name="connsiteX12" fmla="*/ 1159219 w 3100816"/>
                  <a:gd name="connsiteY12" fmla="*/ 950492 h 1070850"/>
                  <a:gd name="connsiteX13" fmla="*/ 1246805 w 3100816"/>
                  <a:gd name="connsiteY13" fmla="*/ 1036818 h 1070850"/>
                  <a:gd name="connsiteX14" fmla="*/ 1341398 w 3100816"/>
                  <a:gd name="connsiteY14" fmla="*/ 1070596 h 1070850"/>
                  <a:gd name="connsiteX15" fmla="*/ 1495550 w 3100816"/>
                  <a:gd name="connsiteY15" fmla="*/ 1006791 h 1070850"/>
                  <a:gd name="connsiteX16" fmla="*/ 1563532 w 3100816"/>
                  <a:gd name="connsiteY16" fmla="*/ 960233 h 1070850"/>
                  <a:gd name="connsiteX17" fmla="*/ 1712764 w 3100816"/>
                  <a:gd name="connsiteY17" fmla="*/ 1021803 h 1070850"/>
                  <a:gd name="connsiteX18" fmla="*/ 1831881 w 3100816"/>
                  <a:gd name="connsiteY18" fmla="*/ 1044323 h 1070850"/>
                  <a:gd name="connsiteX19" fmla="*/ 1936985 w 3100816"/>
                  <a:gd name="connsiteY19" fmla="*/ 939231 h 1070850"/>
                  <a:gd name="connsiteX20" fmla="*/ 2063109 w 3100816"/>
                  <a:gd name="connsiteY20" fmla="*/ 800361 h 1070850"/>
                  <a:gd name="connsiteX21" fmla="*/ 2178723 w 3100816"/>
                  <a:gd name="connsiteY21" fmla="*/ 796607 h 1070850"/>
                  <a:gd name="connsiteX22" fmla="*/ 2252295 w 3100816"/>
                  <a:gd name="connsiteY22" fmla="*/ 826633 h 1070850"/>
                  <a:gd name="connsiteX23" fmla="*/ 2353895 w 3100816"/>
                  <a:gd name="connsiteY23" fmla="*/ 867920 h 1070850"/>
                  <a:gd name="connsiteX24" fmla="*/ 2455495 w 3100816"/>
                  <a:gd name="connsiteY24" fmla="*/ 875426 h 1070850"/>
                  <a:gd name="connsiteX25" fmla="*/ 2504543 w 3100816"/>
                  <a:gd name="connsiteY25" fmla="*/ 822881 h 1070850"/>
                  <a:gd name="connsiteX26" fmla="*/ 2539578 w 3100816"/>
                  <a:gd name="connsiteY26" fmla="*/ 759075 h 1070850"/>
                  <a:gd name="connsiteX27" fmla="*/ 2564102 w 3100816"/>
                  <a:gd name="connsiteY27" fmla="*/ 680256 h 1070850"/>
                  <a:gd name="connsiteX28" fmla="*/ 2637674 w 3100816"/>
                  <a:gd name="connsiteY28" fmla="*/ 593930 h 1070850"/>
                  <a:gd name="connsiteX29" fmla="*/ 2742778 w 3100816"/>
                  <a:gd name="connsiteY29" fmla="*/ 571411 h 1070850"/>
                  <a:gd name="connsiteX30" fmla="*/ 2833868 w 3100816"/>
                  <a:gd name="connsiteY30" fmla="*/ 522619 h 1070850"/>
                  <a:gd name="connsiteX31" fmla="*/ 2889923 w 3100816"/>
                  <a:gd name="connsiteY31" fmla="*/ 466319 h 1070850"/>
                  <a:gd name="connsiteX32" fmla="*/ 2945978 w 3100816"/>
                  <a:gd name="connsiteY32" fmla="*/ 413774 h 1070850"/>
                  <a:gd name="connsiteX33" fmla="*/ 3033564 w 3100816"/>
                  <a:gd name="connsiteY33" fmla="*/ 455060 h 1070850"/>
                  <a:gd name="connsiteX34" fmla="*/ 3100816 w 3100816"/>
                  <a:gd name="connsiteY34" fmla="*/ 428266 h 1070850"/>
                  <a:gd name="connsiteX35" fmla="*/ 3013946 w 3100816"/>
                  <a:gd name="connsiteY35" fmla="*/ 182633 h 1070850"/>
                  <a:gd name="connsiteX36" fmla="*/ 2950083 w 3100816"/>
                  <a:gd name="connsiteY36" fmla="*/ 13658 h 1070850"/>
                  <a:gd name="connsiteX37" fmla="*/ 214069 w 3100816"/>
                  <a:gd name="connsiteY37" fmla="*/ 0 h 1070850"/>
                  <a:gd name="connsiteX38" fmla="*/ 130185 w 3100816"/>
                  <a:gd name="connsiteY38" fmla="*/ 75978 h 1070850"/>
                  <a:gd name="connsiteX39" fmla="*/ 108746 w 3100816"/>
                  <a:gd name="connsiteY39" fmla="*/ 175433 h 1070850"/>
                  <a:gd name="connsiteX40" fmla="*/ 55633 w 3100816"/>
                  <a:gd name="connsiteY40" fmla="*/ 304929 h 1070850"/>
                  <a:gd name="connsiteX41" fmla="*/ 1678 w 3100816"/>
                  <a:gd name="connsiteY41" fmla="*/ 447776 h 1070850"/>
                  <a:gd name="connsiteX0" fmla="*/ 1678 w 3100816"/>
                  <a:gd name="connsiteY0" fmla="*/ 447776 h 1070850"/>
                  <a:gd name="connsiteX1" fmla="*/ 48626 w 3100816"/>
                  <a:gd name="connsiteY1" fmla="*/ 455060 h 1070850"/>
                  <a:gd name="connsiteX2" fmla="*/ 119675 w 3100816"/>
                  <a:gd name="connsiteY2" fmla="*/ 466319 h 1070850"/>
                  <a:gd name="connsiteX3" fmla="*/ 214268 w 3100816"/>
                  <a:gd name="connsiteY3" fmla="*/ 537631 h 1070850"/>
                  <a:gd name="connsiteX4" fmla="*/ 283357 w 3100816"/>
                  <a:gd name="connsiteY4" fmla="*/ 515112 h 1070850"/>
                  <a:gd name="connsiteX5" fmla="*/ 370943 w 3100816"/>
                  <a:gd name="connsiteY5" fmla="*/ 537631 h 1070850"/>
                  <a:gd name="connsiteX6" fmla="*/ 514585 w 3100816"/>
                  <a:gd name="connsiteY6" fmla="*/ 627710 h 1070850"/>
                  <a:gd name="connsiteX7" fmla="*/ 581150 w 3100816"/>
                  <a:gd name="connsiteY7" fmla="*/ 777841 h 1070850"/>
                  <a:gd name="connsiteX8" fmla="*/ 696764 w 3100816"/>
                  <a:gd name="connsiteY8" fmla="*/ 871672 h 1070850"/>
                  <a:gd name="connsiteX9" fmla="*/ 885950 w 3100816"/>
                  <a:gd name="connsiteY9" fmla="*/ 852906 h 1070850"/>
                  <a:gd name="connsiteX10" fmla="*/ 1040102 w 3100816"/>
                  <a:gd name="connsiteY10" fmla="*/ 777841 h 1070850"/>
                  <a:gd name="connsiteX11" fmla="*/ 1092654 w 3100816"/>
                  <a:gd name="connsiteY11" fmla="*/ 864165 h 1070850"/>
                  <a:gd name="connsiteX12" fmla="*/ 1159219 w 3100816"/>
                  <a:gd name="connsiteY12" fmla="*/ 950492 h 1070850"/>
                  <a:gd name="connsiteX13" fmla="*/ 1246805 w 3100816"/>
                  <a:gd name="connsiteY13" fmla="*/ 1036818 h 1070850"/>
                  <a:gd name="connsiteX14" fmla="*/ 1341398 w 3100816"/>
                  <a:gd name="connsiteY14" fmla="*/ 1070596 h 1070850"/>
                  <a:gd name="connsiteX15" fmla="*/ 1495550 w 3100816"/>
                  <a:gd name="connsiteY15" fmla="*/ 1006791 h 1070850"/>
                  <a:gd name="connsiteX16" fmla="*/ 1563532 w 3100816"/>
                  <a:gd name="connsiteY16" fmla="*/ 960233 h 1070850"/>
                  <a:gd name="connsiteX17" fmla="*/ 1712764 w 3100816"/>
                  <a:gd name="connsiteY17" fmla="*/ 1021803 h 1070850"/>
                  <a:gd name="connsiteX18" fmla="*/ 1831881 w 3100816"/>
                  <a:gd name="connsiteY18" fmla="*/ 1044323 h 1070850"/>
                  <a:gd name="connsiteX19" fmla="*/ 1936985 w 3100816"/>
                  <a:gd name="connsiteY19" fmla="*/ 939231 h 1070850"/>
                  <a:gd name="connsiteX20" fmla="*/ 2063109 w 3100816"/>
                  <a:gd name="connsiteY20" fmla="*/ 800361 h 1070850"/>
                  <a:gd name="connsiteX21" fmla="*/ 2178723 w 3100816"/>
                  <a:gd name="connsiteY21" fmla="*/ 796607 h 1070850"/>
                  <a:gd name="connsiteX22" fmla="*/ 2252295 w 3100816"/>
                  <a:gd name="connsiteY22" fmla="*/ 826633 h 1070850"/>
                  <a:gd name="connsiteX23" fmla="*/ 2353895 w 3100816"/>
                  <a:gd name="connsiteY23" fmla="*/ 867920 h 1070850"/>
                  <a:gd name="connsiteX24" fmla="*/ 2455495 w 3100816"/>
                  <a:gd name="connsiteY24" fmla="*/ 875426 h 1070850"/>
                  <a:gd name="connsiteX25" fmla="*/ 2504543 w 3100816"/>
                  <a:gd name="connsiteY25" fmla="*/ 822881 h 1070850"/>
                  <a:gd name="connsiteX26" fmla="*/ 2539578 w 3100816"/>
                  <a:gd name="connsiteY26" fmla="*/ 759075 h 1070850"/>
                  <a:gd name="connsiteX27" fmla="*/ 2564102 w 3100816"/>
                  <a:gd name="connsiteY27" fmla="*/ 680256 h 1070850"/>
                  <a:gd name="connsiteX28" fmla="*/ 2637674 w 3100816"/>
                  <a:gd name="connsiteY28" fmla="*/ 593930 h 1070850"/>
                  <a:gd name="connsiteX29" fmla="*/ 2742778 w 3100816"/>
                  <a:gd name="connsiteY29" fmla="*/ 571411 h 1070850"/>
                  <a:gd name="connsiteX30" fmla="*/ 2833868 w 3100816"/>
                  <a:gd name="connsiteY30" fmla="*/ 522619 h 1070850"/>
                  <a:gd name="connsiteX31" fmla="*/ 2889923 w 3100816"/>
                  <a:gd name="connsiteY31" fmla="*/ 466319 h 1070850"/>
                  <a:gd name="connsiteX32" fmla="*/ 2945978 w 3100816"/>
                  <a:gd name="connsiteY32" fmla="*/ 413774 h 1070850"/>
                  <a:gd name="connsiteX33" fmla="*/ 3033564 w 3100816"/>
                  <a:gd name="connsiteY33" fmla="*/ 455060 h 1070850"/>
                  <a:gd name="connsiteX34" fmla="*/ 3100816 w 3100816"/>
                  <a:gd name="connsiteY34" fmla="*/ 428266 h 1070850"/>
                  <a:gd name="connsiteX35" fmla="*/ 3013946 w 3100816"/>
                  <a:gd name="connsiteY35" fmla="*/ 182633 h 1070850"/>
                  <a:gd name="connsiteX36" fmla="*/ 2950083 w 3100816"/>
                  <a:gd name="connsiteY36" fmla="*/ 13658 h 1070850"/>
                  <a:gd name="connsiteX37" fmla="*/ 214069 w 3100816"/>
                  <a:gd name="connsiteY37" fmla="*/ 0 h 1070850"/>
                  <a:gd name="connsiteX38" fmla="*/ 176625 w 3100816"/>
                  <a:gd name="connsiteY38" fmla="*/ 30093 h 1070850"/>
                  <a:gd name="connsiteX39" fmla="*/ 108746 w 3100816"/>
                  <a:gd name="connsiteY39" fmla="*/ 175433 h 1070850"/>
                  <a:gd name="connsiteX40" fmla="*/ 55633 w 3100816"/>
                  <a:gd name="connsiteY40" fmla="*/ 304929 h 1070850"/>
                  <a:gd name="connsiteX41" fmla="*/ 1678 w 3100816"/>
                  <a:gd name="connsiteY41" fmla="*/ 447776 h 1070850"/>
                  <a:gd name="connsiteX0" fmla="*/ 1678 w 3100816"/>
                  <a:gd name="connsiteY0" fmla="*/ 447776 h 1070850"/>
                  <a:gd name="connsiteX1" fmla="*/ 48626 w 3100816"/>
                  <a:gd name="connsiteY1" fmla="*/ 455060 h 1070850"/>
                  <a:gd name="connsiteX2" fmla="*/ 119675 w 3100816"/>
                  <a:gd name="connsiteY2" fmla="*/ 466319 h 1070850"/>
                  <a:gd name="connsiteX3" fmla="*/ 214268 w 3100816"/>
                  <a:gd name="connsiteY3" fmla="*/ 537631 h 1070850"/>
                  <a:gd name="connsiteX4" fmla="*/ 283357 w 3100816"/>
                  <a:gd name="connsiteY4" fmla="*/ 515112 h 1070850"/>
                  <a:gd name="connsiteX5" fmla="*/ 370943 w 3100816"/>
                  <a:gd name="connsiteY5" fmla="*/ 537631 h 1070850"/>
                  <a:gd name="connsiteX6" fmla="*/ 514585 w 3100816"/>
                  <a:gd name="connsiteY6" fmla="*/ 627710 h 1070850"/>
                  <a:gd name="connsiteX7" fmla="*/ 581150 w 3100816"/>
                  <a:gd name="connsiteY7" fmla="*/ 777841 h 1070850"/>
                  <a:gd name="connsiteX8" fmla="*/ 696764 w 3100816"/>
                  <a:gd name="connsiteY8" fmla="*/ 871672 h 1070850"/>
                  <a:gd name="connsiteX9" fmla="*/ 885950 w 3100816"/>
                  <a:gd name="connsiteY9" fmla="*/ 852906 h 1070850"/>
                  <a:gd name="connsiteX10" fmla="*/ 1040102 w 3100816"/>
                  <a:gd name="connsiteY10" fmla="*/ 777841 h 1070850"/>
                  <a:gd name="connsiteX11" fmla="*/ 1092654 w 3100816"/>
                  <a:gd name="connsiteY11" fmla="*/ 864165 h 1070850"/>
                  <a:gd name="connsiteX12" fmla="*/ 1159219 w 3100816"/>
                  <a:gd name="connsiteY12" fmla="*/ 950492 h 1070850"/>
                  <a:gd name="connsiteX13" fmla="*/ 1246805 w 3100816"/>
                  <a:gd name="connsiteY13" fmla="*/ 1036818 h 1070850"/>
                  <a:gd name="connsiteX14" fmla="*/ 1341398 w 3100816"/>
                  <a:gd name="connsiteY14" fmla="*/ 1070596 h 1070850"/>
                  <a:gd name="connsiteX15" fmla="*/ 1495550 w 3100816"/>
                  <a:gd name="connsiteY15" fmla="*/ 1006791 h 1070850"/>
                  <a:gd name="connsiteX16" fmla="*/ 1563532 w 3100816"/>
                  <a:gd name="connsiteY16" fmla="*/ 960233 h 1070850"/>
                  <a:gd name="connsiteX17" fmla="*/ 1712764 w 3100816"/>
                  <a:gd name="connsiteY17" fmla="*/ 1021803 h 1070850"/>
                  <a:gd name="connsiteX18" fmla="*/ 1831881 w 3100816"/>
                  <a:gd name="connsiteY18" fmla="*/ 1044323 h 1070850"/>
                  <a:gd name="connsiteX19" fmla="*/ 1936985 w 3100816"/>
                  <a:gd name="connsiteY19" fmla="*/ 939231 h 1070850"/>
                  <a:gd name="connsiteX20" fmla="*/ 2063109 w 3100816"/>
                  <a:gd name="connsiteY20" fmla="*/ 800361 h 1070850"/>
                  <a:gd name="connsiteX21" fmla="*/ 2178723 w 3100816"/>
                  <a:gd name="connsiteY21" fmla="*/ 796607 h 1070850"/>
                  <a:gd name="connsiteX22" fmla="*/ 2252295 w 3100816"/>
                  <a:gd name="connsiteY22" fmla="*/ 826633 h 1070850"/>
                  <a:gd name="connsiteX23" fmla="*/ 2353895 w 3100816"/>
                  <a:gd name="connsiteY23" fmla="*/ 867920 h 1070850"/>
                  <a:gd name="connsiteX24" fmla="*/ 2455495 w 3100816"/>
                  <a:gd name="connsiteY24" fmla="*/ 875426 h 1070850"/>
                  <a:gd name="connsiteX25" fmla="*/ 2504543 w 3100816"/>
                  <a:gd name="connsiteY25" fmla="*/ 822881 h 1070850"/>
                  <a:gd name="connsiteX26" fmla="*/ 2539578 w 3100816"/>
                  <a:gd name="connsiteY26" fmla="*/ 759075 h 1070850"/>
                  <a:gd name="connsiteX27" fmla="*/ 2564102 w 3100816"/>
                  <a:gd name="connsiteY27" fmla="*/ 680256 h 1070850"/>
                  <a:gd name="connsiteX28" fmla="*/ 2637674 w 3100816"/>
                  <a:gd name="connsiteY28" fmla="*/ 593930 h 1070850"/>
                  <a:gd name="connsiteX29" fmla="*/ 2742778 w 3100816"/>
                  <a:gd name="connsiteY29" fmla="*/ 571411 h 1070850"/>
                  <a:gd name="connsiteX30" fmla="*/ 2833868 w 3100816"/>
                  <a:gd name="connsiteY30" fmla="*/ 522619 h 1070850"/>
                  <a:gd name="connsiteX31" fmla="*/ 2889923 w 3100816"/>
                  <a:gd name="connsiteY31" fmla="*/ 466319 h 1070850"/>
                  <a:gd name="connsiteX32" fmla="*/ 2945978 w 3100816"/>
                  <a:gd name="connsiteY32" fmla="*/ 413774 h 1070850"/>
                  <a:gd name="connsiteX33" fmla="*/ 3033564 w 3100816"/>
                  <a:gd name="connsiteY33" fmla="*/ 455060 h 1070850"/>
                  <a:gd name="connsiteX34" fmla="*/ 3100816 w 3100816"/>
                  <a:gd name="connsiteY34" fmla="*/ 428266 h 1070850"/>
                  <a:gd name="connsiteX35" fmla="*/ 3013946 w 3100816"/>
                  <a:gd name="connsiteY35" fmla="*/ 182633 h 1070850"/>
                  <a:gd name="connsiteX36" fmla="*/ 2950083 w 3100816"/>
                  <a:gd name="connsiteY36" fmla="*/ 13658 h 1070850"/>
                  <a:gd name="connsiteX37" fmla="*/ 214069 w 3100816"/>
                  <a:gd name="connsiteY37" fmla="*/ 0 h 1070850"/>
                  <a:gd name="connsiteX38" fmla="*/ 176625 w 3100816"/>
                  <a:gd name="connsiteY38" fmla="*/ 30093 h 1070850"/>
                  <a:gd name="connsiteX39" fmla="*/ 79192 w 3100816"/>
                  <a:gd name="connsiteY39" fmla="*/ 133721 h 1070850"/>
                  <a:gd name="connsiteX40" fmla="*/ 55633 w 3100816"/>
                  <a:gd name="connsiteY40" fmla="*/ 304929 h 1070850"/>
                  <a:gd name="connsiteX41" fmla="*/ 1678 w 3100816"/>
                  <a:gd name="connsiteY41" fmla="*/ 447776 h 1070850"/>
                  <a:gd name="connsiteX0" fmla="*/ 1087 w 3129777"/>
                  <a:gd name="connsiteY0" fmla="*/ 456120 h 1070850"/>
                  <a:gd name="connsiteX1" fmla="*/ 77587 w 3129777"/>
                  <a:gd name="connsiteY1" fmla="*/ 455060 h 1070850"/>
                  <a:gd name="connsiteX2" fmla="*/ 148636 w 3129777"/>
                  <a:gd name="connsiteY2" fmla="*/ 466319 h 1070850"/>
                  <a:gd name="connsiteX3" fmla="*/ 243229 w 3129777"/>
                  <a:gd name="connsiteY3" fmla="*/ 537631 h 1070850"/>
                  <a:gd name="connsiteX4" fmla="*/ 312318 w 3129777"/>
                  <a:gd name="connsiteY4" fmla="*/ 515112 h 1070850"/>
                  <a:gd name="connsiteX5" fmla="*/ 399904 w 3129777"/>
                  <a:gd name="connsiteY5" fmla="*/ 537631 h 1070850"/>
                  <a:gd name="connsiteX6" fmla="*/ 543546 w 3129777"/>
                  <a:gd name="connsiteY6" fmla="*/ 627710 h 1070850"/>
                  <a:gd name="connsiteX7" fmla="*/ 610111 w 3129777"/>
                  <a:gd name="connsiteY7" fmla="*/ 777841 h 1070850"/>
                  <a:gd name="connsiteX8" fmla="*/ 725725 w 3129777"/>
                  <a:gd name="connsiteY8" fmla="*/ 871672 h 1070850"/>
                  <a:gd name="connsiteX9" fmla="*/ 914911 w 3129777"/>
                  <a:gd name="connsiteY9" fmla="*/ 852906 h 1070850"/>
                  <a:gd name="connsiteX10" fmla="*/ 1069063 w 3129777"/>
                  <a:gd name="connsiteY10" fmla="*/ 777841 h 1070850"/>
                  <a:gd name="connsiteX11" fmla="*/ 1121615 w 3129777"/>
                  <a:gd name="connsiteY11" fmla="*/ 864165 h 1070850"/>
                  <a:gd name="connsiteX12" fmla="*/ 1188180 w 3129777"/>
                  <a:gd name="connsiteY12" fmla="*/ 950492 h 1070850"/>
                  <a:gd name="connsiteX13" fmla="*/ 1275766 w 3129777"/>
                  <a:gd name="connsiteY13" fmla="*/ 1036818 h 1070850"/>
                  <a:gd name="connsiteX14" fmla="*/ 1370359 w 3129777"/>
                  <a:gd name="connsiteY14" fmla="*/ 1070596 h 1070850"/>
                  <a:gd name="connsiteX15" fmla="*/ 1524511 w 3129777"/>
                  <a:gd name="connsiteY15" fmla="*/ 1006791 h 1070850"/>
                  <a:gd name="connsiteX16" fmla="*/ 1592493 w 3129777"/>
                  <a:gd name="connsiteY16" fmla="*/ 960233 h 1070850"/>
                  <a:gd name="connsiteX17" fmla="*/ 1741725 w 3129777"/>
                  <a:gd name="connsiteY17" fmla="*/ 1021803 h 1070850"/>
                  <a:gd name="connsiteX18" fmla="*/ 1860842 w 3129777"/>
                  <a:gd name="connsiteY18" fmla="*/ 1044323 h 1070850"/>
                  <a:gd name="connsiteX19" fmla="*/ 1965946 w 3129777"/>
                  <a:gd name="connsiteY19" fmla="*/ 939231 h 1070850"/>
                  <a:gd name="connsiteX20" fmla="*/ 2092070 w 3129777"/>
                  <a:gd name="connsiteY20" fmla="*/ 800361 h 1070850"/>
                  <a:gd name="connsiteX21" fmla="*/ 2207684 w 3129777"/>
                  <a:gd name="connsiteY21" fmla="*/ 796607 h 1070850"/>
                  <a:gd name="connsiteX22" fmla="*/ 2281256 w 3129777"/>
                  <a:gd name="connsiteY22" fmla="*/ 826633 h 1070850"/>
                  <a:gd name="connsiteX23" fmla="*/ 2382856 w 3129777"/>
                  <a:gd name="connsiteY23" fmla="*/ 867920 h 1070850"/>
                  <a:gd name="connsiteX24" fmla="*/ 2484456 w 3129777"/>
                  <a:gd name="connsiteY24" fmla="*/ 875426 h 1070850"/>
                  <a:gd name="connsiteX25" fmla="*/ 2533504 w 3129777"/>
                  <a:gd name="connsiteY25" fmla="*/ 822881 h 1070850"/>
                  <a:gd name="connsiteX26" fmla="*/ 2568539 w 3129777"/>
                  <a:gd name="connsiteY26" fmla="*/ 759075 h 1070850"/>
                  <a:gd name="connsiteX27" fmla="*/ 2593063 w 3129777"/>
                  <a:gd name="connsiteY27" fmla="*/ 680256 h 1070850"/>
                  <a:gd name="connsiteX28" fmla="*/ 2666635 w 3129777"/>
                  <a:gd name="connsiteY28" fmla="*/ 593930 h 1070850"/>
                  <a:gd name="connsiteX29" fmla="*/ 2771739 w 3129777"/>
                  <a:gd name="connsiteY29" fmla="*/ 571411 h 1070850"/>
                  <a:gd name="connsiteX30" fmla="*/ 2862829 w 3129777"/>
                  <a:gd name="connsiteY30" fmla="*/ 522619 h 1070850"/>
                  <a:gd name="connsiteX31" fmla="*/ 2918884 w 3129777"/>
                  <a:gd name="connsiteY31" fmla="*/ 466319 h 1070850"/>
                  <a:gd name="connsiteX32" fmla="*/ 2974939 w 3129777"/>
                  <a:gd name="connsiteY32" fmla="*/ 413774 h 1070850"/>
                  <a:gd name="connsiteX33" fmla="*/ 3062525 w 3129777"/>
                  <a:gd name="connsiteY33" fmla="*/ 455060 h 1070850"/>
                  <a:gd name="connsiteX34" fmla="*/ 3129777 w 3129777"/>
                  <a:gd name="connsiteY34" fmla="*/ 428266 h 1070850"/>
                  <a:gd name="connsiteX35" fmla="*/ 3042907 w 3129777"/>
                  <a:gd name="connsiteY35" fmla="*/ 182633 h 1070850"/>
                  <a:gd name="connsiteX36" fmla="*/ 2979044 w 3129777"/>
                  <a:gd name="connsiteY36" fmla="*/ 13658 h 1070850"/>
                  <a:gd name="connsiteX37" fmla="*/ 243030 w 3129777"/>
                  <a:gd name="connsiteY37" fmla="*/ 0 h 1070850"/>
                  <a:gd name="connsiteX38" fmla="*/ 205586 w 3129777"/>
                  <a:gd name="connsiteY38" fmla="*/ 30093 h 1070850"/>
                  <a:gd name="connsiteX39" fmla="*/ 108153 w 3129777"/>
                  <a:gd name="connsiteY39" fmla="*/ 133721 h 1070850"/>
                  <a:gd name="connsiteX40" fmla="*/ 84594 w 3129777"/>
                  <a:gd name="connsiteY40" fmla="*/ 304929 h 1070850"/>
                  <a:gd name="connsiteX41" fmla="*/ 1087 w 3129777"/>
                  <a:gd name="connsiteY41" fmla="*/ 456120 h 1070850"/>
                  <a:gd name="connsiteX0" fmla="*/ 1087 w 3129777"/>
                  <a:gd name="connsiteY0" fmla="*/ 456120 h 1070850"/>
                  <a:gd name="connsiteX1" fmla="*/ 77587 w 3129777"/>
                  <a:gd name="connsiteY1" fmla="*/ 455060 h 1070850"/>
                  <a:gd name="connsiteX2" fmla="*/ 148636 w 3129777"/>
                  <a:gd name="connsiteY2" fmla="*/ 466319 h 1070850"/>
                  <a:gd name="connsiteX3" fmla="*/ 243229 w 3129777"/>
                  <a:gd name="connsiteY3" fmla="*/ 537631 h 1070850"/>
                  <a:gd name="connsiteX4" fmla="*/ 312318 w 3129777"/>
                  <a:gd name="connsiteY4" fmla="*/ 515112 h 1070850"/>
                  <a:gd name="connsiteX5" fmla="*/ 399904 w 3129777"/>
                  <a:gd name="connsiteY5" fmla="*/ 537631 h 1070850"/>
                  <a:gd name="connsiteX6" fmla="*/ 543546 w 3129777"/>
                  <a:gd name="connsiteY6" fmla="*/ 627710 h 1070850"/>
                  <a:gd name="connsiteX7" fmla="*/ 610111 w 3129777"/>
                  <a:gd name="connsiteY7" fmla="*/ 777841 h 1070850"/>
                  <a:gd name="connsiteX8" fmla="*/ 725725 w 3129777"/>
                  <a:gd name="connsiteY8" fmla="*/ 871672 h 1070850"/>
                  <a:gd name="connsiteX9" fmla="*/ 914911 w 3129777"/>
                  <a:gd name="connsiteY9" fmla="*/ 852906 h 1070850"/>
                  <a:gd name="connsiteX10" fmla="*/ 1069063 w 3129777"/>
                  <a:gd name="connsiteY10" fmla="*/ 777841 h 1070850"/>
                  <a:gd name="connsiteX11" fmla="*/ 1121615 w 3129777"/>
                  <a:gd name="connsiteY11" fmla="*/ 864165 h 1070850"/>
                  <a:gd name="connsiteX12" fmla="*/ 1188180 w 3129777"/>
                  <a:gd name="connsiteY12" fmla="*/ 950492 h 1070850"/>
                  <a:gd name="connsiteX13" fmla="*/ 1275766 w 3129777"/>
                  <a:gd name="connsiteY13" fmla="*/ 1036818 h 1070850"/>
                  <a:gd name="connsiteX14" fmla="*/ 1370359 w 3129777"/>
                  <a:gd name="connsiteY14" fmla="*/ 1070596 h 1070850"/>
                  <a:gd name="connsiteX15" fmla="*/ 1524511 w 3129777"/>
                  <a:gd name="connsiteY15" fmla="*/ 1006791 h 1070850"/>
                  <a:gd name="connsiteX16" fmla="*/ 1592493 w 3129777"/>
                  <a:gd name="connsiteY16" fmla="*/ 960233 h 1070850"/>
                  <a:gd name="connsiteX17" fmla="*/ 1741725 w 3129777"/>
                  <a:gd name="connsiteY17" fmla="*/ 1021803 h 1070850"/>
                  <a:gd name="connsiteX18" fmla="*/ 1860842 w 3129777"/>
                  <a:gd name="connsiteY18" fmla="*/ 1044323 h 1070850"/>
                  <a:gd name="connsiteX19" fmla="*/ 1965946 w 3129777"/>
                  <a:gd name="connsiteY19" fmla="*/ 939231 h 1070850"/>
                  <a:gd name="connsiteX20" fmla="*/ 2092070 w 3129777"/>
                  <a:gd name="connsiteY20" fmla="*/ 800361 h 1070850"/>
                  <a:gd name="connsiteX21" fmla="*/ 2207684 w 3129777"/>
                  <a:gd name="connsiteY21" fmla="*/ 796607 h 1070850"/>
                  <a:gd name="connsiteX22" fmla="*/ 2281256 w 3129777"/>
                  <a:gd name="connsiteY22" fmla="*/ 826633 h 1070850"/>
                  <a:gd name="connsiteX23" fmla="*/ 2382856 w 3129777"/>
                  <a:gd name="connsiteY23" fmla="*/ 867920 h 1070850"/>
                  <a:gd name="connsiteX24" fmla="*/ 2484456 w 3129777"/>
                  <a:gd name="connsiteY24" fmla="*/ 875426 h 1070850"/>
                  <a:gd name="connsiteX25" fmla="*/ 2533504 w 3129777"/>
                  <a:gd name="connsiteY25" fmla="*/ 822881 h 1070850"/>
                  <a:gd name="connsiteX26" fmla="*/ 2568539 w 3129777"/>
                  <a:gd name="connsiteY26" fmla="*/ 759075 h 1070850"/>
                  <a:gd name="connsiteX27" fmla="*/ 2593063 w 3129777"/>
                  <a:gd name="connsiteY27" fmla="*/ 680256 h 1070850"/>
                  <a:gd name="connsiteX28" fmla="*/ 2666635 w 3129777"/>
                  <a:gd name="connsiteY28" fmla="*/ 593930 h 1070850"/>
                  <a:gd name="connsiteX29" fmla="*/ 2771739 w 3129777"/>
                  <a:gd name="connsiteY29" fmla="*/ 571411 h 1070850"/>
                  <a:gd name="connsiteX30" fmla="*/ 2862829 w 3129777"/>
                  <a:gd name="connsiteY30" fmla="*/ 522619 h 1070850"/>
                  <a:gd name="connsiteX31" fmla="*/ 2918884 w 3129777"/>
                  <a:gd name="connsiteY31" fmla="*/ 466319 h 1070850"/>
                  <a:gd name="connsiteX32" fmla="*/ 2974939 w 3129777"/>
                  <a:gd name="connsiteY32" fmla="*/ 413774 h 1070850"/>
                  <a:gd name="connsiteX33" fmla="*/ 3062525 w 3129777"/>
                  <a:gd name="connsiteY33" fmla="*/ 455060 h 1070850"/>
                  <a:gd name="connsiteX34" fmla="*/ 3129777 w 3129777"/>
                  <a:gd name="connsiteY34" fmla="*/ 428266 h 1070850"/>
                  <a:gd name="connsiteX35" fmla="*/ 3042907 w 3129777"/>
                  <a:gd name="connsiteY35" fmla="*/ 182633 h 1070850"/>
                  <a:gd name="connsiteX36" fmla="*/ 2979044 w 3129777"/>
                  <a:gd name="connsiteY36" fmla="*/ 13658 h 1070850"/>
                  <a:gd name="connsiteX37" fmla="*/ 243030 w 3129777"/>
                  <a:gd name="connsiteY37" fmla="*/ 0 h 1070850"/>
                  <a:gd name="connsiteX38" fmla="*/ 205586 w 3129777"/>
                  <a:gd name="connsiteY38" fmla="*/ 30093 h 1070850"/>
                  <a:gd name="connsiteX39" fmla="*/ 108153 w 3129777"/>
                  <a:gd name="connsiteY39" fmla="*/ 133721 h 1070850"/>
                  <a:gd name="connsiteX40" fmla="*/ 93038 w 3129777"/>
                  <a:gd name="connsiteY40" fmla="*/ 304929 h 1070850"/>
                  <a:gd name="connsiteX41" fmla="*/ 1087 w 3129777"/>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12350 w 3129809"/>
                  <a:gd name="connsiteY4" fmla="*/ 515112 h 1070850"/>
                  <a:gd name="connsiteX5" fmla="*/ 399936 w 3129809"/>
                  <a:gd name="connsiteY5" fmla="*/ 537631 h 1070850"/>
                  <a:gd name="connsiteX6" fmla="*/ 543578 w 3129809"/>
                  <a:gd name="connsiteY6" fmla="*/ 627710 h 1070850"/>
                  <a:gd name="connsiteX7" fmla="*/ 610143 w 3129809"/>
                  <a:gd name="connsiteY7" fmla="*/ 777841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41757 w 3129809"/>
                  <a:gd name="connsiteY17" fmla="*/ 1021803 h 1070850"/>
                  <a:gd name="connsiteX18" fmla="*/ 1860874 w 3129809"/>
                  <a:gd name="connsiteY18" fmla="*/ 1044323 h 1070850"/>
                  <a:gd name="connsiteX19" fmla="*/ 1965978 w 3129809"/>
                  <a:gd name="connsiteY19" fmla="*/ 939231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12350 w 3129809"/>
                  <a:gd name="connsiteY4" fmla="*/ 515112 h 1070850"/>
                  <a:gd name="connsiteX5" fmla="*/ 399936 w 3129809"/>
                  <a:gd name="connsiteY5" fmla="*/ 554316 h 1070850"/>
                  <a:gd name="connsiteX6" fmla="*/ 543578 w 3129809"/>
                  <a:gd name="connsiteY6" fmla="*/ 627710 h 1070850"/>
                  <a:gd name="connsiteX7" fmla="*/ 610143 w 3129809"/>
                  <a:gd name="connsiteY7" fmla="*/ 777841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41757 w 3129809"/>
                  <a:gd name="connsiteY17" fmla="*/ 1021803 h 1070850"/>
                  <a:gd name="connsiteX18" fmla="*/ 1860874 w 3129809"/>
                  <a:gd name="connsiteY18" fmla="*/ 1044323 h 1070850"/>
                  <a:gd name="connsiteX19" fmla="*/ 1965978 w 3129809"/>
                  <a:gd name="connsiteY19" fmla="*/ 939231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610143 w 3129809"/>
                  <a:gd name="connsiteY7" fmla="*/ 777841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41757 w 3129809"/>
                  <a:gd name="connsiteY17" fmla="*/ 1021803 h 1070850"/>
                  <a:gd name="connsiteX18" fmla="*/ 1860874 w 3129809"/>
                  <a:gd name="connsiteY18" fmla="*/ 1044323 h 1070850"/>
                  <a:gd name="connsiteX19" fmla="*/ 1965978 w 3129809"/>
                  <a:gd name="connsiteY19" fmla="*/ 939231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41757 w 3129809"/>
                  <a:gd name="connsiteY17" fmla="*/ 1021803 h 1070850"/>
                  <a:gd name="connsiteX18" fmla="*/ 1860874 w 3129809"/>
                  <a:gd name="connsiteY18" fmla="*/ 1044323 h 1070850"/>
                  <a:gd name="connsiteX19" fmla="*/ 1965978 w 3129809"/>
                  <a:gd name="connsiteY19" fmla="*/ 939231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65978 w 3129809"/>
                  <a:gd name="connsiteY19" fmla="*/ 939231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092102 w 3129809"/>
                  <a:gd name="connsiteY20" fmla="*/ 800361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33536 w 3129809"/>
                  <a:gd name="connsiteY25" fmla="*/ 822881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68571 w 3129809"/>
                  <a:gd name="connsiteY26" fmla="*/ 759075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93901 w 3129809"/>
                  <a:gd name="connsiteY26" fmla="*/ 767418 h 1070850"/>
                  <a:gd name="connsiteX27" fmla="*/ 2593095 w 3129809"/>
                  <a:gd name="connsiteY27" fmla="*/ 68025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93901 w 3129809"/>
                  <a:gd name="connsiteY26" fmla="*/ 767418 h 1070850"/>
                  <a:gd name="connsiteX27" fmla="*/ 2622649 w 3129809"/>
                  <a:gd name="connsiteY27" fmla="*/ 684426 h 1070850"/>
                  <a:gd name="connsiteX28" fmla="*/ 2666667 w 3129809"/>
                  <a:gd name="connsiteY28" fmla="*/ 593930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93901 w 3129809"/>
                  <a:gd name="connsiteY26" fmla="*/ 767418 h 1070850"/>
                  <a:gd name="connsiteX27" fmla="*/ 2622649 w 3129809"/>
                  <a:gd name="connsiteY27" fmla="*/ 684426 h 1070850"/>
                  <a:gd name="connsiteX28" fmla="*/ 2700441 w 3129809"/>
                  <a:gd name="connsiteY28" fmla="*/ 598101 h 1070850"/>
                  <a:gd name="connsiteX29" fmla="*/ 2771771 w 3129809"/>
                  <a:gd name="connsiteY29" fmla="*/ 571411 h 1070850"/>
                  <a:gd name="connsiteX30" fmla="*/ 2862861 w 3129809"/>
                  <a:gd name="connsiteY30" fmla="*/ 522619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93901 w 3129809"/>
                  <a:gd name="connsiteY26" fmla="*/ 767418 h 1070850"/>
                  <a:gd name="connsiteX27" fmla="*/ 2622649 w 3129809"/>
                  <a:gd name="connsiteY27" fmla="*/ 684426 h 1070850"/>
                  <a:gd name="connsiteX28" fmla="*/ 2700441 w 3129809"/>
                  <a:gd name="connsiteY28" fmla="*/ 598101 h 1070850"/>
                  <a:gd name="connsiteX29" fmla="*/ 2771771 w 3129809"/>
                  <a:gd name="connsiteY29" fmla="*/ 571411 h 1070850"/>
                  <a:gd name="connsiteX30" fmla="*/ 2888192 w 3129809"/>
                  <a:gd name="connsiteY30" fmla="*/ 543476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29809"/>
                  <a:gd name="connsiteY0" fmla="*/ 456120 h 1070850"/>
                  <a:gd name="connsiteX1" fmla="*/ 77619 w 3129809"/>
                  <a:gd name="connsiteY1" fmla="*/ 455060 h 1070850"/>
                  <a:gd name="connsiteX2" fmla="*/ 161333 w 3129809"/>
                  <a:gd name="connsiteY2" fmla="*/ 491347 h 1070850"/>
                  <a:gd name="connsiteX3" fmla="*/ 243261 w 3129809"/>
                  <a:gd name="connsiteY3" fmla="*/ 537631 h 1070850"/>
                  <a:gd name="connsiteX4" fmla="*/ 320794 w 3129809"/>
                  <a:gd name="connsiteY4" fmla="*/ 523454 h 1070850"/>
                  <a:gd name="connsiteX5" fmla="*/ 399936 w 3129809"/>
                  <a:gd name="connsiteY5" fmla="*/ 554316 h 1070850"/>
                  <a:gd name="connsiteX6" fmla="*/ 543578 w 3129809"/>
                  <a:gd name="connsiteY6" fmla="*/ 627710 h 1070850"/>
                  <a:gd name="connsiteX7" fmla="*/ 589034 w 3129809"/>
                  <a:gd name="connsiteY7" fmla="*/ 786183 h 1070850"/>
                  <a:gd name="connsiteX8" fmla="*/ 725757 w 3129809"/>
                  <a:gd name="connsiteY8" fmla="*/ 871672 h 1070850"/>
                  <a:gd name="connsiteX9" fmla="*/ 914943 w 3129809"/>
                  <a:gd name="connsiteY9" fmla="*/ 852906 h 1070850"/>
                  <a:gd name="connsiteX10" fmla="*/ 1069095 w 3129809"/>
                  <a:gd name="connsiteY10" fmla="*/ 777841 h 1070850"/>
                  <a:gd name="connsiteX11" fmla="*/ 1121647 w 3129809"/>
                  <a:gd name="connsiteY11" fmla="*/ 864165 h 1070850"/>
                  <a:gd name="connsiteX12" fmla="*/ 1188212 w 3129809"/>
                  <a:gd name="connsiteY12" fmla="*/ 950492 h 1070850"/>
                  <a:gd name="connsiteX13" fmla="*/ 1275798 w 3129809"/>
                  <a:gd name="connsiteY13" fmla="*/ 1036818 h 1070850"/>
                  <a:gd name="connsiteX14" fmla="*/ 1370391 w 3129809"/>
                  <a:gd name="connsiteY14" fmla="*/ 1070596 h 1070850"/>
                  <a:gd name="connsiteX15" fmla="*/ 1524543 w 3129809"/>
                  <a:gd name="connsiteY15" fmla="*/ 1006791 h 1070850"/>
                  <a:gd name="connsiteX16" fmla="*/ 1592525 w 3129809"/>
                  <a:gd name="connsiteY16" fmla="*/ 960233 h 1070850"/>
                  <a:gd name="connsiteX17" fmla="*/ 1758645 w 3129809"/>
                  <a:gd name="connsiteY17" fmla="*/ 1013462 h 1070850"/>
                  <a:gd name="connsiteX18" fmla="*/ 1860874 w 3129809"/>
                  <a:gd name="connsiteY18" fmla="*/ 1044323 h 1070850"/>
                  <a:gd name="connsiteX19" fmla="*/ 1982865 w 3129809"/>
                  <a:gd name="connsiteY19" fmla="*/ 943402 h 1070850"/>
                  <a:gd name="connsiteX20" fmla="*/ 2113210 w 3129809"/>
                  <a:gd name="connsiteY20" fmla="*/ 796190 h 1070850"/>
                  <a:gd name="connsiteX21" fmla="*/ 2207716 w 3129809"/>
                  <a:gd name="connsiteY21" fmla="*/ 796607 h 1070850"/>
                  <a:gd name="connsiteX22" fmla="*/ 2281288 w 3129809"/>
                  <a:gd name="connsiteY22" fmla="*/ 826633 h 1070850"/>
                  <a:gd name="connsiteX23" fmla="*/ 2382888 w 3129809"/>
                  <a:gd name="connsiteY23" fmla="*/ 867920 h 1070850"/>
                  <a:gd name="connsiteX24" fmla="*/ 2484488 w 3129809"/>
                  <a:gd name="connsiteY24" fmla="*/ 875426 h 1070850"/>
                  <a:gd name="connsiteX25" fmla="*/ 2563088 w 3129809"/>
                  <a:gd name="connsiteY25" fmla="*/ 835393 h 1070850"/>
                  <a:gd name="connsiteX26" fmla="*/ 2593901 w 3129809"/>
                  <a:gd name="connsiteY26" fmla="*/ 767418 h 1070850"/>
                  <a:gd name="connsiteX27" fmla="*/ 2622649 w 3129809"/>
                  <a:gd name="connsiteY27" fmla="*/ 684426 h 1070850"/>
                  <a:gd name="connsiteX28" fmla="*/ 2700441 w 3129809"/>
                  <a:gd name="connsiteY28" fmla="*/ 598101 h 1070850"/>
                  <a:gd name="connsiteX29" fmla="*/ 2792879 w 3129809"/>
                  <a:gd name="connsiteY29" fmla="*/ 579753 h 1070850"/>
                  <a:gd name="connsiteX30" fmla="*/ 2888192 w 3129809"/>
                  <a:gd name="connsiteY30" fmla="*/ 543476 h 1070850"/>
                  <a:gd name="connsiteX31" fmla="*/ 2918916 w 3129809"/>
                  <a:gd name="connsiteY31" fmla="*/ 466319 h 1070850"/>
                  <a:gd name="connsiteX32" fmla="*/ 2974971 w 3129809"/>
                  <a:gd name="connsiteY32" fmla="*/ 413774 h 1070850"/>
                  <a:gd name="connsiteX33" fmla="*/ 3062557 w 3129809"/>
                  <a:gd name="connsiteY33" fmla="*/ 455060 h 1070850"/>
                  <a:gd name="connsiteX34" fmla="*/ 3129809 w 3129809"/>
                  <a:gd name="connsiteY34" fmla="*/ 428266 h 1070850"/>
                  <a:gd name="connsiteX35" fmla="*/ 3042939 w 3129809"/>
                  <a:gd name="connsiteY35" fmla="*/ 182633 h 1070850"/>
                  <a:gd name="connsiteX36" fmla="*/ 2979076 w 3129809"/>
                  <a:gd name="connsiteY36" fmla="*/ 13658 h 1070850"/>
                  <a:gd name="connsiteX37" fmla="*/ 243062 w 3129809"/>
                  <a:gd name="connsiteY37" fmla="*/ 0 h 1070850"/>
                  <a:gd name="connsiteX38" fmla="*/ 205618 w 3129809"/>
                  <a:gd name="connsiteY38" fmla="*/ 30093 h 1070850"/>
                  <a:gd name="connsiteX39" fmla="*/ 108185 w 3129809"/>
                  <a:gd name="connsiteY39" fmla="*/ 133721 h 1070850"/>
                  <a:gd name="connsiteX40" fmla="*/ 93070 w 3129809"/>
                  <a:gd name="connsiteY40" fmla="*/ 304929 h 1070850"/>
                  <a:gd name="connsiteX41" fmla="*/ 1119 w 3129809"/>
                  <a:gd name="connsiteY41"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18916 w 3197357"/>
                  <a:gd name="connsiteY31" fmla="*/ 466319 h 1070850"/>
                  <a:gd name="connsiteX32" fmla="*/ 2974971 w 3197357"/>
                  <a:gd name="connsiteY32" fmla="*/ 413774 h 1070850"/>
                  <a:gd name="connsiteX33" fmla="*/ 3062557 w 3197357"/>
                  <a:gd name="connsiteY33" fmla="*/ 455060 h 1070850"/>
                  <a:gd name="connsiteX34" fmla="*/ 3197357 w 3197357"/>
                  <a:gd name="connsiteY34" fmla="*/ 461637 h 1070850"/>
                  <a:gd name="connsiteX35" fmla="*/ 3042939 w 3197357"/>
                  <a:gd name="connsiteY35" fmla="*/ 182633 h 1070850"/>
                  <a:gd name="connsiteX36" fmla="*/ 2979076 w 3197357"/>
                  <a:gd name="connsiteY36" fmla="*/ 13658 h 1070850"/>
                  <a:gd name="connsiteX37" fmla="*/ 243062 w 3197357"/>
                  <a:gd name="connsiteY37" fmla="*/ 0 h 1070850"/>
                  <a:gd name="connsiteX38" fmla="*/ 205618 w 3197357"/>
                  <a:gd name="connsiteY38" fmla="*/ 30093 h 1070850"/>
                  <a:gd name="connsiteX39" fmla="*/ 108185 w 3197357"/>
                  <a:gd name="connsiteY39" fmla="*/ 133721 h 1070850"/>
                  <a:gd name="connsiteX40" fmla="*/ 93070 w 3197357"/>
                  <a:gd name="connsiteY40" fmla="*/ 304929 h 1070850"/>
                  <a:gd name="connsiteX41" fmla="*/ 1119 w 3197357"/>
                  <a:gd name="connsiteY41"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18916 w 3197357"/>
                  <a:gd name="connsiteY31" fmla="*/ 466319 h 1070850"/>
                  <a:gd name="connsiteX32" fmla="*/ 2974971 w 3197357"/>
                  <a:gd name="connsiteY32" fmla="*/ 413774 h 1070850"/>
                  <a:gd name="connsiteX33" fmla="*/ 3134329 w 3197357"/>
                  <a:gd name="connsiteY33" fmla="*/ 467573 h 1070850"/>
                  <a:gd name="connsiteX34" fmla="*/ 3197357 w 3197357"/>
                  <a:gd name="connsiteY34" fmla="*/ 461637 h 1070850"/>
                  <a:gd name="connsiteX35" fmla="*/ 3042939 w 3197357"/>
                  <a:gd name="connsiteY35" fmla="*/ 182633 h 1070850"/>
                  <a:gd name="connsiteX36" fmla="*/ 2979076 w 3197357"/>
                  <a:gd name="connsiteY36" fmla="*/ 13658 h 1070850"/>
                  <a:gd name="connsiteX37" fmla="*/ 243062 w 3197357"/>
                  <a:gd name="connsiteY37" fmla="*/ 0 h 1070850"/>
                  <a:gd name="connsiteX38" fmla="*/ 205618 w 3197357"/>
                  <a:gd name="connsiteY38" fmla="*/ 30093 h 1070850"/>
                  <a:gd name="connsiteX39" fmla="*/ 108185 w 3197357"/>
                  <a:gd name="connsiteY39" fmla="*/ 133721 h 1070850"/>
                  <a:gd name="connsiteX40" fmla="*/ 93070 w 3197357"/>
                  <a:gd name="connsiteY40" fmla="*/ 304929 h 1070850"/>
                  <a:gd name="connsiteX41" fmla="*/ 1119 w 3197357"/>
                  <a:gd name="connsiteY41"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18916 w 3197357"/>
                  <a:gd name="connsiteY31" fmla="*/ 466319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042939 w 3197357"/>
                  <a:gd name="connsiteY35" fmla="*/ 182633 h 1070850"/>
                  <a:gd name="connsiteX36" fmla="*/ 2979076 w 3197357"/>
                  <a:gd name="connsiteY36" fmla="*/ 13658 h 1070850"/>
                  <a:gd name="connsiteX37" fmla="*/ 243062 w 3197357"/>
                  <a:gd name="connsiteY37" fmla="*/ 0 h 1070850"/>
                  <a:gd name="connsiteX38" fmla="*/ 205618 w 3197357"/>
                  <a:gd name="connsiteY38" fmla="*/ 30093 h 1070850"/>
                  <a:gd name="connsiteX39" fmla="*/ 108185 w 3197357"/>
                  <a:gd name="connsiteY39" fmla="*/ 133721 h 1070850"/>
                  <a:gd name="connsiteX40" fmla="*/ 93070 w 3197357"/>
                  <a:gd name="connsiteY40" fmla="*/ 304929 h 1070850"/>
                  <a:gd name="connsiteX41" fmla="*/ 1119 w 3197357"/>
                  <a:gd name="connsiteY41"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52692 w 3197357"/>
                  <a:gd name="connsiteY31" fmla="*/ 491348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042939 w 3197357"/>
                  <a:gd name="connsiteY35" fmla="*/ 182633 h 1070850"/>
                  <a:gd name="connsiteX36" fmla="*/ 2979076 w 3197357"/>
                  <a:gd name="connsiteY36" fmla="*/ 13658 h 1070850"/>
                  <a:gd name="connsiteX37" fmla="*/ 243062 w 3197357"/>
                  <a:gd name="connsiteY37" fmla="*/ 0 h 1070850"/>
                  <a:gd name="connsiteX38" fmla="*/ 205618 w 3197357"/>
                  <a:gd name="connsiteY38" fmla="*/ 30093 h 1070850"/>
                  <a:gd name="connsiteX39" fmla="*/ 108185 w 3197357"/>
                  <a:gd name="connsiteY39" fmla="*/ 133721 h 1070850"/>
                  <a:gd name="connsiteX40" fmla="*/ 93070 w 3197357"/>
                  <a:gd name="connsiteY40" fmla="*/ 304929 h 1070850"/>
                  <a:gd name="connsiteX41" fmla="*/ 1119 w 3197357"/>
                  <a:gd name="connsiteY41"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52692 w 3197357"/>
                  <a:gd name="connsiteY31" fmla="*/ 491348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110412 w 3197357"/>
                  <a:gd name="connsiteY35" fmla="*/ 299443 h 1070850"/>
                  <a:gd name="connsiteX36" fmla="*/ 3042939 w 3197357"/>
                  <a:gd name="connsiteY36" fmla="*/ 182633 h 1070850"/>
                  <a:gd name="connsiteX37" fmla="*/ 2979076 w 3197357"/>
                  <a:gd name="connsiteY37" fmla="*/ 13658 h 1070850"/>
                  <a:gd name="connsiteX38" fmla="*/ 243062 w 3197357"/>
                  <a:gd name="connsiteY38" fmla="*/ 0 h 1070850"/>
                  <a:gd name="connsiteX39" fmla="*/ 205618 w 3197357"/>
                  <a:gd name="connsiteY39" fmla="*/ 30093 h 1070850"/>
                  <a:gd name="connsiteX40" fmla="*/ 108185 w 3197357"/>
                  <a:gd name="connsiteY40" fmla="*/ 133721 h 1070850"/>
                  <a:gd name="connsiteX41" fmla="*/ 93070 w 3197357"/>
                  <a:gd name="connsiteY41" fmla="*/ 304929 h 1070850"/>
                  <a:gd name="connsiteX42" fmla="*/ 1119 w 3197357"/>
                  <a:gd name="connsiteY42"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52692 w 3197357"/>
                  <a:gd name="connsiteY31" fmla="*/ 491348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110412 w 3197357"/>
                  <a:gd name="connsiteY35" fmla="*/ 299443 h 1070850"/>
                  <a:gd name="connsiteX36" fmla="*/ 3072491 w 3197357"/>
                  <a:gd name="connsiteY36" fmla="*/ 165947 h 1070850"/>
                  <a:gd name="connsiteX37" fmla="*/ 2979076 w 3197357"/>
                  <a:gd name="connsiteY37" fmla="*/ 13658 h 1070850"/>
                  <a:gd name="connsiteX38" fmla="*/ 243062 w 3197357"/>
                  <a:gd name="connsiteY38" fmla="*/ 0 h 1070850"/>
                  <a:gd name="connsiteX39" fmla="*/ 205618 w 3197357"/>
                  <a:gd name="connsiteY39" fmla="*/ 30093 h 1070850"/>
                  <a:gd name="connsiteX40" fmla="*/ 108185 w 3197357"/>
                  <a:gd name="connsiteY40" fmla="*/ 133721 h 1070850"/>
                  <a:gd name="connsiteX41" fmla="*/ 93070 w 3197357"/>
                  <a:gd name="connsiteY41" fmla="*/ 304929 h 1070850"/>
                  <a:gd name="connsiteX42" fmla="*/ 1119 w 3197357"/>
                  <a:gd name="connsiteY42"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52692 w 3197357"/>
                  <a:gd name="connsiteY31" fmla="*/ 491348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110412 w 3197357"/>
                  <a:gd name="connsiteY35" fmla="*/ 299443 h 1070850"/>
                  <a:gd name="connsiteX36" fmla="*/ 3072491 w 3197357"/>
                  <a:gd name="connsiteY36" fmla="*/ 165947 h 1070850"/>
                  <a:gd name="connsiteX37" fmla="*/ 2987520 w 3197357"/>
                  <a:gd name="connsiteY37" fmla="*/ 67884 h 1070850"/>
                  <a:gd name="connsiteX38" fmla="*/ 243062 w 3197357"/>
                  <a:gd name="connsiteY38" fmla="*/ 0 h 1070850"/>
                  <a:gd name="connsiteX39" fmla="*/ 205618 w 3197357"/>
                  <a:gd name="connsiteY39" fmla="*/ 30093 h 1070850"/>
                  <a:gd name="connsiteX40" fmla="*/ 108185 w 3197357"/>
                  <a:gd name="connsiteY40" fmla="*/ 133721 h 1070850"/>
                  <a:gd name="connsiteX41" fmla="*/ 93070 w 3197357"/>
                  <a:gd name="connsiteY41" fmla="*/ 304929 h 1070850"/>
                  <a:gd name="connsiteX42" fmla="*/ 1119 w 3197357"/>
                  <a:gd name="connsiteY42" fmla="*/ 456120 h 1070850"/>
                  <a:gd name="connsiteX0" fmla="*/ 1119 w 3197357"/>
                  <a:gd name="connsiteY0" fmla="*/ 456120 h 1070850"/>
                  <a:gd name="connsiteX1" fmla="*/ 77619 w 3197357"/>
                  <a:gd name="connsiteY1" fmla="*/ 455060 h 1070850"/>
                  <a:gd name="connsiteX2" fmla="*/ 161333 w 3197357"/>
                  <a:gd name="connsiteY2" fmla="*/ 491347 h 1070850"/>
                  <a:gd name="connsiteX3" fmla="*/ 243261 w 3197357"/>
                  <a:gd name="connsiteY3" fmla="*/ 537631 h 1070850"/>
                  <a:gd name="connsiteX4" fmla="*/ 320794 w 3197357"/>
                  <a:gd name="connsiteY4" fmla="*/ 523454 h 1070850"/>
                  <a:gd name="connsiteX5" fmla="*/ 399936 w 3197357"/>
                  <a:gd name="connsiteY5" fmla="*/ 554316 h 1070850"/>
                  <a:gd name="connsiteX6" fmla="*/ 543578 w 3197357"/>
                  <a:gd name="connsiteY6" fmla="*/ 627710 h 1070850"/>
                  <a:gd name="connsiteX7" fmla="*/ 589034 w 3197357"/>
                  <a:gd name="connsiteY7" fmla="*/ 786183 h 1070850"/>
                  <a:gd name="connsiteX8" fmla="*/ 725757 w 3197357"/>
                  <a:gd name="connsiteY8" fmla="*/ 871672 h 1070850"/>
                  <a:gd name="connsiteX9" fmla="*/ 914943 w 3197357"/>
                  <a:gd name="connsiteY9" fmla="*/ 852906 h 1070850"/>
                  <a:gd name="connsiteX10" fmla="*/ 1069095 w 3197357"/>
                  <a:gd name="connsiteY10" fmla="*/ 777841 h 1070850"/>
                  <a:gd name="connsiteX11" fmla="*/ 1121647 w 3197357"/>
                  <a:gd name="connsiteY11" fmla="*/ 864165 h 1070850"/>
                  <a:gd name="connsiteX12" fmla="*/ 1188212 w 3197357"/>
                  <a:gd name="connsiteY12" fmla="*/ 950492 h 1070850"/>
                  <a:gd name="connsiteX13" fmla="*/ 1275798 w 3197357"/>
                  <a:gd name="connsiteY13" fmla="*/ 1036818 h 1070850"/>
                  <a:gd name="connsiteX14" fmla="*/ 1370391 w 3197357"/>
                  <a:gd name="connsiteY14" fmla="*/ 1070596 h 1070850"/>
                  <a:gd name="connsiteX15" fmla="*/ 1524543 w 3197357"/>
                  <a:gd name="connsiteY15" fmla="*/ 1006791 h 1070850"/>
                  <a:gd name="connsiteX16" fmla="*/ 1592525 w 3197357"/>
                  <a:gd name="connsiteY16" fmla="*/ 960233 h 1070850"/>
                  <a:gd name="connsiteX17" fmla="*/ 1758645 w 3197357"/>
                  <a:gd name="connsiteY17" fmla="*/ 1013462 h 1070850"/>
                  <a:gd name="connsiteX18" fmla="*/ 1860874 w 3197357"/>
                  <a:gd name="connsiteY18" fmla="*/ 1044323 h 1070850"/>
                  <a:gd name="connsiteX19" fmla="*/ 1982865 w 3197357"/>
                  <a:gd name="connsiteY19" fmla="*/ 943402 h 1070850"/>
                  <a:gd name="connsiteX20" fmla="*/ 2113210 w 3197357"/>
                  <a:gd name="connsiteY20" fmla="*/ 796190 h 1070850"/>
                  <a:gd name="connsiteX21" fmla="*/ 2207716 w 3197357"/>
                  <a:gd name="connsiteY21" fmla="*/ 796607 h 1070850"/>
                  <a:gd name="connsiteX22" fmla="*/ 2281288 w 3197357"/>
                  <a:gd name="connsiteY22" fmla="*/ 826633 h 1070850"/>
                  <a:gd name="connsiteX23" fmla="*/ 2382888 w 3197357"/>
                  <a:gd name="connsiteY23" fmla="*/ 867920 h 1070850"/>
                  <a:gd name="connsiteX24" fmla="*/ 2484488 w 3197357"/>
                  <a:gd name="connsiteY24" fmla="*/ 875426 h 1070850"/>
                  <a:gd name="connsiteX25" fmla="*/ 2563088 w 3197357"/>
                  <a:gd name="connsiteY25" fmla="*/ 835393 h 1070850"/>
                  <a:gd name="connsiteX26" fmla="*/ 2593901 w 3197357"/>
                  <a:gd name="connsiteY26" fmla="*/ 767418 h 1070850"/>
                  <a:gd name="connsiteX27" fmla="*/ 2622649 w 3197357"/>
                  <a:gd name="connsiteY27" fmla="*/ 684426 h 1070850"/>
                  <a:gd name="connsiteX28" fmla="*/ 2700441 w 3197357"/>
                  <a:gd name="connsiteY28" fmla="*/ 598101 h 1070850"/>
                  <a:gd name="connsiteX29" fmla="*/ 2792879 w 3197357"/>
                  <a:gd name="connsiteY29" fmla="*/ 579753 h 1070850"/>
                  <a:gd name="connsiteX30" fmla="*/ 2888192 w 3197357"/>
                  <a:gd name="connsiteY30" fmla="*/ 543476 h 1070850"/>
                  <a:gd name="connsiteX31" fmla="*/ 2952692 w 3197357"/>
                  <a:gd name="connsiteY31" fmla="*/ 491348 h 1070850"/>
                  <a:gd name="connsiteX32" fmla="*/ 3025633 w 3197357"/>
                  <a:gd name="connsiteY32" fmla="*/ 447143 h 1070850"/>
                  <a:gd name="connsiteX33" fmla="*/ 3134329 w 3197357"/>
                  <a:gd name="connsiteY33" fmla="*/ 467573 h 1070850"/>
                  <a:gd name="connsiteX34" fmla="*/ 3197357 w 3197357"/>
                  <a:gd name="connsiteY34" fmla="*/ 461637 h 1070850"/>
                  <a:gd name="connsiteX35" fmla="*/ 3110412 w 3197357"/>
                  <a:gd name="connsiteY35" fmla="*/ 299443 h 1070850"/>
                  <a:gd name="connsiteX36" fmla="*/ 3072491 w 3197357"/>
                  <a:gd name="connsiteY36" fmla="*/ 165947 h 1070850"/>
                  <a:gd name="connsiteX37" fmla="*/ 2987520 w 3197357"/>
                  <a:gd name="connsiteY37" fmla="*/ 67884 h 1070850"/>
                  <a:gd name="connsiteX38" fmla="*/ 243062 w 3197357"/>
                  <a:gd name="connsiteY38" fmla="*/ 0 h 1070850"/>
                  <a:gd name="connsiteX39" fmla="*/ 205618 w 3197357"/>
                  <a:gd name="connsiteY39" fmla="*/ 30093 h 1070850"/>
                  <a:gd name="connsiteX40" fmla="*/ 108185 w 3197357"/>
                  <a:gd name="connsiteY40" fmla="*/ 133721 h 1070850"/>
                  <a:gd name="connsiteX41" fmla="*/ 93070 w 3197357"/>
                  <a:gd name="connsiteY41" fmla="*/ 304929 h 1070850"/>
                  <a:gd name="connsiteX42" fmla="*/ 1119 w 3197357"/>
                  <a:gd name="connsiteY42" fmla="*/ 456120 h 1070850"/>
                  <a:gd name="connsiteX0" fmla="*/ 1119 w 3197357"/>
                  <a:gd name="connsiteY0" fmla="*/ 426027 h 1040757"/>
                  <a:gd name="connsiteX1" fmla="*/ 77619 w 3197357"/>
                  <a:gd name="connsiteY1" fmla="*/ 424967 h 1040757"/>
                  <a:gd name="connsiteX2" fmla="*/ 161333 w 3197357"/>
                  <a:gd name="connsiteY2" fmla="*/ 461254 h 1040757"/>
                  <a:gd name="connsiteX3" fmla="*/ 243261 w 3197357"/>
                  <a:gd name="connsiteY3" fmla="*/ 507538 h 1040757"/>
                  <a:gd name="connsiteX4" fmla="*/ 320794 w 3197357"/>
                  <a:gd name="connsiteY4" fmla="*/ 493361 h 1040757"/>
                  <a:gd name="connsiteX5" fmla="*/ 399936 w 3197357"/>
                  <a:gd name="connsiteY5" fmla="*/ 524223 h 1040757"/>
                  <a:gd name="connsiteX6" fmla="*/ 543578 w 3197357"/>
                  <a:gd name="connsiteY6" fmla="*/ 597617 h 1040757"/>
                  <a:gd name="connsiteX7" fmla="*/ 589034 w 3197357"/>
                  <a:gd name="connsiteY7" fmla="*/ 756090 h 1040757"/>
                  <a:gd name="connsiteX8" fmla="*/ 725757 w 3197357"/>
                  <a:gd name="connsiteY8" fmla="*/ 841579 h 1040757"/>
                  <a:gd name="connsiteX9" fmla="*/ 914943 w 3197357"/>
                  <a:gd name="connsiteY9" fmla="*/ 822813 h 1040757"/>
                  <a:gd name="connsiteX10" fmla="*/ 1069095 w 3197357"/>
                  <a:gd name="connsiteY10" fmla="*/ 747748 h 1040757"/>
                  <a:gd name="connsiteX11" fmla="*/ 1121647 w 3197357"/>
                  <a:gd name="connsiteY11" fmla="*/ 834072 h 1040757"/>
                  <a:gd name="connsiteX12" fmla="*/ 1188212 w 3197357"/>
                  <a:gd name="connsiteY12" fmla="*/ 920399 h 1040757"/>
                  <a:gd name="connsiteX13" fmla="*/ 1275798 w 3197357"/>
                  <a:gd name="connsiteY13" fmla="*/ 1006725 h 1040757"/>
                  <a:gd name="connsiteX14" fmla="*/ 1370391 w 3197357"/>
                  <a:gd name="connsiteY14" fmla="*/ 1040503 h 1040757"/>
                  <a:gd name="connsiteX15" fmla="*/ 1524543 w 3197357"/>
                  <a:gd name="connsiteY15" fmla="*/ 976698 h 1040757"/>
                  <a:gd name="connsiteX16" fmla="*/ 1592525 w 3197357"/>
                  <a:gd name="connsiteY16" fmla="*/ 930140 h 1040757"/>
                  <a:gd name="connsiteX17" fmla="*/ 1758645 w 3197357"/>
                  <a:gd name="connsiteY17" fmla="*/ 983369 h 1040757"/>
                  <a:gd name="connsiteX18" fmla="*/ 1860874 w 3197357"/>
                  <a:gd name="connsiteY18" fmla="*/ 1014230 h 1040757"/>
                  <a:gd name="connsiteX19" fmla="*/ 1982865 w 3197357"/>
                  <a:gd name="connsiteY19" fmla="*/ 913309 h 1040757"/>
                  <a:gd name="connsiteX20" fmla="*/ 2113210 w 3197357"/>
                  <a:gd name="connsiteY20" fmla="*/ 766097 h 1040757"/>
                  <a:gd name="connsiteX21" fmla="*/ 2207716 w 3197357"/>
                  <a:gd name="connsiteY21" fmla="*/ 766514 h 1040757"/>
                  <a:gd name="connsiteX22" fmla="*/ 2281288 w 3197357"/>
                  <a:gd name="connsiteY22" fmla="*/ 796540 h 1040757"/>
                  <a:gd name="connsiteX23" fmla="*/ 2382888 w 3197357"/>
                  <a:gd name="connsiteY23" fmla="*/ 837827 h 1040757"/>
                  <a:gd name="connsiteX24" fmla="*/ 2484488 w 3197357"/>
                  <a:gd name="connsiteY24" fmla="*/ 845333 h 1040757"/>
                  <a:gd name="connsiteX25" fmla="*/ 2563088 w 3197357"/>
                  <a:gd name="connsiteY25" fmla="*/ 805300 h 1040757"/>
                  <a:gd name="connsiteX26" fmla="*/ 2593901 w 3197357"/>
                  <a:gd name="connsiteY26" fmla="*/ 737325 h 1040757"/>
                  <a:gd name="connsiteX27" fmla="*/ 2622649 w 3197357"/>
                  <a:gd name="connsiteY27" fmla="*/ 654333 h 1040757"/>
                  <a:gd name="connsiteX28" fmla="*/ 2700441 w 3197357"/>
                  <a:gd name="connsiteY28" fmla="*/ 568008 h 1040757"/>
                  <a:gd name="connsiteX29" fmla="*/ 2792879 w 3197357"/>
                  <a:gd name="connsiteY29" fmla="*/ 549660 h 1040757"/>
                  <a:gd name="connsiteX30" fmla="*/ 2888192 w 3197357"/>
                  <a:gd name="connsiteY30" fmla="*/ 513383 h 1040757"/>
                  <a:gd name="connsiteX31" fmla="*/ 2952692 w 3197357"/>
                  <a:gd name="connsiteY31" fmla="*/ 461255 h 1040757"/>
                  <a:gd name="connsiteX32" fmla="*/ 3025633 w 3197357"/>
                  <a:gd name="connsiteY32" fmla="*/ 417050 h 1040757"/>
                  <a:gd name="connsiteX33" fmla="*/ 3134329 w 3197357"/>
                  <a:gd name="connsiteY33" fmla="*/ 437480 h 1040757"/>
                  <a:gd name="connsiteX34" fmla="*/ 3197357 w 3197357"/>
                  <a:gd name="connsiteY34" fmla="*/ 431544 h 1040757"/>
                  <a:gd name="connsiteX35" fmla="*/ 3110412 w 3197357"/>
                  <a:gd name="connsiteY35" fmla="*/ 269350 h 1040757"/>
                  <a:gd name="connsiteX36" fmla="*/ 3072491 w 3197357"/>
                  <a:gd name="connsiteY36" fmla="*/ 135854 h 1040757"/>
                  <a:gd name="connsiteX37" fmla="*/ 2987520 w 3197357"/>
                  <a:gd name="connsiteY37" fmla="*/ 37791 h 1040757"/>
                  <a:gd name="connsiteX38" fmla="*/ 205618 w 3197357"/>
                  <a:gd name="connsiteY38" fmla="*/ 0 h 1040757"/>
                  <a:gd name="connsiteX39" fmla="*/ 108185 w 3197357"/>
                  <a:gd name="connsiteY39" fmla="*/ 103628 h 1040757"/>
                  <a:gd name="connsiteX40" fmla="*/ 93070 w 3197357"/>
                  <a:gd name="connsiteY40" fmla="*/ 274836 h 1040757"/>
                  <a:gd name="connsiteX41" fmla="*/ 1119 w 3197357"/>
                  <a:gd name="connsiteY41" fmla="*/ 426027 h 1040757"/>
                  <a:gd name="connsiteX0" fmla="*/ 1119 w 3197357"/>
                  <a:gd name="connsiteY0" fmla="*/ 413513 h 1028243"/>
                  <a:gd name="connsiteX1" fmla="*/ 77619 w 3197357"/>
                  <a:gd name="connsiteY1" fmla="*/ 412453 h 1028243"/>
                  <a:gd name="connsiteX2" fmla="*/ 161333 w 3197357"/>
                  <a:gd name="connsiteY2" fmla="*/ 448740 h 1028243"/>
                  <a:gd name="connsiteX3" fmla="*/ 243261 w 3197357"/>
                  <a:gd name="connsiteY3" fmla="*/ 495024 h 1028243"/>
                  <a:gd name="connsiteX4" fmla="*/ 320794 w 3197357"/>
                  <a:gd name="connsiteY4" fmla="*/ 480847 h 1028243"/>
                  <a:gd name="connsiteX5" fmla="*/ 399936 w 3197357"/>
                  <a:gd name="connsiteY5" fmla="*/ 511709 h 1028243"/>
                  <a:gd name="connsiteX6" fmla="*/ 543578 w 3197357"/>
                  <a:gd name="connsiteY6" fmla="*/ 585103 h 1028243"/>
                  <a:gd name="connsiteX7" fmla="*/ 589034 w 3197357"/>
                  <a:gd name="connsiteY7" fmla="*/ 743576 h 1028243"/>
                  <a:gd name="connsiteX8" fmla="*/ 725757 w 3197357"/>
                  <a:gd name="connsiteY8" fmla="*/ 829065 h 1028243"/>
                  <a:gd name="connsiteX9" fmla="*/ 914943 w 3197357"/>
                  <a:gd name="connsiteY9" fmla="*/ 810299 h 1028243"/>
                  <a:gd name="connsiteX10" fmla="*/ 1069095 w 3197357"/>
                  <a:gd name="connsiteY10" fmla="*/ 735234 h 1028243"/>
                  <a:gd name="connsiteX11" fmla="*/ 1121647 w 3197357"/>
                  <a:gd name="connsiteY11" fmla="*/ 821558 h 1028243"/>
                  <a:gd name="connsiteX12" fmla="*/ 1188212 w 3197357"/>
                  <a:gd name="connsiteY12" fmla="*/ 907885 h 1028243"/>
                  <a:gd name="connsiteX13" fmla="*/ 1275798 w 3197357"/>
                  <a:gd name="connsiteY13" fmla="*/ 994211 h 1028243"/>
                  <a:gd name="connsiteX14" fmla="*/ 1370391 w 3197357"/>
                  <a:gd name="connsiteY14" fmla="*/ 1027989 h 1028243"/>
                  <a:gd name="connsiteX15" fmla="*/ 1524543 w 3197357"/>
                  <a:gd name="connsiteY15" fmla="*/ 964184 h 1028243"/>
                  <a:gd name="connsiteX16" fmla="*/ 1592525 w 3197357"/>
                  <a:gd name="connsiteY16" fmla="*/ 917626 h 1028243"/>
                  <a:gd name="connsiteX17" fmla="*/ 1758645 w 3197357"/>
                  <a:gd name="connsiteY17" fmla="*/ 970855 h 1028243"/>
                  <a:gd name="connsiteX18" fmla="*/ 1860874 w 3197357"/>
                  <a:gd name="connsiteY18" fmla="*/ 1001716 h 1028243"/>
                  <a:gd name="connsiteX19" fmla="*/ 1982865 w 3197357"/>
                  <a:gd name="connsiteY19" fmla="*/ 900795 h 1028243"/>
                  <a:gd name="connsiteX20" fmla="*/ 2113210 w 3197357"/>
                  <a:gd name="connsiteY20" fmla="*/ 753583 h 1028243"/>
                  <a:gd name="connsiteX21" fmla="*/ 2207716 w 3197357"/>
                  <a:gd name="connsiteY21" fmla="*/ 754000 h 1028243"/>
                  <a:gd name="connsiteX22" fmla="*/ 2281288 w 3197357"/>
                  <a:gd name="connsiteY22" fmla="*/ 784026 h 1028243"/>
                  <a:gd name="connsiteX23" fmla="*/ 2382888 w 3197357"/>
                  <a:gd name="connsiteY23" fmla="*/ 825313 h 1028243"/>
                  <a:gd name="connsiteX24" fmla="*/ 2484488 w 3197357"/>
                  <a:gd name="connsiteY24" fmla="*/ 832819 h 1028243"/>
                  <a:gd name="connsiteX25" fmla="*/ 2563088 w 3197357"/>
                  <a:gd name="connsiteY25" fmla="*/ 792786 h 1028243"/>
                  <a:gd name="connsiteX26" fmla="*/ 2593901 w 3197357"/>
                  <a:gd name="connsiteY26" fmla="*/ 724811 h 1028243"/>
                  <a:gd name="connsiteX27" fmla="*/ 2622649 w 3197357"/>
                  <a:gd name="connsiteY27" fmla="*/ 641819 h 1028243"/>
                  <a:gd name="connsiteX28" fmla="*/ 2700441 w 3197357"/>
                  <a:gd name="connsiteY28" fmla="*/ 555494 h 1028243"/>
                  <a:gd name="connsiteX29" fmla="*/ 2792879 w 3197357"/>
                  <a:gd name="connsiteY29" fmla="*/ 537146 h 1028243"/>
                  <a:gd name="connsiteX30" fmla="*/ 2888192 w 3197357"/>
                  <a:gd name="connsiteY30" fmla="*/ 500869 h 1028243"/>
                  <a:gd name="connsiteX31" fmla="*/ 2952692 w 3197357"/>
                  <a:gd name="connsiteY31" fmla="*/ 448741 h 1028243"/>
                  <a:gd name="connsiteX32" fmla="*/ 3025633 w 3197357"/>
                  <a:gd name="connsiteY32" fmla="*/ 404536 h 1028243"/>
                  <a:gd name="connsiteX33" fmla="*/ 3134329 w 3197357"/>
                  <a:gd name="connsiteY33" fmla="*/ 424966 h 1028243"/>
                  <a:gd name="connsiteX34" fmla="*/ 3197357 w 3197357"/>
                  <a:gd name="connsiteY34" fmla="*/ 419030 h 1028243"/>
                  <a:gd name="connsiteX35" fmla="*/ 3110412 w 3197357"/>
                  <a:gd name="connsiteY35" fmla="*/ 256836 h 1028243"/>
                  <a:gd name="connsiteX36" fmla="*/ 3072491 w 3197357"/>
                  <a:gd name="connsiteY36" fmla="*/ 123340 h 1028243"/>
                  <a:gd name="connsiteX37" fmla="*/ 2987520 w 3197357"/>
                  <a:gd name="connsiteY37" fmla="*/ 25277 h 1028243"/>
                  <a:gd name="connsiteX38" fmla="*/ 218284 w 3197357"/>
                  <a:gd name="connsiteY38" fmla="*/ 0 h 1028243"/>
                  <a:gd name="connsiteX39" fmla="*/ 108185 w 3197357"/>
                  <a:gd name="connsiteY39" fmla="*/ 91114 h 1028243"/>
                  <a:gd name="connsiteX40" fmla="*/ 93070 w 3197357"/>
                  <a:gd name="connsiteY40" fmla="*/ 262322 h 1028243"/>
                  <a:gd name="connsiteX41" fmla="*/ 1119 w 3197357"/>
                  <a:gd name="connsiteY41" fmla="*/ 413513 h 1028243"/>
                  <a:gd name="connsiteX0" fmla="*/ 1119 w 3197357"/>
                  <a:gd name="connsiteY0" fmla="*/ 413513 h 1028243"/>
                  <a:gd name="connsiteX1" fmla="*/ 77619 w 3197357"/>
                  <a:gd name="connsiteY1" fmla="*/ 412453 h 1028243"/>
                  <a:gd name="connsiteX2" fmla="*/ 161333 w 3197357"/>
                  <a:gd name="connsiteY2" fmla="*/ 448740 h 1028243"/>
                  <a:gd name="connsiteX3" fmla="*/ 222151 w 3197357"/>
                  <a:gd name="connsiteY3" fmla="*/ 507539 h 1028243"/>
                  <a:gd name="connsiteX4" fmla="*/ 320794 w 3197357"/>
                  <a:gd name="connsiteY4" fmla="*/ 480847 h 1028243"/>
                  <a:gd name="connsiteX5" fmla="*/ 399936 w 3197357"/>
                  <a:gd name="connsiteY5" fmla="*/ 511709 h 1028243"/>
                  <a:gd name="connsiteX6" fmla="*/ 543578 w 3197357"/>
                  <a:gd name="connsiteY6" fmla="*/ 585103 h 1028243"/>
                  <a:gd name="connsiteX7" fmla="*/ 589034 w 3197357"/>
                  <a:gd name="connsiteY7" fmla="*/ 743576 h 1028243"/>
                  <a:gd name="connsiteX8" fmla="*/ 725757 w 3197357"/>
                  <a:gd name="connsiteY8" fmla="*/ 829065 h 1028243"/>
                  <a:gd name="connsiteX9" fmla="*/ 914943 w 3197357"/>
                  <a:gd name="connsiteY9" fmla="*/ 810299 h 1028243"/>
                  <a:gd name="connsiteX10" fmla="*/ 1069095 w 3197357"/>
                  <a:gd name="connsiteY10" fmla="*/ 735234 h 1028243"/>
                  <a:gd name="connsiteX11" fmla="*/ 1121647 w 3197357"/>
                  <a:gd name="connsiteY11" fmla="*/ 821558 h 1028243"/>
                  <a:gd name="connsiteX12" fmla="*/ 1188212 w 3197357"/>
                  <a:gd name="connsiteY12" fmla="*/ 907885 h 1028243"/>
                  <a:gd name="connsiteX13" fmla="*/ 1275798 w 3197357"/>
                  <a:gd name="connsiteY13" fmla="*/ 994211 h 1028243"/>
                  <a:gd name="connsiteX14" fmla="*/ 1370391 w 3197357"/>
                  <a:gd name="connsiteY14" fmla="*/ 1027989 h 1028243"/>
                  <a:gd name="connsiteX15" fmla="*/ 1524543 w 3197357"/>
                  <a:gd name="connsiteY15" fmla="*/ 964184 h 1028243"/>
                  <a:gd name="connsiteX16" fmla="*/ 1592525 w 3197357"/>
                  <a:gd name="connsiteY16" fmla="*/ 917626 h 1028243"/>
                  <a:gd name="connsiteX17" fmla="*/ 1758645 w 3197357"/>
                  <a:gd name="connsiteY17" fmla="*/ 970855 h 1028243"/>
                  <a:gd name="connsiteX18" fmla="*/ 1860874 w 3197357"/>
                  <a:gd name="connsiteY18" fmla="*/ 1001716 h 1028243"/>
                  <a:gd name="connsiteX19" fmla="*/ 1982865 w 3197357"/>
                  <a:gd name="connsiteY19" fmla="*/ 900795 h 1028243"/>
                  <a:gd name="connsiteX20" fmla="*/ 2113210 w 3197357"/>
                  <a:gd name="connsiteY20" fmla="*/ 753583 h 1028243"/>
                  <a:gd name="connsiteX21" fmla="*/ 2207716 w 3197357"/>
                  <a:gd name="connsiteY21" fmla="*/ 754000 h 1028243"/>
                  <a:gd name="connsiteX22" fmla="*/ 2281288 w 3197357"/>
                  <a:gd name="connsiteY22" fmla="*/ 784026 h 1028243"/>
                  <a:gd name="connsiteX23" fmla="*/ 2382888 w 3197357"/>
                  <a:gd name="connsiteY23" fmla="*/ 825313 h 1028243"/>
                  <a:gd name="connsiteX24" fmla="*/ 2484488 w 3197357"/>
                  <a:gd name="connsiteY24" fmla="*/ 832819 h 1028243"/>
                  <a:gd name="connsiteX25" fmla="*/ 2563088 w 3197357"/>
                  <a:gd name="connsiteY25" fmla="*/ 792786 h 1028243"/>
                  <a:gd name="connsiteX26" fmla="*/ 2593901 w 3197357"/>
                  <a:gd name="connsiteY26" fmla="*/ 724811 h 1028243"/>
                  <a:gd name="connsiteX27" fmla="*/ 2622649 w 3197357"/>
                  <a:gd name="connsiteY27" fmla="*/ 641819 h 1028243"/>
                  <a:gd name="connsiteX28" fmla="*/ 2700441 w 3197357"/>
                  <a:gd name="connsiteY28" fmla="*/ 555494 h 1028243"/>
                  <a:gd name="connsiteX29" fmla="*/ 2792879 w 3197357"/>
                  <a:gd name="connsiteY29" fmla="*/ 537146 h 1028243"/>
                  <a:gd name="connsiteX30" fmla="*/ 2888192 w 3197357"/>
                  <a:gd name="connsiteY30" fmla="*/ 500869 h 1028243"/>
                  <a:gd name="connsiteX31" fmla="*/ 2952692 w 3197357"/>
                  <a:gd name="connsiteY31" fmla="*/ 448741 h 1028243"/>
                  <a:gd name="connsiteX32" fmla="*/ 3025633 w 3197357"/>
                  <a:gd name="connsiteY32" fmla="*/ 404536 h 1028243"/>
                  <a:gd name="connsiteX33" fmla="*/ 3134329 w 3197357"/>
                  <a:gd name="connsiteY33" fmla="*/ 424966 h 1028243"/>
                  <a:gd name="connsiteX34" fmla="*/ 3197357 w 3197357"/>
                  <a:gd name="connsiteY34" fmla="*/ 419030 h 1028243"/>
                  <a:gd name="connsiteX35" fmla="*/ 3110412 w 3197357"/>
                  <a:gd name="connsiteY35" fmla="*/ 256836 h 1028243"/>
                  <a:gd name="connsiteX36" fmla="*/ 3072491 w 3197357"/>
                  <a:gd name="connsiteY36" fmla="*/ 123340 h 1028243"/>
                  <a:gd name="connsiteX37" fmla="*/ 2987520 w 3197357"/>
                  <a:gd name="connsiteY37" fmla="*/ 25277 h 1028243"/>
                  <a:gd name="connsiteX38" fmla="*/ 218284 w 3197357"/>
                  <a:gd name="connsiteY38" fmla="*/ 0 h 1028243"/>
                  <a:gd name="connsiteX39" fmla="*/ 108185 w 3197357"/>
                  <a:gd name="connsiteY39" fmla="*/ 91114 h 1028243"/>
                  <a:gd name="connsiteX40" fmla="*/ 93070 w 3197357"/>
                  <a:gd name="connsiteY40" fmla="*/ 262322 h 1028243"/>
                  <a:gd name="connsiteX41" fmla="*/ 1119 w 3197357"/>
                  <a:gd name="connsiteY41" fmla="*/ 413513 h 1028243"/>
                  <a:gd name="connsiteX0" fmla="*/ 996 w 3197234"/>
                  <a:gd name="connsiteY0" fmla="*/ 413513 h 1028243"/>
                  <a:gd name="connsiteX1" fmla="*/ 85940 w 3197234"/>
                  <a:gd name="connsiteY1" fmla="*/ 424966 h 1028243"/>
                  <a:gd name="connsiteX2" fmla="*/ 161210 w 3197234"/>
                  <a:gd name="connsiteY2" fmla="*/ 448740 h 1028243"/>
                  <a:gd name="connsiteX3" fmla="*/ 222028 w 3197234"/>
                  <a:gd name="connsiteY3" fmla="*/ 507539 h 1028243"/>
                  <a:gd name="connsiteX4" fmla="*/ 320671 w 3197234"/>
                  <a:gd name="connsiteY4" fmla="*/ 480847 h 1028243"/>
                  <a:gd name="connsiteX5" fmla="*/ 399813 w 3197234"/>
                  <a:gd name="connsiteY5" fmla="*/ 511709 h 1028243"/>
                  <a:gd name="connsiteX6" fmla="*/ 543455 w 3197234"/>
                  <a:gd name="connsiteY6" fmla="*/ 585103 h 1028243"/>
                  <a:gd name="connsiteX7" fmla="*/ 588911 w 3197234"/>
                  <a:gd name="connsiteY7" fmla="*/ 743576 h 1028243"/>
                  <a:gd name="connsiteX8" fmla="*/ 725634 w 3197234"/>
                  <a:gd name="connsiteY8" fmla="*/ 829065 h 1028243"/>
                  <a:gd name="connsiteX9" fmla="*/ 914820 w 3197234"/>
                  <a:gd name="connsiteY9" fmla="*/ 810299 h 1028243"/>
                  <a:gd name="connsiteX10" fmla="*/ 1068972 w 3197234"/>
                  <a:gd name="connsiteY10" fmla="*/ 735234 h 1028243"/>
                  <a:gd name="connsiteX11" fmla="*/ 1121524 w 3197234"/>
                  <a:gd name="connsiteY11" fmla="*/ 821558 h 1028243"/>
                  <a:gd name="connsiteX12" fmla="*/ 1188089 w 3197234"/>
                  <a:gd name="connsiteY12" fmla="*/ 907885 h 1028243"/>
                  <a:gd name="connsiteX13" fmla="*/ 1275675 w 3197234"/>
                  <a:gd name="connsiteY13" fmla="*/ 994211 h 1028243"/>
                  <a:gd name="connsiteX14" fmla="*/ 1370268 w 3197234"/>
                  <a:gd name="connsiteY14" fmla="*/ 1027989 h 1028243"/>
                  <a:gd name="connsiteX15" fmla="*/ 1524420 w 3197234"/>
                  <a:gd name="connsiteY15" fmla="*/ 964184 h 1028243"/>
                  <a:gd name="connsiteX16" fmla="*/ 1592402 w 3197234"/>
                  <a:gd name="connsiteY16" fmla="*/ 917626 h 1028243"/>
                  <a:gd name="connsiteX17" fmla="*/ 1758522 w 3197234"/>
                  <a:gd name="connsiteY17" fmla="*/ 970855 h 1028243"/>
                  <a:gd name="connsiteX18" fmla="*/ 1860751 w 3197234"/>
                  <a:gd name="connsiteY18" fmla="*/ 1001716 h 1028243"/>
                  <a:gd name="connsiteX19" fmla="*/ 1982742 w 3197234"/>
                  <a:gd name="connsiteY19" fmla="*/ 900795 h 1028243"/>
                  <a:gd name="connsiteX20" fmla="*/ 2113087 w 3197234"/>
                  <a:gd name="connsiteY20" fmla="*/ 753583 h 1028243"/>
                  <a:gd name="connsiteX21" fmla="*/ 2207593 w 3197234"/>
                  <a:gd name="connsiteY21" fmla="*/ 754000 h 1028243"/>
                  <a:gd name="connsiteX22" fmla="*/ 2281165 w 3197234"/>
                  <a:gd name="connsiteY22" fmla="*/ 784026 h 1028243"/>
                  <a:gd name="connsiteX23" fmla="*/ 2382765 w 3197234"/>
                  <a:gd name="connsiteY23" fmla="*/ 825313 h 1028243"/>
                  <a:gd name="connsiteX24" fmla="*/ 2484365 w 3197234"/>
                  <a:gd name="connsiteY24" fmla="*/ 832819 h 1028243"/>
                  <a:gd name="connsiteX25" fmla="*/ 2562965 w 3197234"/>
                  <a:gd name="connsiteY25" fmla="*/ 792786 h 1028243"/>
                  <a:gd name="connsiteX26" fmla="*/ 2593778 w 3197234"/>
                  <a:gd name="connsiteY26" fmla="*/ 724811 h 1028243"/>
                  <a:gd name="connsiteX27" fmla="*/ 2622526 w 3197234"/>
                  <a:gd name="connsiteY27" fmla="*/ 641819 h 1028243"/>
                  <a:gd name="connsiteX28" fmla="*/ 2700318 w 3197234"/>
                  <a:gd name="connsiteY28" fmla="*/ 555494 h 1028243"/>
                  <a:gd name="connsiteX29" fmla="*/ 2792756 w 3197234"/>
                  <a:gd name="connsiteY29" fmla="*/ 537146 h 1028243"/>
                  <a:gd name="connsiteX30" fmla="*/ 2888069 w 3197234"/>
                  <a:gd name="connsiteY30" fmla="*/ 500869 h 1028243"/>
                  <a:gd name="connsiteX31" fmla="*/ 2952569 w 3197234"/>
                  <a:gd name="connsiteY31" fmla="*/ 448741 h 1028243"/>
                  <a:gd name="connsiteX32" fmla="*/ 3025510 w 3197234"/>
                  <a:gd name="connsiteY32" fmla="*/ 404536 h 1028243"/>
                  <a:gd name="connsiteX33" fmla="*/ 3134206 w 3197234"/>
                  <a:gd name="connsiteY33" fmla="*/ 424966 h 1028243"/>
                  <a:gd name="connsiteX34" fmla="*/ 3197234 w 3197234"/>
                  <a:gd name="connsiteY34" fmla="*/ 419030 h 1028243"/>
                  <a:gd name="connsiteX35" fmla="*/ 3110289 w 3197234"/>
                  <a:gd name="connsiteY35" fmla="*/ 256836 h 1028243"/>
                  <a:gd name="connsiteX36" fmla="*/ 3072368 w 3197234"/>
                  <a:gd name="connsiteY36" fmla="*/ 123340 h 1028243"/>
                  <a:gd name="connsiteX37" fmla="*/ 2987397 w 3197234"/>
                  <a:gd name="connsiteY37" fmla="*/ 25277 h 1028243"/>
                  <a:gd name="connsiteX38" fmla="*/ 218161 w 3197234"/>
                  <a:gd name="connsiteY38" fmla="*/ 0 h 1028243"/>
                  <a:gd name="connsiteX39" fmla="*/ 108062 w 3197234"/>
                  <a:gd name="connsiteY39" fmla="*/ 91114 h 1028243"/>
                  <a:gd name="connsiteX40" fmla="*/ 92947 w 3197234"/>
                  <a:gd name="connsiteY40" fmla="*/ 262322 h 1028243"/>
                  <a:gd name="connsiteX41" fmla="*/ 996 w 3197234"/>
                  <a:gd name="connsiteY41" fmla="*/ 413513 h 1028243"/>
                  <a:gd name="connsiteX0" fmla="*/ 996 w 3197234"/>
                  <a:gd name="connsiteY0" fmla="*/ 413513 h 1028243"/>
                  <a:gd name="connsiteX1" fmla="*/ 85940 w 3197234"/>
                  <a:gd name="connsiteY1" fmla="*/ 424966 h 1028243"/>
                  <a:gd name="connsiteX2" fmla="*/ 161210 w 3197234"/>
                  <a:gd name="connsiteY2" fmla="*/ 448740 h 1028243"/>
                  <a:gd name="connsiteX3" fmla="*/ 222028 w 3197234"/>
                  <a:gd name="connsiteY3" fmla="*/ 507539 h 1028243"/>
                  <a:gd name="connsiteX4" fmla="*/ 320670 w 3197234"/>
                  <a:gd name="connsiteY4" fmla="*/ 493360 h 1028243"/>
                  <a:gd name="connsiteX5" fmla="*/ 399813 w 3197234"/>
                  <a:gd name="connsiteY5" fmla="*/ 511709 h 1028243"/>
                  <a:gd name="connsiteX6" fmla="*/ 543455 w 3197234"/>
                  <a:gd name="connsiteY6" fmla="*/ 585103 h 1028243"/>
                  <a:gd name="connsiteX7" fmla="*/ 588911 w 3197234"/>
                  <a:gd name="connsiteY7" fmla="*/ 743576 h 1028243"/>
                  <a:gd name="connsiteX8" fmla="*/ 725634 w 3197234"/>
                  <a:gd name="connsiteY8" fmla="*/ 829065 h 1028243"/>
                  <a:gd name="connsiteX9" fmla="*/ 914820 w 3197234"/>
                  <a:gd name="connsiteY9" fmla="*/ 810299 h 1028243"/>
                  <a:gd name="connsiteX10" fmla="*/ 1068972 w 3197234"/>
                  <a:gd name="connsiteY10" fmla="*/ 735234 h 1028243"/>
                  <a:gd name="connsiteX11" fmla="*/ 1121524 w 3197234"/>
                  <a:gd name="connsiteY11" fmla="*/ 821558 h 1028243"/>
                  <a:gd name="connsiteX12" fmla="*/ 1188089 w 3197234"/>
                  <a:gd name="connsiteY12" fmla="*/ 907885 h 1028243"/>
                  <a:gd name="connsiteX13" fmla="*/ 1275675 w 3197234"/>
                  <a:gd name="connsiteY13" fmla="*/ 994211 h 1028243"/>
                  <a:gd name="connsiteX14" fmla="*/ 1370268 w 3197234"/>
                  <a:gd name="connsiteY14" fmla="*/ 1027989 h 1028243"/>
                  <a:gd name="connsiteX15" fmla="*/ 1524420 w 3197234"/>
                  <a:gd name="connsiteY15" fmla="*/ 964184 h 1028243"/>
                  <a:gd name="connsiteX16" fmla="*/ 1592402 w 3197234"/>
                  <a:gd name="connsiteY16" fmla="*/ 917626 h 1028243"/>
                  <a:gd name="connsiteX17" fmla="*/ 1758522 w 3197234"/>
                  <a:gd name="connsiteY17" fmla="*/ 970855 h 1028243"/>
                  <a:gd name="connsiteX18" fmla="*/ 1860751 w 3197234"/>
                  <a:gd name="connsiteY18" fmla="*/ 1001716 h 1028243"/>
                  <a:gd name="connsiteX19" fmla="*/ 1982742 w 3197234"/>
                  <a:gd name="connsiteY19" fmla="*/ 900795 h 1028243"/>
                  <a:gd name="connsiteX20" fmla="*/ 2113087 w 3197234"/>
                  <a:gd name="connsiteY20" fmla="*/ 753583 h 1028243"/>
                  <a:gd name="connsiteX21" fmla="*/ 2207593 w 3197234"/>
                  <a:gd name="connsiteY21" fmla="*/ 754000 h 1028243"/>
                  <a:gd name="connsiteX22" fmla="*/ 2281165 w 3197234"/>
                  <a:gd name="connsiteY22" fmla="*/ 784026 h 1028243"/>
                  <a:gd name="connsiteX23" fmla="*/ 2382765 w 3197234"/>
                  <a:gd name="connsiteY23" fmla="*/ 825313 h 1028243"/>
                  <a:gd name="connsiteX24" fmla="*/ 2484365 w 3197234"/>
                  <a:gd name="connsiteY24" fmla="*/ 832819 h 1028243"/>
                  <a:gd name="connsiteX25" fmla="*/ 2562965 w 3197234"/>
                  <a:gd name="connsiteY25" fmla="*/ 792786 h 1028243"/>
                  <a:gd name="connsiteX26" fmla="*/ 2593778 w 3197234"/>
                  <a:gd name="connsiteY26" fmla="*/ 724811 h 1028243"/>
                  <a:gd name="connsiteX27" fmla="*/ 2622526 w 3197234"/>
                  <a:gd name="connsiteY27" fmla="*/ 641819 h 1028243"/>
                  <a:gd name="connsiteX28" fmla="*/ 2700318 w 3197234"/>
                  <a:gd name="connsiteY28" fmla="*/ 555494 h 1028243"/>
                  <a:gd name="connsiteX29" fmla="*/ 2792756 w 3197234"/>
                  <a:gd name="connsiteY29" fmla="*/ 537146 h 1028243"/>
                  <a:gd name="connsiteX30" fmla="*/ 2888069 w 3197234"/>
                  <a:gd name="connsiteY30" fmla="*/ 500869 h 1028243"/>
                  <a:gd name="connsiteX31" fmla="*/ 2952569 w 3197234"/>
                  <a:gd name="connsiteY31" fmla="*/ 448741 h 1028243"/>
                  <a:gd name="connsiteX32" fmla="*/ 3025510 w 3197234"/>
                  <a:gd name="connsiteY32" fmla="*/ 404536 h 1028243"/>
                  <a:gd name="connsiteX33" fmla="*/ 3134206 w 3197234"/>
                  <a:gd name="connsiteY33" fmla="*/ 424966 h 1028243"/>
                  <a:gd name="connsiteX34" fmla="*/ 3197234 w 3197234"/>
                  <a:gd name="connsiteY34" fmla="*/ 419030 h 1028243"/>
                  <a:gd name="connsiteX35" fmla="*/ 3110289 w 3197234"/>
                  <a:gd name="connsiteY35" fmla="*/ 256836 h 1028243"/>
                  <a:gd name="connsiteX36" fmla="*/ 3072368 w 3197234"/>
                  <a:gd name="connsiteY36" fmla="*/ 123340 h 1028243"/>
                  <a:gd name="connsiteX37" fmla="*/ 2987397 w 3197234"/>
                  <a:gd name="connsiteY37" fmla="*/ 25277 h 1028243"/>
                  <a:gd name="connsiteX38" fmla="*/ 218161 w 3197234"/>
                  <a:gd name="connsiteY38" fmla="*/ 0 h 1028243"/>
                  <a:gd name="connsiteX39" fmla="*/ 108062 w 3197234"/>
                  <a:gd name="connsiteY39" fmla="*/ 91114 h 1028243"/>
                  <a:gd name="connsiteX40" fmla="*/ 92947 w 3197234"/>
                  <a:gd name="connsiteY40" fmla="*/ 262322 h 1028243"/>
                  <a:gd name="connsiteX41" fmla="*/ 996 w 3197234"/>
                  <a:gd name="connsiteY41" fmla="*/ 413513 h 1028243"/>
                  <a:gd name="connsiteX0" fmla="*/ 996 w 3197234"/>
                  <a:gd name="connsiteY0" fmla="*/ 413513 h 1028243"/>
                  <a:gd name="connsiteX1" fmla="*/ 85940 w 3197234"/>
                  <a:gd name="connsiteY1" fmla="*/ 424966 h 1028243"/>
                  <a:gd name="connsiteX2" fmla="*/ 161210 w 3197234"/>
                  <a:gd name="connsiteY2" fmla="*/ 448740 h 1028243"/>
                  <a:gd name="connsiteX3" fmla="*/ 222028 w 3197234"/>
                  <a:gd name="connsiteY3" fmla="*/ 507539 h 1028243"/>
                  <a:gd name="connsiteX4" fmla="*/ 320670 w 3197234"/>
                  <a:gd name="connsiteY4" fmla="*/ 493360 h 1028243"/>
                  <a:gd name="connsiteX5" fmla="*/ 399812 w 3197234"/>
                  <a:gd name="connsiteY5" fmla="*/ 524221 h 1028243"/>
                  <a:gd name="connsiteX6" fmla="*/ 543455 w 3197234"/>
                  <a:gd name="connsiteY6" fmla="*/ 585103 h 1028243"/>
                  <a:gd name="connsiteX7" fmla="*/ 588911 w 3197234"/>
                  <a:gd name="connsiteY7" fmla="*/ 743576 h 1028243"/>
                  <a:gd name="connsiteX8" fmla="*/ 725634 w 3197234"/>
                  <a:gd name="connsiteY8" fmla="*/ 829065 h 1028243"/>
                  <a:gd name="connsiteX9" fmla="*/ 914820 w 3197234"/>
                  <a:gd name="connsiteY9" fmla="*/ 810299 h 1028243"/>
                  <a:gd name="connsiteX10" fmla="*/ 1068972 w 3197234"/>
                  <a:gd name="connsiteY10" fmla="*/ 735234 h 1028243"/>
                  <a:gd name="connsiteX11" fmla="*/ 1121524 w 3197234"/>
                  <a:gd name="connsiteY11" fmla="*/ 821558 h 1028243"/>
                  <a:gd name="connsiteX12" fmla="*/ 1188089 w 3197234"/>
                  <a:gd name="connsiteY12" fmla="*/ 907885 h 1028243"/>
                  <a:gd name="connsiteX13" fmla="*/ 1275675 w 3197234"/>
                  <a:gd name="connsiteY13" fmla="*/ 994211 h 1028243"/>
                  <a:gd name="connsiteX14" fmla="*/ 1370268 w 3197234"/>
                  <a:gd name="connsiteY14" fmla="*/ 1027989 h 1028243"/>
                  <a:gd name="connsiteX15" fmla="*/ 1524420 w 3197234"/>
                  <a:gd name="connsiteY15" fmla="*/ 964184 h 1028243"/>
                  <a:gd name="connsiteX16" fmla="*/ 1592402 w 3197234"/>
                  <a:gd name="connsiteY16" fmla="*/ 917626 h 1028243"/>
                  <a:gd name="connsiteX17" fmla="*/ 1758522 w 3197234"/>
                  <a:gd name="connsiteY17" fmla="*/ 970855 h 1028243"/>
                  <a:gd name="connsiteX18" fmla="*/ 1860751 w 3197234"/>
                  <a:gd name="connsiteY18" fmla="*/ 1001716 h 1028243"/>
                  <a:gd name="connsiteX19" fmla="*/ 1982742 w 3197234"/>
                  <a:gd name="connsiteY19" fmla="*/ 900795 h 1028243"/>
                  <a:gd name="connsiteX20" fmla="*/ 2113087 w 3197234"/>
                  <a:gd name="connsiteY20" fmla="*/ 753583 h 1028243"/>
                  <a:gd name="connsiteX21" fmla="*/ 2207593 w 3197234"/>
                  <a:gd name="connsiteY21" fmla="*/ 754000 h 1028243"/>
                  <a:gd name="connsiteX22" fmla="*/ 2281165 w 3197234"/>
                  <a:gd name="connsiteY22" fmla="*/ 784026 h 1028243"/>
                  <a:gd name="connsiteX23" fmla="*/ 2382765 w 3197234"/>
                  <a:gd name="connsiteY23" fmla="*/ 825313 h 1028243"/>
                  <a:gd name="connsiteX24" fmla="*/ 2484365 w 3197234"/>
                  <a:gd name="connsiteY24" fmla="*/ 832819 h 1028243"/>
                  <a:gd name="connsiteX25" fmla="*/ 2562965 w 3197234"/>
                  <a:gd name="connsiteY25" fmla="*/ 792786 h 1028243"/>
                  <a:gd name="connsiteX26" fmla="*/ 2593778 w 3197234"/>
                  <a:gd name="connsiteY26" fmla="*/ 724811 h 1028243"/>
                  <a:gd name="connsiteX27" fmla="*/ 2622526 w 3197234"/>
                  <a:gd name="connsiteY27" fmla="*/ 641819 h 1028243"/>
                  <a:gd name="connsiteX28" fmla="*/ 2700318 w 3197234"/>
                  <a:gd name="connsiteY28" fmla="*/ 555494 h 1028243"/>
                  <a:gd name="connsiteX29" fmla="*/ 2792756 w 3197234"/>
                  <a:gd name="connsiteY29" fmla="*/ 537146 h 1028243"/>
                  <a:gd name="connsiteX30" fmla="*/ 2888069 w 3197234"/>
                  <a:gd name="connsiteY30" fmla="*/ 500869 h 1028243"/>
                  <a:gd name="connsiteX31" fmla="*/ 2952569 w 3197234"/>
                  <a:gd name="connsiteY31" fmla="*/ 448741 h 1028243"/>
                  <a:gd name="connsiteX32" fmla="*/ 3025510 w 3197234"/>
                  <a:gd name="connsiteY32" fmla="*/ 404536 h 1028243"/>
                  <a:gd name="connsiteX33" fmla="*/ 3134206 w 3197234"/>
                  <a:gd name="connsiteY33" fmla="*/ 424966 h 1028243"/>
                  <a:gd name="connsiteX34" fmla="*/ 3197234 w 3197234"/>
                  <a:gd name="connsiteY34" fmla="*/ 419030 h 1028243"/>
                  <a:gd name="connsiteX35" fmla="*/ 3110289 w 3197234"/>
                  <a:gd name="connsiteY35" fmla="*/ 256836 h 1028243"/>
                  <a:gd name="connsiteX36" fmla="*/ 3072368 w 3197234"/>
                  <a:gd name="connsiteY36" fmla="*/ 123340 h 1028243"/>
                  <a:gd name="connsiteX37" fmla="*/ 2987397 w 3197234"/>
                  <a:gd name="connsiteY37" fmla="*/ 25277 h 1028243"/>
                  <a:gd name="connsiteX38" fmla="*/ 218161 w 3197234"/>
                  <a:gd name="connsiteY38" fmla="*/ 0 h 1028243"/>
                  <a:gd name="connsiteX39" fmla="*/ 108062 w 3197234"/>
                  <a:gd name="connsiteY39" fmla="*/ 91114 h 1028243"/>
                  <a:gd name="connsiteX40" fmla="*/ 92947 w 3197234"/>
                  <a:gd name="connsiteY40" fmla="*/ 262322 h 1028243"/>
                  <a:gd name="connsiteX41" fmla="*/ 996 w 3197234"/>
                  <a:gd name="connsiteY41" fmla="*/ 413513 h 1028243"/>
                  <a:gd name="connsiteX0" fmla="*/ 996 w 3197234"/>
                  <a:gd name="connsiteY0" fmla="*/ 413513 h 1028243"/>
                  <a:gd name="connsiteX1" fmla="*/ 85940 w 3197234"/>
                  <a:gd name="connsiteY1" fmla="*/ 424966 h 1028243"/>
                  <a:gd name="connsiteX2" fmla="*/ 161210 w 3197234"/>
                  <a:gd name="connsiteY2" fmla="*/ 448740 h 1028243"/>
                  <a:gd name="connsiteX3" fmla="*/ 222028 w 3197234"/>
                  <a:gd name="connsiteY3" fmla="*/ 507539 h 1028243"/>
                  <a:gd name="connsiteX4" fmla="*/ 320670 w 3197234"/>
                  <a:gd name="connsiteY4" fmla="*/ 493360 h 1028243"/>
                  <a:gd name="connsiteX5" fmla="*/ 399812 w 3197234"/>
                  <a:gd name="connsiteY5" fmla="*/ 524221 h 1028243"/>
                  <a:gd name="connsiteX6" fmla="*/ 543455 w 3197234"/>
                  <a:gd name="connsiteY6" fmla="*/ 585103 h 1028243"/>
                  <a:gd name="connsiteX7" fmla="*/ 588911 w 3197234"/>
                  <a:gd name="connsiteY7" fmla="*/ 743576 h 1028243"/>
                  <a:gd name="connsiteX8" fmla="*/ 725634 w 3197234"/>
                  <a:gd name="connsiteY8" fmla="*/ 829065 h 1028243"/>
                  <a:gd name="connsiteX9" fmla="*/ 914820 w 3197234"/>
                  <a:gd name="connsiteY9" fmla="*/ 810299 h 1028243"/>
                  <a:gd name="connsiteX10" fmla="*/ 1068972 w 3197234"/>
                  <a:gd name="connsiteY10" fmla="*/ 735234 h 1028243"/>
                  <a:gd name="connsiteX11" fmla="*/ 1121524 w 3197234"/>
                  <a:gd name="connsiteY11" fmla="*/ 821558 h 1028243"/>
                  <a:gd name="connsiteX12" fmla="*/ 1188089 w 3197234"/>
                  <a:gd name="connsiteY12" fmla="*/ 907885 h 1028243"/>
                  <a:gd name="connsiteX13" fmla="*/ 1275675 w 3197234"/>
                  <a:gd name="connsiteY13" fmla="*/ 994211 h 1028243"/>
                  <a:gd name="connsiteX14" fmla="*/ 1370268 w 3197234"/>
                  <a:gd name="connsiteY14" fmla="*/ 1027989 h 1028243"/>
                  <a:gd name="connsiteX15" fmla="*/ 1524420 w 3197234"/>
                  <a:gd name="connsiteY15" fmla="*/ 964184 h 1028243"/>
                  <a:gd name="connsiteX16" fmla="*/ 1592402 w 3197234"/>
                  <a:gd name="connsiteY16" fmla="*/ 917626 h 1028243"/>
                  <a:gd name="connsiteX17" fmla="*/ 1758522 w 3197234"/>
                  <a:gd name="connsiteY17" fmla="*/ 970855 h 1028243"/>
                  <a:gd name="connsiteX18" fmla="*/ 1860751 w 3197234"/>
                  <a:gd name="connsiteY18" fmla="*/ 1001716 h 1028243"/>
                  <a:gd name="connsiteX19" fmla="*/ 1982742 w 3197234"/>
                  <a:gd name="connsiteY19" fmla="*/ 900795 h 1028243"/>
                  <a:gd name="connsiteX20" fmla="*/ 2113087 w 3197234"/>
                  <a:gd name="connsiteY20" fmla="*/ 753583 h 1028243"/>
                  <a:gd name="connsiteX21" fmla="*/ 2207593 w 3197234"/>
                  <a:gd name="connsiteY21" fmla="*/ 754000 h 1028243"/>
                  <a:gd name="connsiteX22" fmla="*/ 2281165 w 3197234"/>
                  <a:gd name="connsiteY22" fmla="*/ 784026 h 1028243"/>
                  <a:gd name="connsiteX23" fmla="*/ 2382765 w 3197234"/>
                  <a:gd name="connsiteY23" fmla="*/ 825313 h 1028243"/>
                  <a:gd name="connsiteX24" fmla="*/ 2484365 w 3197234"/>
                  <a:gd name="connsiteY24" fmla="*/ 832819 h 1028243"/>
                  <a:gd name="connsiteX25" fmla="*/ 2562965 w 3197234"/>
                  <a:gd name="connsiteY25" fmla="*/ 792786 h 1028243"/>
                  <a:gd name="connsiteX26" fmla="*/ 2593778 w 3197234"/>
                  <a:gd name="connsiteY26" fmla="*/ 724811 h 1028243"/>
                  <a:gd name="connsiteX27" fmla="*/ 2622526 w 3197234"/>
                  <a:gd name="connsiteY27" fmla="*/ 641819 h 1028243"/>
                  <a:gd name="connsiteX28" fmla="*/ 2700318 w 3197234"/>
                  <a:gd name="connsiteY28" fmla="*/ 555494 h 1028243"/>
                  <a:gd name="connsiteX29" fmla="*/ 2792756 w 3197234"/>
                  <a:gd name="connsiteY29" fmla="*/ 537146 h 1028243"/>
                  <a:gd name="connsiteX30" fmla="*/ 2888069 w 3197234"/>
                  <a:gd name="connsiteY30" fmla="*/ 500869 h 1028243"/>
                  <a:gd name="connsiteX31" fmla="*/ 2952569 w 3197234"/>
                  <a:gd name="connsiteY31" fmla="*/ 448741 h 1028243"/>
                  <a:gd name="connsiteX32" fmla="*/ 3025510 w 3197234"/>
                  <a:gd name="connsiteY32" fmla="*/ 404536 h 1028243"/>
                  <a:gd name="connsiteX33" fmla="*/ 3134206 w 3197234"/>
                  <a:gd name="connsiteY33" fmla="*/ 424966 h 1028243"/>
                  <a:gd name="connsiteX34" fmla="*/ 3197234 w 3197234"/>
                  <a:gd name="connsiteY34" fmla="*/ 419030 h 1028243"/>
                  <a:gd name="connsiteX35" fmla="*/ 3110289 w 3197234"/>
                  <a:gd name="connsiteY35" fmla="*/ 256836 h 1028243"/>
                  <a:gd name="connsiteX36" fmla="*/ 3072368 w 3197234"/>
                  <a:gd name="connsiteY36" fmla="*/ 123340 h 1028243"/>
                  <a:gd name="connsiteX37" fmla="*/ 2987397 w 3197234"/>
                  <a:gd name="connsiteY37" fmla="*/ 25277 h 1028243"/>
                  <a:gd name="connsiteX38" fmla="*/ 200808 w 3197234"/>
                  <a:gd name="connsiteY38" fmla="*/ 0 h 1028243"/>
                  <a:gd name="connsiteX39" fmla="*/ 108062 w 3197234"/>
                  <a:gd name="connsiteY39" fmla="*/ 91114 h 1028243"/>
                  <a:gd name="connsiteX40" fmla="*/ 92947 w 3197234"/>
                  <a:gd name="connsiteY40" fmla="*/ 262322 h 1028243"/>
                  <a:gd name="connsiteX41" fmla="*/ 996 w 3197234"/>
                  <a:gd name="connsiteY41" fmla="*/ 413513 h 1028243"/>
                  <a:gd name="connsiteX0" fmla="*/ 996 w 3197234"/>
                  <a:gd name="connsiteY0" fmla="*/ 413513 h 1028243"/>
                  <a:gd name="connsiteX1" fmla="*/ 85940 w 3197234"/>
                  <a:gd name="connsiteY1" fmla="*/ 424966 h 1028243"/>
                  <a:gd name="connsiteX2" fmla="*/ 161210 w 3197234"/>
                  <a:gd name="connsiteY2" fmla="*/ 448740 h 1028243"/>
                  <a:gd name="connsiteX3" fmla="*/ 222028 w 3197234"/>
                  <a:gd name="connsiteY3" fmla="*/ 507539 h 1028243"/>
                  <a:gd name="connsiteX4" fmla="*/ 320670 w 3197234"/>
                  <a:gd name="connsiteY4" fmla="*/ 493360 h 1028243"/>
                  <a:gd name="connsiteX5" fmla="*/ 399812 w 3197234"/>
                  <a:gd name="connsiteY5" fmla="*/ 524221 h 1028243"/>
                  <a:gd name="connsiteX6" fmla="*/ 543455 w 3197234"/>
                  <a:gd name="connsiteY6" fmla="*/ 585103 h 1028243"/>
                  <a:gd name="connsiteX7" fmla="*/ 588911 w 3197234"/>
                  <a:gd name="connsiteY7" fmla="*/ 743576 h 1028243"/>
                  <a:gd name="connsiteX8" fmla="*/ 725634 w 3197234"/>
                  <a:gd name="connsiteY8" fmla="*/ 829065 h 1028243"/>
                  <a:gd name="connsiteX9" fmla="*/ 914820 w 3197234"/>
                  <a:gd name="connsiteY9" fmla="*/ 810299 h 1028243"/>
                  <a:gd name="connsiteX10" fmla="*/ 1068972 w 3197234"/>
                  <a:gd name="connsiteY10" fmla="*/ 735234 h 1028243"/>
                  <a:gd name="connsiteX11" fmla="*/ 1121524 w 3197234"/>
                  <a:gd name="connsiteY11" fmla="*/ 821558 h 1028243"/>
                  <a:gd name="connsiteX12" fmla="*/ 1188089 w 3197234"/>
                  <a:gd name="connsiteY12" fmla="*/ 907885 h 1028243"/>
                  <a:gd name="connsiteX13" fmla="*/ 1275675 w 3197234"/>
                  <a:gd name="connsiteY13" fmla="*/ 994211 h 1028243"/>
                  <a:gd name="connsiteX14" fmla="*/ 1370268 w 3197234"/>
                  <a:gd name="connsiteY14" fmla="*/ 1027989 h 1028243"/>
                  <a:gd name="connsiteX15" fmla="*/ 1524420 w 3197234"/>
                  <a:gd name="connsiteY15" fmla="*/ 964184 h 1028243"/>
                  <a:gd name="connsiteX16" fmla="*/ 1592402 w 3197234"/>
                  <a:gd name="connsiteY16" fmla="*/ 917626 h 1028243"/>
                  <a:gd name="connsiteX17" fmla="*/ 1758522 w 3197234"/>
                  <a:gd name="connsiteY17" fmla="*/ 970855 h 1028243"/>
                  <a:gd name="connsiteX18" fmla="*/ 1860751 w 3197234"/>
                  <a:gd name="connsiteY18" fmla="*/ 1001716 h 1028243"/>
                  <a:gd name="connsiteX19" fmla="*/ 1982742 w 3197234"/>
                  <a:gd name="connsiteY19" fmla="*/ 900795 h 1028243"/>
                  <a:gd name="connsiteX20" fmla="*/ 2113087 w 3197234"/>
                  <a:gd name="connsiteY20" fmla="*/ 753583 h 1028243"/>
                  <a:gd name="connsiteX21" fmla="*/ 2207593 w 3197234"/>
                  <a:gd name="connsiteY21" fmla="*/ 754000 h 1028243"/>
                  <a:gd name="connsiteX22" fmla="*/ 2281165 w 3197234"/>
                  <a:gd name="connsiteY22" fmla="*/ 784026 h 1028243"/>
                  <a:gd name="connsiteX23" fmla="*/ 2382765 w 3197234"/>
                  <a:gd name="connsiteY23" fmla="*/ 825313 h 1028243"/>
                  <a:gd name="connsiteX24" fmla="*/ 2484365 w 3197234"/>
                  <a:gd name="connsiteY24" fmla="*/ 832819 h 1028243"/>
                  <a:gd name="connsiteX25" fmla="*/ 2562965 w 3197234"/>
                  <a:gd name="connsiteY25" fmla="*/ 792786 h 1028243"/>
                  <a:gd name="connsiteX26" fmla="*/ 2593778 w 3197234"/>
                  <a:gd name="connsiteY26" fmla="*/ 724811 h 1028243"/>
                  <a:gd name="connsiteX27" fmla="*/ 2622526 w 3197234"/>
                  <a:gd name="connsiteY27" fmla="*/ 641819 h 1028243"/>
                  <a:gd name="connsiteX28" fmla="*/ 2700318 w 3197234"/>
                  <a:gd name="connsiteY28" fmla="*/ 555494 h 1028243"/>
                  <a:gd name="connsiteX29" fmla="*/ 2792756 w 3197234"/>
                  <a:gd name="connsiteY29" fmla="*/ 537146 h 1028243"/>
                  <a:gd name="connsiteX30" fmla="*/ 2888069 w 3197234"/>
                  <a:gd name="connsiteY30" fmla="*/ 500869 h 1028243"/>
                  <a:gd name="connsiteX31" fmla="*/ 2952569 w 3197234"/>
                  <a:gd name="connsiteY31" fmla="*/ 448741 h 1028243"/>
                  <a:gd name="connsiteX32" fmla="*/ 3025510 w 3197234"/>
                  <a:gd name="connsiteY32" fmla="*/ 404536 h 1028243"/>
                  <a:gd name="connsiteX33" fmla="*/ 3134206 w 3197234"/>
                  <a:gd name="connsiteY33" fmla="*/ 424966 h 1028243"/>
                  <a:gd name="connsiteX34" fmla="*/ 3197234 w 3197234"/>
                  <a:gd name="connsiteY34" fmla="*/ 419030 h 1028243"/>
                  <a:gd name="connsiteX35" fmla="*/ 3110289 w 3197234"/>
                  <a:gd name="connsiteY35" fmla="*/ 256836 h 1028243"/>
                  <a:gd name="connsiteX36" fmla="*/ 3072368 w 3197234"/>
                  <a:gd name="connsiteY36" fmla="*/ 123340 h 1028243"/>
                  <a:gd name="connsiteX37" fmla="*/ 2993180 w 3197234"/>
                  <a:gd name="connsiteY37" fmla="*/ 19353 h 1028243"/>
                  <a:gd name="connsiteX38" fmla="*/ 200808 w 3197234"/>
                  <a:gd name="connsiteY38" fmla="*/ 0 h 1028243"/>
                  <a:gd name="connsiteX39" fmla="*/ 108062 w 3197234"/>
                  <a:gd name="connsiteY39" fmla="*/ 91114 h 1028243"/>
                  <a:gd name="connsiteX40" fmla="*/ 92947 w 3197234"/>
                  <a:gd name="connsiteY40" fmla="*/ 262322 h 1028243"/>
                  <a:gd name="connsiteX41" fmla="*/ 996 w 3197234"/>
                  <a:gd name="connsiteY41" fmla="*/ 413513 h 1028243"/>
                  <a:gd name="connsiteX0" fmla="*/ 996 w 3200126"/>
                  <a:gd name="connsiteY0" fmla="*/ 413513 h 1028243"/>
                  <a:gd name="connsiteX1" fmla="*/ 85940 w 3200126"/>
                  <a:gd name="connsiteY1" fmla="*/ 424966 h 1028243"/>
                  <a:gd name="connsiteX2" fmla="*/ 161210 w 3200126"/>
                  <a:gd name="connsiteY2" fmla="*/ 448740 h 1028243"/>
                  <a:gd name="connsiteX3" fmla="*/ 222028 w 3200126"/>
                  <a:gd name="connsiteY3" fmla="*/ 507539 h 1028243"/>
                  <a:gd name="connsiteX4" fmla="*/ 320670 w 3200126"/>
                  <a:gd name="connsiteY4" fmla="*/ 493360 h 1028243"/>
                  <a:gd name="connsiteX5" fmla="*/ 399812 w 3200126"/>
                  <a:gd name="connsiteY5" fmla="*/ 524221 h 1028243"/>
                  <a:gd name="connsiteX6" fmla="*/ 543455 w 3200126"/>
                  <a:gd name="connsiteY6" fmla="*/ 585103 h 1028243"/>
                  <a:gd name="connsiteX7" fmla="*/ 588911 w 3200126"/>
                  <a:gd name="connsiteY7" fmla="*/ 743576 h 1028243"/>
                  <a:gd name="connsiteX8" fmla="*/ 725634 w 3200126"/>
                  <a:gd name="connsiteY8" fmla="*/ 829065 h 1028243"/>
                  <a:gd name="connsiteX9" fmla="*/ 914820 w 3200126"/>
                  <a:gd name="connsiteY9" fmla="*/ 810299 h 1028243"/>
                  <a:gd name="connsiteX10" fmla="*/ 1068972 w 3200126"/>
                  <a:gd name="connsiteY10" fmla="*/ 735234 h 1028243"/>
                  <a:gd name="connsiteX11" fmla="*/ 1121524 w 3200126"/>
                  <a:gd name="connsiteY11" fmla="*/ 821558 h 1028243"/>
                  <a:gd name="connsiteX12" fmla="*/ 1188089 w 3200126"/>
                  <a:gd name="connsiteY12" fmla="*/ 907885 h 1028243"/>
                  <a:gd name="connsiteX13" fmla="*/ 1275675 w 3200126"/>
                  <a:gd name="connsiteY13" fmla="*/ 994211 h 1028243"/>
                  <a:gd name="connsiteX14" fmla="*/ 1370268 w 3200126"/>
                  <a:gd name="connsiteY14" fmla="*/ 1027989 h 1028243"/>
                  <a:gd name="connsiteX15" fmla="*/ 1524420 w 3200126"/>
                  <a:gd name="connsiteY15" fmla="*/ 964184 h 1028243"/>
                  <a:gd name="connsiteX16" fmla="*/ 1592402 w 3200126"/>
                  <a:gd name="connsiteY16" fmla="*/ 917626 h 1028243"/>
                  <a:gd name="connsiteX17" fmla="*/ 1758522 w 3200126"/>
                  <a:gd name="connsiteY17" fmla="*/ 970855 h 1028243"/>
                  <a:gd name="connsiteX18" fmla="*/ 1860751 w 3200126"/>
                  <a:gd name="connsiteY18" fmla="*/ 1001716 h 1028243"/>
                  <a:gd name="connsiteX19" fmla="*/ 1982742 w 3200126"/>
                  <a:gd name="connsiteY19" fmla="*/ 900795 h 1028243"/>
                  <a:gd name="connsiteX20" fmla="*/ 2113087 w 3200126"/>
                  <a:gd name="connsiteY20" fmla="*/ 753583 h 1028243"/>
                  <a:gd name="connsiteX21" fmla="*/ 2207593 w 3200126"/>
                  <a:gd name="connsiteY21" fmla="*/ 754000 h 1028243"/>
                  <a:gd name="connsiteX22" fmla="*/ 2281165 w 3200126"/>
                  <a:gd name="connsiteY22" fmla="*/ 784026 h 1028243"/>
                  <a:gd name="connsiteX23" fmla="*/ 2382765 w 3200126"/>
                  <a:gd name="connsiteY23" fmla="*/ 825313 h 1028243"/>
                  <a:gd name="connsiteX24" fmla="*/ 2484365 w 3200126"/>
                  <a:gd name="connsiteY24" fmla="*/ 832819 h 1028243"/>
                  <a:gd name="connsiteX25" fmla="*/ 2562965 w 3200126"/>
                  <a:gd name="connsiteY25" fmla="*/ 792786 h 1028243"/>
                  <a:gd name="connsiteX26" fmla="*/ 2593778 w 3200126"/>
                  <a:gd name="connsiteY26" fmla="*/ 724811 h 1028243"/>
                  <a:gd name="connsiteX27" fmla="*/ 2622526 w 3200126"/>
                  <a:gd name="connsiteY27" fmla="*/ 641819 h 1028243"/>
                  <a:gd name="connsiteX28" fmla="*/ 2700318 w 3200126"/>
                  <a:gd name="connsiteY28" fmla="*/ 555494 h 1028243"/>
                  <a:gd name="connsiteX29" fmla="*/ 2792756 w 3200126"/>
                  <a:gd name="connsiteY29" fmla="*/ 537146 h 1028243"/>
                  <a:gd name="connsiteX30" fmla="*/ 2888069 w 3200126"/>
                  <a:gd name="connsiteY30" fmla="*/ 500869 h 1028243"/>
                  <a:gd name="connsiteX31" fmla="*/ 2952569 w 3200126"/>
                  <a:gd name="connsiteY31" fmla="*/ 448741 h 1028243"/>
                  <a:gd name="connsiteX32" fmla="*/ 3025510 w 3200126"/>
                  <a:gd name="connsiteY32" fmla="*/ 404536 h 1028243"/>
                  <a:gd name="connsiteX33" fmla="*/ 3134206 w 3200126"/>
                  <a:gd name="connsiteY33" fmla="*/ 424966 h 1028243"/>
                  <a:gd name="connsiteX34" fmla="*/ 3200126 w 3200126"/>
                  <a:gd name="connsiteY34" fmla="*/ 424953 h 1028243"/>
                  <a:gd name="connsiteX35" fmla="*/ 3110289 w 3200126"/>
                  <a:gd name="connsiteY35" fmla="*/ 256836 h 1028243"/>
                  <a:gd name="connsiteX36" fmla="*/ 3072368 w 3200126"/>
                  <a:gd name="connsiteY36" fmla="*/ 123340 h 1028243"/>
                  <a:gd name="connsiteX37" fmla="*/ 2993180 w 3200126"/>
                  <a:gd name="connsiteY37" fmla="*/ 19353 h 1028243"/>
                  <a:gd name="connsiteX38" fmla="*/ 200808 w 3200126"/>
                  <a:gd name="connsiteY38" fmla="*/ 0 h 1028243"/>
                  <a:gd name="connsiteX39" fmla="*/ 108062 w 3200126"/>
                  <a:gd name="connsiteY39" fmla="*/ 91114 h 1028243"/>
                  <a:gd name="connsiteX40" fmla="*/ 92947 w 3200126"/>
                  <a:gd name="connsiteY40" fmla="*/ 262322 h 1028243"/>
                  <a:gd name="connsiteX41" fmla="*/ 996 w 3200126"/>
                  <a:gd name="connsiteY41" fmla="*/ 413513 h 1028243"/>
                  <a:gd name="connsiteX0" fmla="*/ 996 w 3200126"/>
                  <a:gd name="connsiteY0" fmla="*/ 413513 h 1028243"/>
                  <a:gd name="connsiteX1" fmla="*/ 85940 w 3200126"/>
                  <a:gd name="connsiteY1" fmla="*/ 424966 h 1028243"/>
                  <a:gd name="connsiteX2" fmla="*/ 161210 w 3200126"/>
                  <a:gd name="connsiteY2" fmla="*/ 448740 h 1028243"/>
                  <a:gd name="connsiteX3" fmla="*/ 222028 w 3200126"/>
                  <a:gd name="connsiteY3" fmla="*/ 507539 h 1028243"/>
                  <a:gd name="connsiteX4" fmla="*/ 320670 w 3200126"/>
                  <a:gd name="connsiteY4" fmla="*/ 493360 h 1028243"/>
                  <a:gd name="connsiteX5" fmla="*/ 399812 w 3200126"/>
                  <a:gd name="connsiteY5" fmla="*/ 524221 h 1028243"/>
                  <a:gd name="connsiteX6" fmla="*/ 543455 w 3200126"/>
                  <a:gd name="connsiteY6" fmla="*/ 585103 h 1028243"/>
                  <a:gd name="connsiteX7" fmla="*/ 588911 w 3200126"/>
                  <a:gd name="connsiteY7" fmla="*/ 743576 h 1028243"/>
                  <a:gd name="connsiteX8" fmla="*/ 725634 w 3200126"/>
                  <a:gd name="connsiteY8" fmla="*/ 829065 h 1028243"/>
                  <a:gd name="connsiteX9" fmla="*/ 914820 w 3200126"/>
                  <a:gd name="connsiteY9" fmla="*/ 810299 h 1028243"/>
                  <a:gd name="connsiteX10" fmla="*/ 1068972 w 3200126"/>
                  <a:gd name="connsiteY10" fmla="*/ 735234 h 1028243"/>
                  <a:gd name="connsiteX11" fmla="*/ 1121524 w 3200126"/>
                  <a:gd name="connsiteY11" fmla="*/ 821558 h 1028243"/>
                  <a:gd name="connsiteX12" fmla="*/ 1188089 w 3200126"/>
                  <a:gd name="connsiteY12" fmla="*/ 907885 h 1028243"/>
                  <a:gd name="connsiteX13" fmla="*/ 1275675 w 3200126"/>
                  <a:gd name="connsiteY13" fmla="*/ 994211 h 1028243"/>
                  <a:gd name="connsiteX14" fmla="*/ 1370268 w 3200126"/>
                  <a:gd name="connsiteY14" fmla="*/ 1027989 h 1028243"/>
                  <a:gd name="connsiteX15" fmla="*/ 1524420 w 3200126"/>
                  <a:gd name="connsiteY15" fmla="*/ 964184 h 1028243"/>
                  <a:gd name="connsiteX16" fmla="*/ 1592402 w 3200126"/>
                  <a:gd name="connsiteY16" fmla="*/ 917626 h 1028243"/>
                  <a:gd name="connsiteX17" fmla="*/ 1758522 w 3200126"/>
                  <a:gd name="connsiteY17" fmla="*/ 970855 h 1028243"/>
                  <a:gd name="connsiteX18" fmla="*/ 1860751 w 3200126"/>
                  <a:gd name="connsiteY18" fmla="*/ 1001716 h 1028243"/>
                  <a:gd name="connsiteX19" fmla="*/ 1982742 w 3200126"/>
                  <a:gd name="connsiteY19" fmla="*/ 900795 h 1028243"/>
                  <a:gd name="connsiteX20" fmla="*/ 2113087 w 3200126"/>
                  <a:gd name="connsiteY20" fmla="*/ 753583 h 1028243"/>
                  <a:gd name="connsiteX21" fmla="*/ 2207593 w 3200126"/>
                  <a:gd name="connsiteY21" fmla="*/ 754000 h 1028243"/>
                  <a:gd name="connsiteX22" fmla="*/ 2281165 w 3200126"/>
                  <a:gd name="connsiteY22" fmla="*/ 784026 h 1028243"/>
                  <a:gd name="connsiteX23" fmla="*/ 2382765 w 3200126"/>
                  <a:gd name="connsiteY23" fmla="*/ 825313 h 1028243"/>
                  <a:gd name="connsiteX24" fmla="*/ 2484365 w 3200126"/>
                  <a:gd name="connsiteY24" fmla="*/ 832819 h 1028243"/>
                  <a:gd name="connsiteX25" fmla="*/ 2562965 w 3200126"/>
                  <a:gd name="connsiteY25" fmla="*/ 792786 h 1028243"/>
                  <a:gd name="connsiteX26" fmla="*/ 2593778 w 3200126"/>
                  <a:gd name="connsiteY26" fmla="*/ 724811 h 1028243"/>
                  <a:gd name="connsiteX27" fmla="*/ 2622526 w 3200126"/>
                  <a:gd name="connsiteY27" fmla="*/ 641819 h 1028243"/>
                  <a:gd name="connsiteX28" fmla="*/ 2700318 w 3200126"/>
                  <a:gd name="connsiteY28" fmla="*/ 555494 h 1028243"/>
                  <a:gd name="connsiteX29" fmla="*/ 2792756 w 3200126"/>
                  <a:gd name="connsiteY29" fmla="*/ 537146 h 1028243"/>
                  <a:gd name="connsiteX30" fmla="*/ 2888069 w 3200126"/>
                  <a:gd name="connsiteY30" fmla="*/ 500869 h 1028243"/>
                  <a:gd name="connsiteX31" fmla="*/ 2952569 w 3200126"/>
                  <a:gd name="connsiteY31" fmla="*/ 448741 h 1028243"/>
                  <a:gd name="connsiteX32" fmla="*/ 3025510 w 3200126"/>
                  <a:gd name="connsiteY32" fmla="*/ 404536 h 1028243"/>
                  <a:gd name="connsiteX33" fmla="*/ 3151559 w 3200126"/>
                  <a:gd name="connsiteY33" fmla="*/ 454583 h 1028243"/>
                  <a:gd name="connsiteX34" fmla="*/ 3200126 w 3200126"/>
                  <a:gd name="connsiteY34" fmla="*/ 424953 h 1028243"/>
                  <a:gd name="connsiteX35" fmla="*/ 3110289 w 3200126"/>
                  <a:gd name="connsiteY35" fmla="*/ 256836 h 1028243"/>
                  <a:gd name="connsiteX36" fmla="*/ 3072368 w 3200126"/>
                  <a:gd name="connsiteY36" fmla="*/ 123340 h 1028243"/>
                  <a:gd name="connsiteX37" fmla="*/ 2993180 w 3200126"/>
                  <a:gd name="connsiteY37" fmla="*/ 19353 h 1028243"/>
                  <a:gd name="connsiteX38" fmla="*/ 200808 w 3200126"/>
                  <a:gd name="connsiteY38" fmla="*/ 0 h 1028243"/>
                  <a:gd name="connsiteX39" fmla="*/ 108062 w 3200126"/>
                  <a:gd name="connsiteY39" fmla="*/ 91114 h 1028243"/>
                  <a:gd name="connsiteX40" fmla="*/ 92947 w 3200126"/>
                  <a:gd name="connsiteY40" fmla="*/ 262322 h 1028243"/>
                  <a:gd name="connsiteX41" fmla="*/ 996 w 3200126"/>
                  <a:gd name="connsiteY41" fmla="*/ 413513 h 1028243"/>
                  <a:gd name="connsiteX0" fmla="*/ 996 w 3208801"/>
                  <a:gd name="connsiteY0" fmla="*/ 413513 h 1028243"/>
                  <a:gd name="connsiteX1" fmla="*/ 85940 w 3208801"/>
                  <a:gd name="connsiteY1" fmla="*/ 424966 h 1028243"/>
                  <a:gd name="connsiteX2" fmla="*/ 161210 w 3208801"/>
                  <a:gd name="connsiteY2" fmla="*/ 448740 h 1028243"/>
                  <a:gd name="connsiteX3" fmla="*/ 222028 w 3208801"/>
                  <a:gd name="connsiteY3" fmla="*/ 507539 h 1028243"/>
                  <a:gd name="connsiteX4" fmla="*/ 320670 w 3208801"/>
                  <a:gd name="connsiteY4" fmla="*/ 493360 h 1028243"/>
                  <a:gd name="connsiteX5" fmla="*/ 399812 w 3208801"/>
                  <a:gd name="connsiteY5" fmla="*/ 524221 h 1028243"/>
                  <a:gd name="connsiteX6" fmla="*/ 543455 w 3208801"/>
                  <a:gd name="connsiteY6" fmla="*/ 585103 h 1028243"/>
                  <a:gd name="connsiteX7" fmla="*/ 588911 w 3208801"/>
                  <a:gd name="connsiteY7" fmla="*/ 743576 h 1028243"/>
                  <a:gd name="connsiteX8" fmla="*/ 725634 w 3208801"/>
                  <a:gd name="connsiteY8" fmla="*/ 829065 h 1028243"/>
                  <a:gd name="connsiteX9" fmla="*/ 914820 w 3208801"/>
                  <a:gd name="connsiteY9" fmla="*/ 810299 h 1028243"/>
                  <a:gd name="connsiteX10" fmla="*/ 1068972 w 3208801"/>
                  <a:gd name="connsiteY10" fmla="*/ 735234 h 1028243"/>
                  <a:gd name="connsiteX11" fmla="*/ 1121524 w 3208801"/>
                  <a:gd name="connsiteY11" fmla="*/ 821558 h 1028243"/>
                  <a:gd name="connsiteX12" fmla="*/ 1188089 w 3208801"/>
                  <a:gd name="connsiteY12" fmla="*/ 907885 h 1028243"/>
                  <a:gd name="connsiteX13" fmla="*/ 1275675 w 3208801"/>
                  <a:gd name="connsiteY13" fmla="*/ 994211 h 1028243"/>
                  <a:gd name="connsiteX14" fmla="*/ 1370268 w 3208801"/>
                  <a:gd name="connsiteY14" fmla="*/ 1027989 h 1028243"/>
                  <a:gd name="connsiteX15" fmla="*/ 1524420 w 3208801"/>
                  <a:gd name="connsiteY15" fmla="*/ 964184 h 1028243"/>
                  <a:gd name="connsiteX16" fmla="*/ 1592402 w 3208801"/>
                  <a:gd name="connsiteY16" fmla="*/ 917626 h 1028243"/>
                  <a:gd name="connsiteX17" fmla="*/ 1758522 w 3208801"/>
                  <a:gd name="connsiteY17" fmla="*/ 970855 h 1028243"/>
                  <a:gd name="connsiteX18" fmla="*/ 1860751 w 3208801"/>
                  <a:gd name="connsiteY18" fmla="*/ 1001716 h 1028243"/>
                  <a:gd name="connsiteX19" fmla="*/ 1982742 w 3208801"/>
                  <a:gd name="connsiteY19" fmla="*/ 900795 h 1028243"/>
                  <a:gd name="connsiteX20" fmla="*/ 2113087 w 3208801"/>
                  <a:gd name="connsiteY20" fmla="*/ 753583 h 1028243"/>
                  <a:gd name="connsiteX21" fmla="*/ 2207593 w 3208801"/>
                  <a:gd name="connsiteY21" fmla="*/ 754000 h 1028243"/>
                  <a:gd name="connsiteX22" fmla="*/ 2281165 w 3208801"/>
                  <a:gd name="connsiteY22" fmla="*/ 784026 h 1028243"/>
                  <a:gd name="connsiteX23" fmla="*/ 2382765 w 3208801"/>
                  <a:gd name="connsiteY23" fmla="*/ 825313 h 1028243"/>
                  <a:gd name="connsiteX24" fmla="*/ 2484365 w 3208801"/>
                  <a:gd name="connsiteY24" fmla="*/ 832819 h 1028243"/>
                  <a:gd name="connsiteX25" fmla="*/ 2562965 w 3208801"/>
                  <a:gd name="connsiteY25" fmla="*/ 792786 h 1028243"/>
                  <a:gd name="connsiteX26" fmla="*/ 2593778 w 3208801"/>
                  <a:gd name="connsiteY26" fmla="*/ 724811 h 1028243"/>
                  <a:gd name="connsiteX27" fmla="*/ 2622526 w 3208801"/>
                  <a:gd name="connsiteY27" fmla="*/ 641819 h 1028243"/>
                  <a:gd name="connsiteX28" fmla="*/ 2700318 w 3208801"/>
                  <a:gd name="connsiteY28" fmla="*/ 555494 h 1028243"/>
                  <a:gd name="connsiteX29" fmla="*/ 2792756 w 3208801"/>
                  <a:gd name="connsiteY29" fmla="*/ 537146 h 1028243"/>
                  <a:gd name="connsiteX30" fmla="*/ 2888069 w 3208801"/>
                  <a:gd name="connsiteY30" fmla="*/ 500869 h 1028243"/>
                  <a:gd name="connsiteX31" fmla="*/ 2952569 w 3208801"/>
                  <a:gd name="connsiteY31" fmla="*/ 448741 h 1028243"/>
                  <a:gd name="connsiteX32" fmla="*/ 3025510 w 3208801"/>
                  <a:gd name="connsiteY32" fmla="*/ 404536 h 1028243"/>
                  <a:gd name="connsiteX33" fmla="*/ 3151559 w 3208801"/>
                  <a:gd name="connsiteY33" fmla="*/ 454583 h 1028243"/>
                  <a:gd name="connsiteX34" fmla="*/ 3208801 w 3208801"/>
                  <a:gd name="connsiteY34" fmla="*/ 424953 h 1028243"/>
                  <a:gd name="connsiteX35" fmla="*/ 3110289 w 3208801"/>
                  <a:gd name="connsiteY35" fmla="*/ 256836 h 1028243"/>
                  <a:gd name="connsiteX36" fmla="*/ 3072368 w 3208801"/>
                  <a:gd name="connsiteY36" fmla="*/ 123340 h 1028243"/>
                  <a:gd name="connsiteX37" fmla="*/ 2993180 w 3208801"/>
                  <a:gd name="connsiteY37" fmla="*/ 19353 h 1028243"/>
                  <a:gd name="connsiteX38" fmla="*/ 200808 w 3208801"/>
                  <a:gd name="connsiteY38" fmla="*/ 0 h 1028243"/>
                  <a:gd name="connsiteX39" fmla="*/ 108062 w 3208801"/>
                  <a:gd name="connsiteY39" fmla="*/ 91114 h 1028243"/>
                  <a:gd name="connsiteX40" fmla="*/ 92947 w 3208801"/>
                  <a:gd name="connsiteY40" fmla="*/ 262322 h 1028243"/>
                  <a:gd name="connsiteX41" fmla="*/ 996 w 3208801"/>
                  <a:gd name="connsiteY41" fmla="*/ 413513 h 1028243"/>
                  <a:gd name="connsiteX0" fmla="*/ 996 w 3208859"/>
                  <a:gd name="connsiteY0" fmla="*/ 413513 h 1028243"/>
                  <a:gd name="connsiteX1" fmla="*/ 85940 w 3208859"/>
                  <a:gd name="connsiteY1" fmla="*/ 424966 h 1028243"/>
                  <a:gd name="connsiteX2" fmla="*/ 161210 w 3208859"/>
                  <a:gd name="connsiteY2" fmla="*/ 448740 h 1028243"/>
                  <a:gd name="connsiteX3" fmla="*/ 222028 w 3208859"/>
                  <a:gd name="connsiteY3" fmla="*/ 507539 h 1028243"/>
                  <a:gd name="connsiteX4" fmla="*/ 320670 w 3208859"/>
                  <a:gd name="connsiteY4" fmla="*/ 493360 h 1028243"/>
                  <a:gd name="connsiteX5" fmla="*/ 399812 w 3208859"/>
                  <a:gd name="connsiteY5" fmla="*/ 524221 h 1028243"/>
                  <a:gd name="connsiteX6" fmla="*/ 543455 w 3208859"/>
                  <a:gd name="connsiteY6" fmla="*/ 585103 h 1028243"/>
                  <a:gd name="connsiteX7" fmla="*/ 588911 w 3208859"/>
                  <a:gd name="connsiteY7" fmla="*/ 743576 h 1028243"/>
                  <a:gd name="connsiteX8" fmla="*/ 725634 w 3208859"/>
                  <a:gd name="connsiteY8" fmla="*/ 829065 h 1028243"/>
                  <a:gd name="connsiteX9" fmla="*/ 914820 w 3208859"/>
                  <a:gd name="connsiteY9" fmla="*/ 810299 h 1028243"/>
                  <a:gd name="connsiteX10" fmla="*/ 1068972 w 3208859"/>
                  <a:gd name="connsiteY10" fmla="*/ 735234 h 1028243"/>
                  <a:gd name="connsiteX11" fmla="*/ 1121524 w 3208859"/>
                  <a:gd name="connsiteY11" fmla="*/ 821558 h 1028243"/>
                  <a:gd name="connsiteX12" fmla="*/ 1188089 w 3208859"/>
                  <a:gd name="connsiteY12" fmla="*/ 907885 h 1028243"/>
                  <a:gd name="connsiteX13" fmla="*/ 1275675 w 3208859"/>
                  <a:gd name="connsiteY13" fmla="*/ 994211 h 1028243"/>
                  <a:gd name="connsiteX14" fmla="*/ 1370268 w 3208859"/>
                  <a:gd name="connsiteY14" fmla="*/ 1027989 h 1028243"/>
                  <a:gd name="connsiteX15" fmla="*/ 1524420 w 3208859"/>
                  <a:gd name="connsiteY15" fmla="*/ 964184 h 1028243"/>
                  <a:gd name="connsiteX16" fmla="*/ 1592402 w 3208859"/>
                  <a:gd name="connsiteY16" fmla="*/ 917626 h 1028243"/>
                  <a:gd name="connsiteX17" fmla="*/ 1758522 w 3208859"/>
                  <a:gd name="connsiteY17" fmla="*/ 970855 h 1028243"/>
                  <a:gd name="connsiteX18" fmla="*/ 1860751 w 3208859"/>
                  <a:gd name="connsiteY18" fmla="*/ 1001716 h 1028243"/>
                  <a:gd name="connsiteX19" fmla="*/ 1982742 w 3208859"/>
                  <a:gd name="connsiteY19" fmla="*/ 900795 h 1028243"/>
                  <a:gd name="connsiteX20" fmla="*/ 2113087 w 3208859"/>
                  <a:gd name="connsiteY20" fmla="*/ 753583 h 1028243"/>
                  <a:gd name="connsiteX21" fmla="*/ 2207593 w 3208859"/>
                  <a:gd name="connsiteY21" fmla="*/ 754000 h 1028243"/>
                  <a:gd name="connsiteX22" fmla="*/ 2281165 w 3208859"/>
                  <a:gd name="connsiteY22" fmla="*/ 784026 h 1028243"/>
                  <a:gd name="connsiteX23" fmla="*/ 2382765 w 3208859"/>
                  <a:gd name="connsiteY23" fmla="*/ 825313 h 1028243"/>
                  <a:gd name="connsiteX24" fmla="*/ 2484365 w 3208859"/>
                  <a:gd name="connsiteY24" fmla="*/ 832819 h 1028243"/>
                  <a:gd name="connsiteX25" fmla="*/ 2562965 w 3208859"/>
                  <a:gd name="connsiteY25" fmla="*/ 792786 h 1028243"/>
                  <a:gd name="connsiteX26" fmla="*/ 2593778 w 3208859"/>
                  <a:gd name="connsiteY26" fmla="*/ 724811 h 1028243"/>
                  <a:gd name="connsiteX27" fmla="*/ 2622526 w 3208859"/>
                  <a:gd name="connsiteY27" fmla="*/ 641819 h 1028243"/>
                  <a:gd name="connsiteX28" fmla="*/ 2700318 w 3208859"/>
                  <a:gd name="connsiteY28" fmla="*/ 555494 h 1028243"/>
                  <a:gd name="connsiteX29" fmla="*/ 2792756 w 3208859"/>
                  <a:gd name="connsiteY29" fmla="*/ 537146 h 1028243"/>
                  <a:gd name="connsiteX30" fmla="*/ 2888069 w 3208859"/>
                  <a:gd name="connsiteY30" fmla="*/ 500869 h 1028243"/>
                  <a:gd name="connsiteX31" fmla="*/ 2952569 w 3208859"/>
                  <a:gd name="connsiteY31" fmla="*/ 448741 h 1028243"/>
                  <a:gd name="connsiteX32" fmla="*/ 3025510 w 3208859"/>
                  <a:gd name="connsiteY32" fmla="*/ 404536 h 1028243"/>
                  <a:gd name="connsiteX33" fmla="*/ 3151559 w 3208859"/>
                  <a:gd name="connsiteY33" fmla="*/ 454583 h 1028243"/>
                  <a:gd name="connsiteX34" fmla="*/ 3208801 w 3208859"/>
                  <a:gd name="connsiteY34" fmla="*/ 424953 h 1028243"/>
                  <a:gd name="connsiteX35" fmla="*/ 3158767 w 3208859"/>
                  <a:gd name="connsiteY35" fmla="*/ 338221 h 1028243"/>
                  <a:gd name="connsiteX36" fmla="*/ 3110289 w 3208859"/>
                  <a:gd name="connsiteY36" fmla="*/ 256836 h 1028243"/>
                  <a:gd name="connsiteX37" fmla="*/ 3072368 w 3208859"/>
                  <a:gd name="connsiteY37" fmla="*/ 123340 h 1028243"/>
                  <a:gd name="connsiteX38" fmla="*/ 2993180 w 3208859"/>
                  <a:gd name="connsiteY38" fmla="*/ 19353 h 1028243"/>
                  <a:gd name="connsiteX39" fmla="*/ 200808 w 3208859"/>
                  <a:gd name="connsiteY39" fmla="*/ 0 h 1028243"/>
                  <a:gd name="connsiteX40" fmla="*/ 108062 w 3208859"/>
                  <a:gd name="connsiteY40" fmla="*/ 91114 h 1028243"/>
                  <a:gd name="connsiteX41" fmla="*/ 92947 w 3208859"/>
                  <a:gd name="connsiteY41" fmla="*/ 262322 h 1028243"/>
                  <a:gd name="connsiteX42" fmla="*/ 996 w 3208859"/>
                  <a:gd name="connsiteY42" fmla="*/ 413513 h 1028243"/>
                  <a:gd name="connsiteX0" fmla="*/ 996 w 3208875"/>
                  <a:gd name="connsiteY0" fmla="*/ 413513 h 1028243"/>
                  <a:gd name="connsiteX1" fmla="*/ 85940 w 3208875"/>
                  <a:gd name="connsiteY1" fmla="*/ 424966 h 1028243"/>
                  <a:gd name="connsiteX2" fmla="*/ 161210 w 3208875"/>
                  <a:gd name="connsiteY2" fmla="*/ 448740 h 1028243"/>
                  <a:gd name="connsiteX3" fmla="*/ 222028 w 3208875"/>
                  <a:gd name="connsiteY3" fmla="*/ 507539 h 1028243"/>
                  <a:gd name="connsiteX4" fmla="*/ 320670 w 3208875"/>
                  <a:gd name="connsiteY4" fmla="*/ 493360 h 1028243"/>
                  <a:gd name="connsiteX5" fmla="*/ 399812 w 3208875"/>
                  <a:gd name="connsiteY5" fmla="*/ 524221 h 1028243"/>
                  <a:gd name="connsiteX6" fmla="*/ 543455 w 3208875"/>
                  <a:gd name="connsiteY6" fmla="*/ 585103 h 1028243"/>
                  <a:gd name="connsiteX7" fmla="*/ 588911 w 3208875"/>
                  <a:gd name="connsiteY7" fmla="*/ 743576 h 1028243"/>
                  <a:gd name="connsiteX8" fmla="*/ 725634 w 3208875"/>
                  <a:gd name="connsiteY8" fmla="*/ 829065 h 1028243"/>
                  <a:gd name="connsiteX9" fmla="*/ 914820 w 3208875"/>
                  <a:gd name="connsiteY9" fmla="*/ 810299 h 1028243"/>
                  <a:gd name="connsiteX10" fmla="*/ 1068972 w 3208875"/>
                  <a:gd name="connsiteY10" fmla="*/ 735234 h 1028243"/>
                  <a:gd name="connsiteX11" fmla="*/ 1121524 w 3208875"/>
                  <a:gd name="connsiteY11" fmla="*/ 821558 h 1028243"/>
                  <a:gd name="connsiteX12" fmla="*/ 1188089 w 3208875"/>
                  <a:gd name="connsiteY12" fmla="*/ 907885 h 1028243"/>
                  <a:gd name="connsiteX13" fmla="*/ 1275675 w 3208875"/>
                  <a:gd name="connsiteY13" fmla="*/ 994211 h 1028243"/>
                  <a:gd name="connsiteX14" fmla="*/ 1370268 w 3208875"/>
                  <a:gd name="connsiteY14" fmla="*/ 1027989 h 1028243"/>
                  <a:gd name="connsiteX15" fmla="*/ 1524420 w 3208875"/>
                  <a:gd name="connsiteY15" fmla="*/ 964184 h 1028243"/>
                  <a:gd name="connsiteX16" fmla="*/ 1592402 w 3208875"/>
                  <a:gd name="connsiteY16" fmla="*/ 917626 h 1028243"/>
                  <a:gd name="connsiteX17" fmla="*/ 1758522 w 3208875"/>
                  <a:gd name="connsiteY17" fmla="*/ 970855 h 1028243"/>
                  <a:gd name="connsiteX18" fmla="*/ 1860751 w 3208875"/>
                  <a:gd name="connsiteY18" fmla="*/ 1001716 h 1028243"/>
                  <a:gd name="connsiteX19" fmla="*/ 1982742 w 3208875"/>
                  <a:gd name="connsiteY19" fmla="*/ 900795 h 1028243"/>
                  <a:gd name="connsiteX20" fmla="*/ 2113087 w 3208875"/>
                  <a:gd name="connsiteY20" fmla="*/ 753583 h 1028243"/>
                  <a:gd name="connsiteX21" fmla="*/ 2207593 w 3208875"/>
                  <a:gd name="connsiteY21" fmla="*/ 754000 h 1028243"/>
                  <a:gd name="connsiteX22" fmla="*/ 2281165 w 3208875"/>
                  <a:gd name="connsiteY22" fmla="*/ 784026 h 1028243"/>
                  <a:gd name="connsiteX23" fmla="*/ 2382765 w 3208875"/>
                  <a:gd name="connsiteY23" fmla="*/ 825313 h 1028243"/>
                  <a:gd name="connsiteX24" fmla="*/ 2484365 w 3208875"/>
                  <a:gd name="connsiteY24" fmla="*/ 832819 h 1028243"/>
                  <a:gd name="connsiteX25" fmla="*/ 2562965 w 3208875"/>
                  <a:gd name="connsiteY25" fmla="*/ 792786 h 1028243"/>
                  <a:gd name="connsiteX26" fmla="*/ 2593778 w 3208875"/>
                  <a:gd name="connsiteY26" fmla="*/ 724811 h 1028243"/>
                  <a:gd name="connsiteX27" fmla="*/ 2622526 w 3208875"/>
                  <a:gd name="connsiteY27" fmla="*/ 641819 h 1028243"/>
                  <a:gd name="connsiteX28" fmla="*/ 2700318 w 3208875"/>
                  <a:gd name="connsiteY28" fmla="*/ 555494 h 1028243"/>
                  <a:gd name="connsiteX29" fmla="*/ 2792756 w 3208875"/>
                  <a:gd name="connsiteY29" fmla="*/ 537146 h 1028243"/>
                  <a:gd name="connsiteX30" fmla="*/ 2888069 w 3208875"/>
                  <a:gd name="connsiteY30" fmla="*/ 500869 h 1028243"/>
                  <a:gd name="connsiteX31" fmla="*/ 2952569 w 3208875"/>
                  <a:gd name="connsiteY31" fmla="*/ 448741 h 1028243"/>
                  <a:gd name="connsiteX32" fmla="*/ 3025510 w 3208875"/>
                  <a:gd name="connsiteY32" fmla="*/ 404536 h 1028243"/>
                  <a:gd name="connsiteX33" fmla="*/ 3151559 w 3208875"/>
                  <a:gd name="connsiteY33" fmla="*/ 454583 h 1028243"/>
                  <a:gd name="connsiteX34" fmla="*/ 3208801 w 3208875"/>
                  <a:gd name="connsiteY34" fmla="*/ 424953 h 1028243"/>
                  <a:gd name="connsiteX35" fmla="*/ 3158767 w 3208875"/>
                  <a:gd name="connsiteY35" fmla="*/ 338221 h 1028243"/>
                  <a:gd name="connsiteX36" fmla="*/ 3110289 w 3208875"/>
                  <a:gd name="connsiteY36" fmla="*/ 256836 h 1028243"/>
                  <a:gd name="connsiteX37" fmla="*/ 3072368 w 3208875"/>
                  <a:gd name="connsiteY37" fmla="*/ 123340 h 1028243"/>
                  <a:gd name="connsiteX38" fmla="*/ 2993180 w 3208875"/>
                  <a:gd name="connsiteY38" fmla="*/ 19353 h 1028243"/>
                  <a:gd name="connsiteX39" fmla="*/ 200808 w 3208875"/>
                  <a:gd name="connsiteY39" fmla="*/ 0 h 1028243"/>
                  <a:gd name="connsiteX40" fmla="*/ 108062 w 3208875"/>
                  <a:gd name="connsiteY40" fmla="*/ 91114 h 1028243"/>
                  <a:gd name="connsiteX41" fmla="*/ 92947 w 3208875"/>
                  <a:gd name="connsiteY41" fmla="*/ 262322 h 1028243"/>
                  <a:gd name="connsiteX42" fmla="*/ 996 w 3208875"/>
                  <a:gd name="connsiteY42" fmla="*/ 413513 h 1028243"/>
                  <a:gd name="connsiteX0" fmla="*/ 996 w 3208876"/>
                  <a:gd name="connsiteY0" fmla="*/ 413513 h 1028243"/>
                  <a:gd name="connsiteX1" fmla="*/ 85940 w 3208876"/>
                  <a:gd name="connsiteY1" fmla="*/ 424966 h 1028243"/>
                  <a:gd name="connsiteX2" fmla="*/ 161210 w 3208876"/>
                  <a:gd name="connsiteY2" fmla="*/ 448740 h 1028243"/>
                  <a:gd name="connsiteX3" fmla="*/ 222028 w 3208876"/>
                  <a:gd name="connsiteY3" fmla="*/ 507539 h 1028243"/>
                  <a:gd name="connsiteX4" fmla="*/ 320670 w 3208876"/>
                  <a:gd name="connsiteY4" fmla="*/ 493360 h 1028243"/>
                  <a:gd name="connsiteX5" fmla="*/ 399812 w 3208876"/>
                  <a:gd name="connsiteY5" fmla="*/ 524221 h 1028243"/>
                  <a:gd name="connsiteX6" fmla="*/ 543455 w 3208876"/>
                  <a:gd name="connsiteY6" fmla="*/ 585103 h 1028243"/>
                  <a:gd name="connsiteX7" fmla="*/ 588911 w 3208876"/>
                  <a:gd name="connsiteY7" fmla="*/ 743576 h 1028243"/>
                  <a:gd name="connsiteX8" fmla="*/ 725634 w 3208876"/>
                  <a:gd name="connsiteY8" fmla="*/ 829065 h 1028243"/>
                  <a:gd name="connsiteX9" fmla="*/ 914820 w 3208876"/>
                  <a:gd name="connsiteY9" fmla="*/ 810299 h 1028243"/>
                  <a:gd name="connsiteX10" fmla="*/ 1068972 w 3208876"/>
                  <a:gd name="connsiteY10" fmla="*/ 735234 h 1028243"/>
                  <a:gd name="connsiteX11" fmla="*/ 1121524 w 3208876"/>
                  <a:gd name="connsiteY11" fmla="*/ 821558 h 1028243"/>
                  <a:gd name="connsiteX12" fmla="*/ 1188089 w 3208876"/>
                  <a:gd name="connsiteY12" fmla="*/ 907885 h 1028243"/>
                  <a:gd name="connsiteX13" fmla="*/ 1275675 w 3208876"/>
                  <a:gd name="connsiteY13" fmla="*/ 994211 h 1028243"/>
                  <a:gd name="connsiteX14" fmla="*/ 1370268 w 3208876"/>
                  <a:gd name="connsiteY14" fmla="*/ 1027989 h 1028243"/>
                  <a:gd name="connsiteX15" fmla="*/ 1524420 w 3208876"/>
                  <a:gd name="connsiteY15" fmla="*/ 964184 h 1028243"/>
                  <a:gd name="connsiteX16" fmla="*/ 1592402 w 3208876"/>
                  <a:gd name="connsiteY16" fmla="*/ 917626 h 1028243"/>
                  <a:gd name="connsiteX17" fmla="*/ 1758522 w 3208876"/>
                  <a:gd name="connsiteY17" fmla="*/ 970855 h 1028243"/>
                  <a:gd name="connsiteX18" fmla="*/ 1860751 w 3208876"/>
                  <a:gd name="connsiteY18" fmla="*/ 1001716 h 1028243"/>
                  <a:gd name="connsiteX19" fmla="*/ 1982742 w 3208876"/>
                  <a:gd name="connsiteY19" fmla="*/ 900795 h 1028243"/>
                  <a:gd name="connsiteX20" fmla="*/ 2113087 w 3208876"/>
                  <a:gd name="connsiteY20" fmla="*/ 753583 h 1028243"/>
                  <a:gd name="connsiteX21" fmla="*/ 2207593 w 3208876"/>
                  <a:gd name="connsiteY21" fmla="*/ 754000 h 1028243"/>
                  <a:gd name="connsiteX22" fmla="*/ 2281165 w 3208876"/>
                  <a:gd name="connsiteY22" fmla="*/ 784026 h 1028243"/>
                  <a:gd name="connsiteX23" fmla="*/ 2382765 w 3208876"/>
                  <a:gd name="connsiteY23" fmla="*/ 825313 h 1028243"/>
                  <a:gd name="connsiteX24" fmla="*/ 2484365 w 3208876"/>
                  <a:gd name="connsiteY24" fmla="*/ 832819 h 1028243"/>
                  <a:gd name="connsiteX25" fmla="*/ 2562965 w 3208876"/>
                  <a:gd name="connsiteY25" fmla="*/ 792786 h 1028243"/>
                  <a:gd name="connsiteX26" fmla="*/ 2593778 w 3208876"/>
                  <a:gd name="connsiteY26" fmla="*/ 724811 h 1028243"/>
                  <a:gd name="connsiteX27" fmla="*/ 2622526 w 3208876"/>
                  <a:gd name="connsiteY27" fmla="*/ 641819 h 1028243"/>
                  <a:gd name="connsiteX28" fmla="*/ 2708994 w 3208876"/>
                  <a:gd name="connsiteY28" fmla="*/ 582151 h 1028243"/>
                  <a:gd name="connsiteX29" fmla="*/ 2792756 w 3208876"/>
                  <a:gd name="connsiteY29" fmla="*/ 537146 h 1028243"/>
                  <a:gd name="connsiteX30" fmla="*/ 2888069 w 3208876"/>
                  <a:gd name="connsiteY30" fmla="*/ 500869 h 1028243"/>
                  <a:gd name="connsiteX31" fmla="*/ 2952569 w 3208876"/>
                  <a:gd name="connsiteY31" fmla="*/ 448741 h 1028243"/>
                  <a:gd name="connsiteX32" fmla="*/ 3025510 w 3208876"/>
                  <a:gd name="connsiteY32" fmla="*/ 404536 h 1028243"/>
                  <a:gd name="connsiteX33" fmla="*/ 3151559 w 3208876"/>
                  <a:gd name="connsiteY33" fmla="*/ 454583 h 1028243"/>
                  <a:gd name="connsiteX34" fmla="*/ 3208801 w 3208876"/>
                  <a:gd name="connsiteY34" fmla="*/ 424953 h 1028243"/>
                  <a:gd name="connsiteX35" fmla="*/ 3158767 w 3208876"/>
                  <a:gd name="connsiteY35" fmla="*/ 338221 h 1028243"/>
                  <a:gd name="connsiteX36" fmla="*/ 3110289 w 3208876"/>
                  <a:gd name="connsiteY36" fmla="*/ 256836 h 1028243"/>
                  <a:gd name="connsiteX37" fmla="*/ 3072368 w 3208876"/>
                  <a:gd name="connsiteY37" fmla="*/ 123340 h 1028243"/>
                  <a:gd name="connsiteX38" fmla="*/ 2993180 w 3208876"/>
                  <a:gd name="connsiteY38" fmla="*/ 19353 h 1028243"/>
                  <a:gd name="connsiteX39" fmla="*/ 200808 w 3208876"/>
                  <a:gd name="connsiteY39" fmla="*/ 0 h 1028243"/>
                  <a:gd name="connsiteX40" fmla="*/ 108062 w 3208876"/>
                  <a:gd name="connsiteY40" fmla="*/ 91114 h 1028243"/>
                  <a:gd name="connsiteX41" fmla="*/ 92947 w 3208876"/>
                  <a:gd name="connsiteY41" fmla="*/ 262322 h 1028243"/>
                  <a:gd name="connsiteX42" fmla="*/ 996 w 3208876"/>
                  <a:gd name="connsiteY42" fmla="*/ 413513 h 1028243"/>
                  <a:gd name="connsiteX0" fmla="*/ 996 w 3208876"/>
                  <a:gd name="connsiteY0" fmla="*/ 413513 h 1028243"/>
                  <a:gd name="connsiteX1" fmla="*/ 85940 w 3208876"/>
                  <a:gd name="connsiteY1" fmla="*/ 424966 h 1028243"/>
                  <a:gd name="connsiteX2" fmla="*/ 161210 w 3208876"/>
                  <a:gd name="connsiteY2" fmla="*/ 448740 h 1028243"/>
                  <a:gd name="connsiteX3" fmla="*/ 222028 w 3208876"/>
                  <a:gd name="connsiteY3" fmla="*/ 507539 h 1028243"/>
                  <a:gd name="connsiteX4" fmla="*/ 320670 w 3208876"/>
                  <a:gd name="connsiteY4" fmla="*/ 493360 h 1028243"/>
                  <a:gd name="connsiteX5" fmla="*/ 399812 w 3208876"/>
                  <a:gd name="connsiteY5" fmla="*/ 524221 h 1028243"/>
                  <a:gd name="connsiteX6" fmla="*/ 543455 w 3208876"/>
                  <a:gd name="connsiteY6" fmla="*/ 585103 h 1028243"/>
                  <a:gd name="connsiteX7" fmla="*/ 588911 w 3208876"/>
                  <a:gd name="connsiteY7" fmla="*/ 743576 h 1028243"/>
                  <a:gd name="connsiteX8" fmla="*/ 725634 w 3208876"/>
                  <a:gd name="connsiteY8" fmla="*/ 829065 h 1028243"/>
                  <a:gd name="connsiteX9" fmla="*/ 914820 w 3208876"/>
                  <a:gd name="connsiteY9" fmla="*/ 810299 h 1028243"/>
                  <a:gd name="connsiteX10" fmla="*/ 1068972 w 3208876"/>
                  <a:gd name="connsiteY10" fmla="*/ 735234 h 1028243"/>
                  <a:gd name="connsiteX11" fmla="*/ 1121524 w 3208876"/>
                  <a:gd name="connsiteY11" fmla="*/ 821558 h 1028243"/>
                  <a:gd name="connsiteX12" fmla="*/ 1188089 w 3208876"/>
                  <a:gd name="connsiteY12" fmla="*/ 907885 h 1028243"/>
                  <a:gd name="connsiteX13" fmla="*/ 1275675 w 3208876"/>
                  <a:gd name="connsiteY13" fmla="*/ 994211 h 1028243"/>
                  <a:gd name="connsiteX14" fmla="*/ 1370268 w 3208876"/>
                  <a:gd name="connsiteY14" fmla="*/ 1027989 h 1028243"/>
                  <a:gd name="connsiteX15" fmla="*/ 1524420 w 3208876"/>
                  <a:gd name="connsiteY15" fmla="*/ 964184 h 1028243"/>
                  <a:gd name="connsiteX16" fmla="*/ 1592402 w 3208876"/>
                  <a:gd name="connsiteY16" fmla="*/ 917626 h 1028243"/>
                  <a:gd name="connsiteX17" fmla="*/ 1758522 w 3208876"/>
                  <a:gd name="connsiteY17" fmla="*/ 970855 h 1028243"/>
                  <a:gd name="connsiteX18" fmla="*/ 1860751 w 3208876"/>
                  <a:gd name="connsiteY18" fmla="*/ 1001716 h 1028243"/>
                  <a:gd name="connsiteX19" fmla="*/ 1982742 w 3208876"/>
                  <a:gd name="connsiteY19" fmla="*/ 900795 h 1028243"/>
                  <a:gd name="connsiteX20" fmla="*/ 2113087 w 3208876"/>
                  <a:gd name="connsiteY20" fmla="*/ 753583 h 1028243"/>
                  <a:gd name="connsiteX21" fmla="*/ 2207593 w 3208876"/>
                  <a:gd name="connsiteY21" fmla="*/ 754000 h 1028243"/>
                  <a:gd name="connsiteX22" fmla="*/ 2281165 w 3208876"/>
                  <a:gd name="connsiteY22" fmla="*/ 784026 h 1028243"/>
                  <a:gd name="connsiteX23" fmla="*/ 2382765 w 3208876"/>
                  <a:gd name="connsiteY23" fmla="*/ 825313 h 1028243"/>
                  <a:gd name="connsiteX24" fmla="*/ 2484365 w 3208876"/>
                  <a:gd name="connsiteY24" fmla="*/ 832819 h 1028243"/>
                  <a:gd name="connsiteX25" fmla="*/ 2562965 w 3208876"/>
                  <a:gd name="connsiteY25" fmla="*/ 792786 h 1028243"/>
                  <a:gd name="connsiteX26" fmla="*/ 2593778 w 3208876"/>
                  <a:gd name="connsiteY26" fmla="*/ 724811 h 1028243"/>
                  <a:gd name="connsiteX27" fmla="*/ 2622526 w 3208876"/>
                  <a:gd name="connsiteY27" fmla="*/ 641819 h 1028243"/>
                  <a:gd name="connsiteX28" fmla="*/ 2708994 w 3208876"/>
                  <a:gd name="connsiteY28" fmla="*/ 582151 h 1028243"/>
                  <a:gd name="connsiteX29" fmla="*/ 2792756 w 3208876"/>
                  <a:gd name="connsiteY29" fmla="*/ 537146 h 1028243"/>
                  <a:gd name="connsiteX30" fmla="*/ 2899636 w 3208876"/>
                  <a:gd name="connsiteY30" fmla="*/ 530487 h 1028243"/>
                  <a:gd name="connsiteX31" fmla="*/ 2952569 w 3208876"/>
                  <a:gd name="connsiteY31" fmla="*/ 448741 h 1028243"/>
                  <a:gd name="connsiteX32" fmla="*/ 3025510 w 3208876"/>
                  <a:gd name="connsiteY32" fmla="*/ 404536 h 1028243"/>
                  <a:gd name="connsiteX33" fmla="*/ 3151559 w 3208876"/>
                  <a:gd name="connsiteY33" fmla="*/ 454583 h 1028243"/>
                  <a:gd name="connsiteX34" fmla="*/ 3208801 w 3208876"/>
                  <a:gd name="connsiteY34" fmla="*/ 424953 h 1028243"/>
                  <a:gd name="connsiteX35" fmla="*/ 3158767 w 3208876"/>
                  <a:gd name="connsiteY35" fmla="*/ 338221 h 1028243"/>
                  <a:gd name="connsiteX36" fmla="*/ 3110289 w 3208876"/>
                  <a:gd name="connsiteY36" fmla="*/ 256836 h 1028243"/>
                  <a:gd name="connsiteX37" fmla="*/ 3072368 w 3208876"/>
                  <a:gd name="connsiteY37" fmla="*/ 123340 h 1028243"/>
                  <a:gd name="connsiteX38" fmla="*/ 2993180 w 3208876"/>
                  <a:gd name="connsiteY38" fmla="*/ 19353 h 1028243"/>
                  <a:gd name="connsiteX39" fmla="*/ 200808 w 3208876"/>
                  <a:gd name="connsiteY39" fmla="*/ 0 h 1028243"/>
                  <a:gd name="connsiteX40" fmla="*/ 108062 w 3208876"/>
                  <a:gd name="connsiteY40" fmla="*/ 91114 h 1028243"/>
                  <a:gd name="connsiteX41" fmla="*/ 92947 w 3208876"/>
                  <a:gd name="connsiteY41" fmla="*/ 262322 h 1028243"/>
                  <a:gd name="connsiteX42" fmla="*/ 996 w 3208876"/>
                  <a:gd name="connsiteY42" fmla="*/ 413513 h 1028243"/>
                  <a:gd name="connsiteX0" fmla="*/ 996 w 3208876"/>
                  <a:gd name="connsiteY0" fmla="*/ 413513 h 1028243"/>
                  <a:gd name="connsiteX1" fmla="*/ 85940 w 3208876"/>
                  <a:gd name="connsiteY1" fmla="*/ 424966 h 1028243"/>
                  <a:gd name="connsiteX2" fmla="*/ 161210 w 3208876"/>
                  <a:gd name="connsiteY2" fmla="*/ 448740 h 1028243"/>
                  <a:gd name="connsiteX3" fmla="*/ 222028 w 3208876"/>
                  <a:gd name="connsiteY3" fmla="*/ 507539 h 1028243"/>
                  <a:gd name="connsiteX4" fmla="*/ 320670 w 3208876"/>
                  <a:gd name="connsiteY4" fmla="*/ 493360 h 1028243"/>
                  <a:gd name="connsiteX5" fmla="*/ 399812 w 3208876"/>
                  <a:gd name="connsiteY5" fmla="*/ 524221 h 1028243"/>
                  <a:gd name="connsiteX6" fmla="*/ 543455 w 3208876"/>
                  <a:gd name="connsiteY6" fmla="*/ 585103 h 1028243"/>
                  <a:gd name="connsiteX7" fmla="*/ 588911 w 3208876"/>
                  <a:gd name="connsiteY7" fmla="*/ 743576 h 1028243"/>
                  <a:gd name="connsiteX8" fmla="*/ 725634 w 3208876"/>
                  <a:gd name="connsiteY8" fmla="*/ 829065 h 1028243"/>
                  <a:gd name="connsiteX9" fmla="*/ 914820 w 3208876"/>
                  <a:gd name="connsiteY9" fmla="*/ 810299 h 1028243"/>
                  <a:gd name="connsiteX10" fmla="*/ 1068972 w 3208876"/>
                  <a:gd name="connsiteY10" fmla="*/ 735234 h 1028243"/>
                  <a:gd name="connsiteX11" fmla="*/ 1121524 w 3208876"/>
                  <a:gd name="connsiteY11" fmla="*/ 821558 h 1028243"/>
                  <a:gd name="connsiteX12" fmla="*/ 1188089 w 3208876"/>
                  <a:gd name="connsiteY12" fmla="*/ 907885 h 1028243"/>
                  <a:gd name="connsiteX13" fmla="*/ 1275675 w 3208876"/>
                  <a:gd name="connsiteY13" fmla="*/ 994211 h 1028243"/>
                  <a:gd name="connsiteX14" fmla="*/ 1370268 w 3208876"/>
                  <a:gd name="connsiteY14" fmla="*/ 1027989 h 1028243"/>
                  <a:gd name="connsiteX15" fmla="*/ 1524420 w 3208876"/>
                  <a:gd name="connsiteY15" fmla="*/ 964184 h 1028243"/>
                  <a:gd name="connsiteX16" fmla="*/ 1592402 w 3208876"/>
                  <a:gd name="connsiteY16" fmla="*/ 917626 h 1028243"/>
                  <a:gd name="connsiteX17" fmla="*/ 1758522 w 3208876"/>
                  <a:gd name="connsiteY17" fmla="*/ 970855 h 1028243"/>
                  <a:gd name="connsiteX18" fmla="*/ 1860751 w 3208876"/>
                  <a:gd name="connsiteY18" fmla="*/ 1001716 h 1028243"/>
                  <a:gd name="connsiteX19" fmla="*/ 1982742 w 3208876"/>
                  <a:gd name="connsiteY19" fmla="*/ 900795 h 1028243"/>
                  <a:gd name="connsiteX20" fmla="*/ 2113087 w 3208876"/>
                  <a:gd name="connsiteY20" fmla="*/ 753583 h 1028243"/>
                  <a:gd name="connsiteX21" fmla="*/ 2207593 w 3208876"/>
                  <a:gd name="connsiteY21" fmla="*/ 754000 h 1028243"/>
                  <a:gd name="connsiteX22" fmla="*/ 2281165 w 3208876"/>
                  <a:gd name="connsiteY22" fmla="*/ 784026 h 1028243"/>
                  <a:gd name="connsiteX23" fmla="*/ 2382765 w 3208876"/>
                  <a:gd name="connsiteY23" fmla="*/ 825313 h 1028243"/>
                  <a:gd name="connsiteX24" fmla="*/ 2484365 w 3208876"/>
                  <a:gd name="connsiteY24" fmla="*/ 832819 h 1028243"/>
                  <a:gd name="connsiteX25" fmla="*/ 2562965 w 3208876"/>
                  <a:gd name="connsiteY25" fmla="*/ 792786 h 1028243"/>
                  <a:gd name="connsiteX26" fmla="*/ 2593778 w 3208876"/>
                  <a:gd name="connsiteY26" fmla="*/ 724811 h 1028243"/>
                  <a:gd name="connsiteX27" fmla="*/ 2622526 w 3208876"/>
                  <a:gd name="connsiteY27" fmla="*/ 641819 h 1028243"/>
                  <a:gd name="connsiteX28" fmla="*/ 2708994 w 3208876"/>
                  <a:gd name="connsiteY28" fmla="*/ 582151 h 1028243"/>
                  <a:gd name="connsiteX29" fmla="*/ 2792756 w 3208876"/>
                  <a:gd name="connsiteY29" fmla="*/ 537146 h 1028243"/>
                  <a:gd name="connsiteX30" fmla="*/ 2899636 w 3208876"/>
                  <a:gd name="connsiteY30" fmla="*/ 530487 h 1028243"/>
                  <a:gd name="connsiteX31" fmla="*/ 2964137 w 3208876"/>
                  <a:gd name="connsiteY31" fmla="*/ 460587 h 1028243"/>
                  <a:gd name="connsiteX32" fmla="*/ 3025510 w 3208876"/>
                  <a:gd name="connsiteY32" fmla="*/ 404536 h 1028243"/>
                  <a:gd name="connsiteX33" fmla="*/ 3151559 w 3208876"/>
                  <a:gd name="connsiteY33" fmla="*/ 454583 h 1028243"/>
                  <a:gd name="connsiteX34" fmla="*/ 3208801 w 3208876"/>
                  <a:gd name="connsiteY34" fmla="*/ 424953 h 1028243"/>
                  <a:gd name="connsiteX35" fmla="*/ 3158767 w 3208876"/>
                  <a:gd name="connsiteY35" fmla="*/ 338221 h 1028243"/>
                  <a:gd name="connsiteX36" fmla="*/ 3110289 w 3208876"/>
                  <a:gd name="connsiteY36" fmla="*/ 256836 h 1028243"/>
                  <a:gd name="connsiteX37" fmla="*/ 3072368 w 3208876"/>
                  <a:gd name="connsiteY37" fmla="*/ 123340 h 1028243"/>
                  <a:gd name="connsiteX38" fmla="*/ 2993180 w 3208876"/>
                  <a:gd name="connsiteY38" fmla="*/ 19353 h 1028243"/>
                  <a:gd name="connsiteX39" fmla="*/ 200808 w 3208876"/>
                  <a:gd name="connsiteY39" fmla="*/ 0 h 1028243"/>
                  <a:gd name="connsiteX40" fmla="*/ 108062 w 3208876"/>
                  <a:gd name="connsiteY40" fmla="*/ 91114 h 1028243"/>
                  <a:gd name="connsiteX41" fmla="*/ 92947 w 3208876"/>
                  <a:gd name="connsiteY41" fmla="*/ 262322 h 1028243"/>
                  <a:gd name="connsiteX42" fmla="*/ 996 w 3208876"/>
                  <a:gd name="connsiteY42" fmla="*/ 413513 h 1028243"/>
                  <a:gd name="connsiteX0" fmla="*/ 996 w 3208876"/>
                  <a:gd name="connsiteY0" fmla="*/ 413513 h 1028243"/>
                  <a:gd name="connsiteX1" fmla="*/ 85940 w 3208876"/>
                  <a:gd name="connsiteY1" fmla="*/ 424966 h 1028243"/>
                  <a:gd name="connsiteX2" fmla="*/ 161210 w 3208876"/>
                  <a:gd name="connsiteY2" fmla="*/ 448740 h 1028243"/>
                  <a:gd name="connsiteX3" fmla="*/ 222028 w 3208876"/>
                  <a:gd name="connsiteY3" fmla="*/ 507539 h 1028243"/>
                  <a:gd name="connsiteX4" fmla="*/ 320670 w 3208876"/>
                  <a:gd name="connsiteY4" fmla="*/ 493360 h 1028243"/>
                  <a:gd name="connsiteX5" fmla="*/ 399812 w 3208876"/>
                  <a:gd name="connsiteY5" fmla="*/ 524221 h 1028243"/>
                  <a:gd name="connsiteX6" fmla="*/ 543455 w 3208876"/>
                  <a:gd name="connsiteY6" fmla="*/ 585103 h 1028243"/>
                  <a:gd name="connsiteX7" fmla="*/ 588911 w 3208876"/>
                  <a:gd name="connsiteY7" fmla="*/ 743576 h 1028243"/>
                  <a:gd name="connsiteX8" fmla="*/ 725634 w 3208876"/>
                  <a:gd name="connsiteY8" fmla="*/ 829065 h 1028243"/>
                  <a:gd name="connsiteX9" fmla="*/ 914820 w 3208876"/>
                  <a:gd name="connsiteY9" fmla="*/ 810299 h 1028243"/>
                  <a:gd name="connsiteX10" fmla="*/ 1068972 w 3208876"/>
                  <a:gd name="connsiteY10" fmla="*/ 735234 h 1028243"/>
                  <a:gd name="connsiteX11" fmla="*/ 1121524 w 3208876"/>
                  <a:gd name="connsiteY11" fmla="*/ 821558 h 1028243"/>
                  <a:gd name="connsiteX12" fmla="*/ 1188089 w 3208876"/>
                  <a:gd name="connsiteY12" fmla="*/ 907885 h 1028243"/>
                  <a:gd name="connsiteX13" fmla="*/ 1275675 w 3208876"/>
                  <a:gd name="connsiteY13" fmla="*/ 994211 h 1028243"/>
                  <a:gd name="connsiteX14" fmla="*/ 1370268 w 3208876"/>
                  <a:gd name="connsiteY14" fmla="*/ 1027989 h 1028243"/>
                  <a:gd name="connsiteX15" fmla="*/ 1524420 w 3208876"/>
                  <a:gd name="connsiteY15" fmla="*/ 964184 h 1028243"/>
                  <a:gd name="connsiteX16" fmla="*/ 1592402 w 3208876"/>
                  <a:gd name="connsiteY16" fmla="*/ 917626 h 1028243"/>
                  <a:gd name="connsiteX17" fmla="*/ 1758522 w 3208876"/>
                  <a:gd name="connsiteY17" fmla="*/ 970855 h 1028243"/>
                  <a:gd name="connsiteX18" fmla="*/ 1860751 w 3208876"/>
                  <a:gd name="connsiteY18" fmla="*/ 1001716 h 1028243"/>
                  <a:gd name="connsiteX19" fmla="*/ 1982742 w 3208876"/>
                  <a:gd name="connsiteY19" fmla="*/ 900795 h 1028243"/>
                  <a:gd name="connsiteX20" fmla="*/ 2113087 w 3208876"/>
                  <a:gd name="connsiteY20" fmla="*/ 753583 h 1028243"/>
                  <a:gd name="connsiteX21" fmla="*/ 2207593 w 3208876"/>
                  <a:gd name="connsiteY21" fmla="*/ 754000 h 1028243"/>
                  <a:gd name="connsiteX22" fmla="*/ 2281165 w 3208876"/>
                  <a:gd name="connsiteY22" fmla="*/ 784026 h 1028243"/>
                  <a:gd name="connsiteX23" fmla="*/ 2382765 w 3208876"/>
                  <a:gd name="connsiteY23" fmla="*/ 825313 h 1028243"/>
                  <a:gd name="connsiteX24" fmla="*/ 2484365 w 3208876"/>
                  <a:gd name="connsiteY24" fmla="*/ 832819 h 1028243"/>
                  <a:gd name="connsiteX25" fmla="*/ 2562965 w 3208876"/>
                  <a:gd name="connsiteY25" fmla="*/ 792786 h 1028243"/>
                  <a:gd name="connsiteX26" fmla="*/ 2593778 w 3208876"/>
                  <a:gd name="connsiteY26" fmla="*/ 724811 h 1028243"/>
                  <a:gd name="connsiteX27" fmla="*/ 2622526 w 3208876"/>
                  <a:gd name="connsiteY27" fmla="*/ 641819 h 1028243"/>
                  <a:gd name="connsiteX28" fmla="*/ 2708994 w 3208876"/>
                  <a:gd name="connsiteY28" fmla="*/ 582151 h 1028243"/>
                  <a:gd name="connsiteX29" fmla="*/ 2798540 w 3208876"/>
                  <a:gd name="connsiteY29" fmla="*/ 566763 h 1028243"/>
                  <a:gd name="connsiteX30" fmla="*/ 2899636 w 3208876"/>
                  <a:gd name="connsiteY30" fmla="*/ 530487 h 1028243"/>
                  <a:gd name="connsiteX31" fmla="*/ 2964137 w 3208876"/>
                  <a:gd name="connsiteY31" fmla="*/ 460587 h 1028243"/>
                  <a:gd name="connsiteX32" fmla="*/ 3025510 w 3208876"/>
                  <a:gd name="connsiteY32" fmla="*/ 404536 h 1028243"/>
                  <a:gd name="connsiteX33" fmla="*/ 3151559 w 3208876"/>
                  <a:gd name="connsiteY33" fmla="*/ 454583 h 1028243"/>
                  <a:gd name="connsiteX34" fmla="*/ 3208801 w 3208876"/>
                  <a:gd name="connsiteY34" fmla="*/ 424953 h 1028243"/>
                  <a:gd name="connsiteX35" fmla="*/ 3158767 w 3208876"/>
                  <a:gd name="connsiteY35" fmla="*/ 338221 h 1028243"/>
                  <a:gd name="connsiteX36" fmla="*/ 3110289 w 3208876"/>
                  <a:gd name="connsiteY36" fmla="*/ 256836 h 1028243"/>
                  <a:gd name="connsiteX37" fmla="*/ 3072368 w 3208876"/>
                  <a:gd name="connsiteY37" fmla="*/ 123340 h 1028243"/>
                  <a:gd name="connsiteX38" fmla="*/ 2993180 w 3208876"/>
                  <a:gd name="connsiteY38" fmla="*/ 19353 h 1028243"/>
                  <a:gd name="connsiteX39" fmla="*/ 200808 w 3208876"/>
                  <a:gd name="connsiteY39" fmla="*/ 0 h 1028243"/>
                  <a:gd name="connsiteX40" fmla="*/ 108062 w 3208876"/>
                  <a:gd name="connsiteY40" fmla="*/ 91114 h 1028243"/>
                  <a:gd name="connsiteX41" fmla="*/ 92947 w 3208876"/>
                  <a:gd name="connsiteY41" fmla="*/ 262322 h 1028243"/>
                  <a:gd name="connsiteX42" fmla="*/ 996 w 3208876"/>
                  <a:gd name="connsiteY42" fmla="*/ 413513 h 1028243"/>
                  <a:gd name="connsiteX0" fmla="*/ 996 w 3208876"/>
                  <a:gd name="connsiteY0" fmla="*/ 413513 h 1028243"/>
                  <a:gd name="connsiteX1" fmla="*/ 85940 w 3208876"/>
                  <a:gd name="connsiteY1" fmla="*/ 424966 h 1028243"/>
                  <a:gd name="connsiteX2" fmla="*/ 161210 w 3208876"/>
                  <a:gd name="connsiteY2" fmla="*/ 448740 h 1028243"/>
                  <a:gd name="connsiteX3" fmla="*/ 222028 w 3208876"/>
                  <a:gd name="connsiteY3" fmla="*/ 507539 h 1028243"/>
                  <a:gd name="connsiteX4" fmla="*/ 320670 w 3208876"/>
                  <a:gd name="connsiteY4" fmla="*/ 493360 h 1028243"/>
                  <a:gd name="connsiteX5" fmla="*/ 399812 w 3208876"/>
                  <a:gd name="connsiteY5" fmla="*/ 524221 h 1028243"/>
                  <a:gd name="connsiteX6" fmla="*/ 543455 w 3208876"/>
                  <a:gd name="connsiteY6" fmla="*/ 585103 h 1028243"/>
                  <a:gd name="connsiteX7" fmla="*/ 588911 w 3208876"/>
                  <a:gd name="connsiteY7" fmla="*/ 743576 h 1028243"/>
                  <a:gd name="connsiteX8" fmla="*/ 725634 w 3208876"/>
                  <a:gd name="connsiteY8" fmla="*/ 829065 h 1028243"/>
                  <a:gd name="connsiteX9" fmla="*/ 914820 w 3208876"/>
                  <a:gd name="connsiteY9" fmla="*/ 810299 h 1028243"/>
                  <a:gd name="connsiteX10" fmla="*/ 1068972 w 3208876"/>
                  <a:gd name="connsiteY10" fmla="*/ 735234 h 1028243"/>
                  <a:gd name="connsiteX11" fmla="*/ 1121524 w 3208876"/>
                  <a:gd name="connsiteY11" fmla="*/ 821558 h 1028243"/>
                  <a:gd name="connsiteX12" fmla="*/ 1188089 w 3208876"/>
                  <a:gd name="connsiteY12" fmla="*/ 907885 h 1028243"/>
                  <a:gd name="connsiteX13" fmla="*/ 1275675 w 3208876"/>
                  <a:gd name="connsiteY13" fmla="*/ 994211 h 1028243"/>
                  <a:gd name="connsiteX14" fmla="*/ 1370268 w 3208876"/>
                  <a:gd name="connsiteY14" fmla="*/ 1027989 h 1028243"/>
                  <a:gd name="connsiteX15" fmla="*/ 1524420 w 3208876"/>
                  <a:gd name="connsiteY15" fmla="*/ 964184 h 1028243"/>
                  <a:gd name="connsiteX16" fmla="*/ 1595294 w 3208876"/>
                  <a:gd name="connsiteY16" fmla="*/ 956129 h 1028243"/>
                  <a:gd name="connsiteX17" fmla="*/ 1758522 w 3208876"/>
                  <a:gd name="connsiteY17" fmla="*/ 970855 h 1028243"/>
                  <a:gd name="connsiteX18" fmla="*/ 1860751 w 3208876"/>
                  <a:gd name="connsiteY18" fmla="*/ 1001716 h 1028243"/>
                  <a:gd name="connsiteX19" fmla="*/ 1982742 w 3208876"/>
                  <a:gd name="connsiteY19" fmla="*/ 900795 h 1028243"/>
                  <a:gd name="connsiteX20" fmla="*/ 2113087 w 3208876"/>
                  <a:gd name="connsiteY20" fmla="*/ 753583 h 1028243"/>
                  <a:gd name="connsiteX21" fmla="*/ 2207593 w 3208876"/>
                  <a:gd name="connsiteY21" fmla="*/ 754000 h 1028243"/>
                  <a:gd name="connsiteX22" fmla="*/ 2281165 w 3208876"/>
                  <a:gd name="connsiteY22" fmla="*/ 784026 h 1028243"/>
                  <a:gd name="connsiteX23" fmla="*/ 2382765 w 3208876"/>
                  <a:gd name="connsiteY23" fmla="*/ 825313 h 1028243"/>
                  <a:gd name="connsiteX24" fmla="*/ 2484365 w 3208876"/>
                  <a:gd name="connsiteY24" fmla="*/ 832819 h 1028243"/>
                  <a:gd name="connsiteX25" fmla="*/ 2562965 w 3208876"/>
                  <a:gd name="connsiteY25" fmla="*/ 792786 h 1028243"/>
                  <a:gd name="connsiteX26" fmla="*/ 2593778 w 3208876"/>
                  <a:gd name="connsiteY26" fmla="*/ 724811 h 1028243"/>
                  <a:gd name="connsiteX27" fmla="*/ 2622526 w 3208876"/>
                  <a:gd name="connsiteY27" fmla="*/ 641819 h 1028243"/>
                  <a:gd name="connsiteX28" fmla="*/ 2708994 w 3208876"/>
                  <a:gd name="connsiteY28" fmla="*/ 582151 h 1028243"/>
                  <a:gd name="connsiteX29" fmla="*/ 2798540 w 3208876"/>
                  <a:gd name="connsiteY29" fmla="*/ 566763 h 1028243"/>
                  <a:gd name="connsiteX30" fmla="*/ 2899636 w 3208876"/>
                  <a:gd name="connsiteY30" fmla="*/ 530487 h 1028243"/>
                  <a:gd name="connsiteX31" fmla="*/ 2964137 w 3208876"/>
                  <a:gd name="connsiteY31" fmla="*/ 460587 h 1028243"/>
                  <a:gd name="connsiteX32" fmla="*/ 3025510 w 3208876"/>
                  <a:gd name="connsiteY32" fmla="*/ 404536 h 1028243"/>
                  <a:gd name="connsiteX33" fmla="*/ 3151559 w 3208876"/>
                  <a:gd name="connsiteY33" fmla="*/ 454583 h 1028243"/>
                  <a:gd name="connsiteX34" fmla="*/ 3208801 w 3208876"/>
                  <a:gd name="connsiteY34" fmla="*/ 424953 h 1028243"/>
                  <a:gd name="connsiteX35" fmla="*/ 3158767 w 3208876"/>
                  <a:gd name="connsiteY35" fmla="*/ 338221 h 1028243"/>
                  <a:gd name="connsiteX36" fmla="*/ 3110289 w 3208876"/>
                  <a:gd name="connsiteY36" fmla="*/ 256836 h 1028243"/>
                  <a:gd name="connsiteX37" fmla="*/ 3072368 w 3208876"/>
                  <a:gd name="connsiteY37" fmla="*/ 123340 h 1028243"/>
                  <a:gd name="connsiteX38" fmla="*/ 2993180 w 3208876"/>
                  <a:gd name="connsiteY38" fmla="*/ 19353 h 1028243"/>
                  <a:gd name="connsiteX39" fmla="*/ 200808 w 3208876"/>
                  <a:gd name="connsiteY39" fmla="*/ 0 h 1028243"/>
                  <a:gd name="connsiteX40" fmla="*/ 108062 w 3208876"/>
                  <a:gd name="connsiteY40" fmla="*/ 91114 h 1028243"/>
                  <a:gd name="connsiteX41" fmla="*/ 92947 w 3208876"/>
                  <a:gd name="connsiteY41" fmla="*/ 262322 h 1028243"/>
                  <a:gd name="connsiteX42" fmla="*/ 996 w 3208876"/>
                  <a:gd name="connsiteY42" fmla="*/ 413513 h 1028243"/>
                  <a:gd name="connsiteX0" fmla="*/ 996 w 3208876"/>
                  <a:gd name="connsiteY0" fmla="*/ 413513 h 1035750"/>
                  <a:gd name="connsiteX1" fmla="*/ 85940 w 3208876"/>
                  <a:gd name="connsiteY1" fmla="*/ 424966 h 1035750"/>
                  <a:gd name="connsiteX2" fmla="*/ 161210 w 3208876"/>
                  <a:gd name="connsiteY2" fmla="*/ 448740 h 1035750"/>
                  <a:gd name="connsiteX3" fmla="*/ 222028 w 3208876"/>
                  <a:gd name="connsiteY3" fmla="*/ 507539 h 1035750"/>
                  <a:gd name="connsiteX4" fmla="*/ 320670 w 3208876"/>
                  <a:gd name="connsiteY4" fmla="*/ 493360 h 1035750"/>
                  <a:gd name="connsiteX5" fmla="*/ 399812 w 3208876"/>
                  <a:gd name="connsiteY5" fmla="*/ 524221 h 1035750"/>
                  <a:gd name="connsiteX6" fmla="*/ 543455 w 3208876"/>
                  <a:gd name="connsiteY6" fmla="*/ 585103 h 1035750"/>
                  <a:gd name="connsiteX7" fmla="*/ 588911 w 3208876"/>
                  <a:gd name="connsiteY7" fmla="*/ 743576 h 1035750"/>
                  <a:gd name="connsiteX8" fmla="*/ 725634 w 3208876"/>
                  <a:gd name="connsiteY8" fmla="*/ 829065 h 1035750"/>
                  <a:gd name="connsiteX9" fmla="*/ 914820 w 3208876"/>
                  <a:gd name="connsiteY9" fmla="*/ 810299 h 1035750"/>
                  <a:gd name="connsiteX10" fmla="*/ 1068972 w 3208876"/>
                  <a:gd name="connsiteY10" fmla="*/ 735234 h 1035750"/>
                  <a:gd name="connsiteX11" fmla="*/ 1121524 w 3208876"/>
                  <a:gd name="connsiteY11" fmla="*/ 821558 h 1035750"/>
                  <a:gd name="connsiteX12" fmla="*/ 1188089 w 3208876"/>
                  <a:gd name="connsiteY12" fmla="*/ 907885 h 1035750"/>
                  <a:gd name="connsiteX13" fmla="*/ 1275675 w 3208876"/>
                  <a:gd name="connsiteY13" fmla="*/ 994211 h 1035750"/>
                  <a:gd name="connsiteX14" fmla="*/ 1370268 w 3208876"/>
                  <a:gd name="connsiteY14" fmla="*/ 1027989 h 1035750"/>
                  <a:gd name="connsiteX15" fmla="*/ 1524420 w 3208876"/>
                  <a:gd name="connsiteY15" fmla="*/ 964184 h 1035750"/>
                  <a:gd name="connsiteX16" fmla="*/ 1595294 w 3208876"/>
                  <a:gd name="connsiteY16" fmla="*/ 956129 h 1035750"/>
                  <a:gd name="connsiteX17" fmla="*/ 1758522 w 3208876"/>
                  <a:gd name="connsiteY17" fmla="*/ 970855 h 1035750"/>
                  <a:gd name="connsiteX18" fmla="*/ 1869426 w 3208876"/>
                  <a:gd name="connsiteY18" fmla="*/ 1034296 h 1035750"/>
                  <a:gd name="connsiteX19" fmla="*/ 1982742 w 3208876"/>
                  <a:gd name="connsiteY19" fmla="*/ 900795 h 1035750"/>
                  <a:gd name="connsiteX20" fmla="*/ 2113087 w 3208876"/>
                  <a:gd name="connsiteY20" fmla="*/ 753583 h 1035750"/>
                  <a:gd name="connsiteX21" fmla="*/ 2207593 w 3208876"/>
                  <a:gd name="connsiteY21" fmla="*/ 754000 h 1035750"/>
                  <a:gd name="connsiteX22" fmla="*/ 2281165 w 3208876"/>
                  <a:gd name="connsiteY22" fmla="*/ 784026 h 1035750"/>
                  <a:gd name="connsiteX23" fmla="*/ 2382765 w 3208876"/>
                  <a:gd name="connsiteY23" fmla="*/ 825313 h 1035750"/>
                  <a:gd name="connsiteX24" fmla="*/ 2484365 w 3208876"/>
                  <a:gd name="connsiteY24" fmla="*/ 832819 h 1035750"/>
                  <a:gd name="connsiteX25" fmla="*/ 2562965 w 3208876"/>
                  <a:gd name="connsiteY25" fmla="*/ 792786 h 1035750"/>
                  <a:gd name="connsiteX26" fmla="*/ 2593778 w 3208876"/>
                  <a:gd name="connsiteY26" fmla="*/ 724811 h 1035750"/>
                  <a:gd name="connsiteX27" fmla="*/ 2622526 w 3208876"/>
                  <a:gd name="connsiteY27" fmla="*/ 641819 h 1035750"/>
                  <a:gd name="connsiteX28" fmla="*/ 2708994 w 3208876"/>
                  <a:gd name="connsiteY28" fmla="*/ 582151 h 1035750"/>
                  <a:gd name="connsiteX29" fmla="*/ 2798540 w 3208876"/>
                  <a:gd name="connsiteY29" fmla="*/ 566763 h 1035750"/>
                  <a:gd name="connsiteX30" fmla="*/ 2899636 w 3208876"/>
                  <a:gd name="connsiteY30" fmla="*/ 530487 h 1035750"/>
                  <a:gd name="connsiteX31" fmla="*/ 2964137 w 3208876"/>
                  <a:gd name="connsiteY31" fmla="*/ 460587 h 1035750"/>
                  <a:gd name="connsiteX32" fmla="*/ 3025510 w 3208876"/>
                  <a:gd name="connsiteY32" fmla="*/ 404536 h 1035750"/>
                  <a:gd name="connsiteX33" fmla="*/ 3151559 w 3208876"/>
                  <a:gd name="connsiteY33" fmla="*/ 454583 h 1035750"/>
                  <a:gd name="connsiteX34" fmla="*/ 3208801 w 3208876"/>
                  <a:gd name="connsiteY34" fmla="*/ 424953 h 1035750"/>
                  <a:gd name="connsiteX35" fmla="*/ 3158767 w 3208876"/>
                  <a:gd name="connsiteY35" fmla="*/ 338221 h 1035750"/>
                  <a:gd name="connsiteX36" fmla="*/ 3110289 w 3208876"/>
                  <a:gd name="connsiteY36" fmla="*/ 256836 h 1035750"/>
                  <a:gd name="connsiteX37" fmla="*/ 3072368 w 3208876"/>
                  <a:gd name="connsiteY37" fmla="*/ 123340 h 1035750"/>
                  <a:gd name="connsiteX38" fmla="*/ 2993180 w 3208876"/>
                  <a:gd name="connsiteY38" fmla="*/ 19353 h 1035750"/>
                  <a:gd name="connsiteX39" fmla="*/ 200808 w 3208876"/>
                  <a:gd name="connsiteY39" fmla="*/ 0 h 1035750"/>
                  <a:gd name="connsiteX40" fmla="*/ 108062 w 3208876"/>
                  <a:gd name="connsiteY40" fmla="*/ 91114 h 1035750"/>
                  <a:gd name="connsiteX41" fmla="*/ 92947 w 3208876"/>
                  <a:gd name="connsiteY41" fmla="*/ 262322 h 1035750"/>
                  <a:gd name="connsiteX42" fmla="*/ 996 w 3208876"/>
                  <a:gd name="connsiteY42" fmla="*/ 413513 h 1035750"/>
                  <a:gd name="connsiteX0" fmla="*/ 996 w 3208876"/>
                  <a:gd name="connsiteY0" fmla="*/ 413513 h 1037378"/>
                  <a:gd name="connsiteX1" fmla="*/ 85940 w 3208876"/>
                  <a:gd name="connsiteY1" fmla="*/ 424966 h 1037378"/>
                  <a:gd name="connsiteX2" fmla="*/ 161210 w 3208876"/>
                  <a:gd name="connsiteY2" fmla="*/ 448740 h 1037378"/>
                  <a:gd name="connsiteX3" fmla="*/ 222028 w 3208876"/>
                  <a:gd name="connsiteY3" fmla="*/ 507539 h 1037378"/>
                  <a:gd name="connsiteX4" fmla="*/ 320670 w 3208876"/>
                  <a:gd name="connsiteY4" fmla="*/ 493360 h 1037378"/>
                  <a:gd name="connsiteX5" fmla="*/ 399812 w 3208876"/>
                  <a:gd name="connsiteY5" fmla="*/ 524221 h 1037378"/>
                  <a:gd name="connsiteX6" fmla="*/ 543455 w 3208876"/>
                  <a:gd name="connsiteY6" fmla="*/ 585103 h 1037378"/>
                  <a:gd name="connsiteX7" fmla="*/ 588911 w 3208876"/>
                  <a:gd name="connsiteY7" fmla="*/ 743576 h 1037378"/>
                  <a:gd name="connsiteX8" fmla="*/ 725634 w 3208876"/>
                  <a:gd name="connsiteY8" fmla="*/ 829065 h 1037378"/>
                  <a:gd name="connsiteX9" fmla="*/ 914820 w 3208876"/>
                  <a:gd name="connsiteY9" fmla="*/ 810299 h 1037378"/>
                  <a:gd name="connsiteX10" fmla="*/ 1068972 w 3208876"/>
                  <a:gd name="connsiteY10" fmla="*/ 735234 h 1037378"/>
                  <a:gd name="connsiteX11" fmla="*/ 1121524 w 3208876"/>
                  <a:gd name="connsiteY11" fmla="*/ 821558 h 1037378"/>
                  <a:gd name="connsiteX12" fmla="*/ 1188089 w 3208876"/>
                  <a:gd name="connsiteY12" fmla="*/ 907885 h 1037378"/>
                  <a:gd name="connsiteX13" fmla="*/ 1275675 w 3208876"/>
                  <a:gd name="connsiteY13" fmla="*/ 994211 h 1037378"/>
                  <a:gd name="connsiteX14" fmla="*/ 1370268 w 3208876"/>
                  <a:gd name="connsiteY14" fmla="*/ 1027989 h 1037378"/>
                  <a:gd name="connsiteX15" fmla="*/ 1524420 w 3208876"/>
                  <a:gd name="connsiteY15" fmla="*/ 964184 h 1037378"/>
                  <a:gd name="connsiteX16" fmla="*/ 1595294 w 3208876"/>
                  <a:gd name="connsiteY16" fmla="*/ 956129 h 1037378"/>
                  <a:gd name="connsiteX17" fmla="*/ 1744062 w 3208876"/>
                  <a:gd name="connsiteY17" fmla="*/ 991588 h 1037378"/>
                  <a:gd name="connsiteX18" fmla="*/ 1869426 w 3208876"/>
                  <a:gd name="connsiteY18" fmla="*/ 1034296 h 1037378"/>
                  <a:gd name="connsiteX19" fmla="*/ 1982742 w 3208876"/>
                  <a:gd name="connsiteY19" fmla="*/ 900795 h 1037378"/>
                  <a:gd name="connsiteX20" fmla="*/ 2113087 w 3208876"/>
                  <a:gd name="connsiteY20" fmla="*/ 753583 h 1037378"/>
                  <a:gd name="connsiteX21" fmla="*/ 2207593 w 3208876"/>
                  <a:gd name="connsiteY21" fmla="*/ 754000 h 1037378"/>
                  <a:gd name="connsiteX22" fmla="*/ 2281165 w 3208876"/>
                  <a:gd name="connsiteY22" fmla="*/ 784026 h 1037378"/>
                  <a:gd name="connsiteX23" fmla="*/ 2382765 w 3208876"/>
                  <a:gd name="connsiteY23" fmla="*/ 825313 h 1037378"/>
                  <a:gd name="connsiteX24" fmla="*/ 2484365 w 3208876"/>
                  <a:gd name="connsiteY24" fmla="*/ 832819 h 1037378"/>
                  <a:gd name="connsiteX25" fmla="*/ 2562965 w 3208876"/>
                  <a:gd name="connsiteY25" fmla="*/ 792786 h 1037378"/>
                  <a:gd name="connsiteX26" fmla="*/ 2593778 w 3208876"/>
                  <a:gd name="connsiteY26" fmla="*/ 724811 h 1037378"/>
                  <a:gd name="connsiteX27" fmla="*/ 2622526 w 3208876"/>
                  <a:gd name="connsiteY27" fmla="*/ 641819 h 1037378"/>
                  <a:gd name="connsiteX28" fmla="*/ 2708994 w 3208876"/>
                  <a:gd name="connsiteY28" fmla="*/ 582151 h 1037378"/>
                  <a:gd name="connsiteX29" fmla="*/ 2798540 w 3208876"/>
                  <a:gd name="connsiteY29" fmla="*/ 566763 h 1037378"/>
                  <a:gd name="connsiteX30" fmla="*/ 2899636 w 3208876"/>
                  <a:gd name="connsiteY30" fmla="*/ 530487 h 1037378"/>
                  <a:gd name="connsiteX31" fmla="*/ 2964137 w 3208876"/>
                  <a:gd name="connsiteY31" fmla="*/ 460587 h 1037378"/>
                  <a:gd name="connsiteX32" fmla="*/ 3025510 w 3208876"/>
                  <a:gd name="connsiteY32" fmla="*/ 404536 h 1037378"/>
                  <a:gd name="connsiteX33" fmla="*/ 3151559 w 3208876"/>
                  <a:gd name="connsiteY33" fmla="*/ 454583 h 1037378"/>
                  <a:gd name="connsiteX34" fmla="*/ 3208801 w 3208876"/>
                  <a:gd name="connsiteY34" fmla="*/ 424953 h 1037378"/>
                  <a:gd name="connsiteX35" fmla="*/ 3158767 w 3208876"/>
                  <a:gd name="connsiteY35" fmla="*/ 338221 h 1037378"/>
                  <a:gd name="connsiteX36" fmla="*/ 3110289 w 3208876"/>
                  <a:gd name="connsiteY36" fmla="*/ 256836 h 1037378"/>
                  <a:gd name="connsiteX37" fmla="*/ 3072368 w 3208876"/>
                  <a:gd name="connsiteY37" fmla="*/ 123340 h 1037378"/>
                  <a:gd name="connsiteX38" fmla="*/ 2993180 w 3208876"/>
                  <a:gd name="connsiteY38" fmla="*/ 19353 h 1037378"/>
                  <a:gd name="connsiteX39" fmla="*/ 200808 w 3208876"/>
                  <a:gd name="connsiteY39" fmla="*/ 0 h 1037378"/>
                  <a:gd name="connsiteX40" fmla="*/ 108062 w 3208876"/>
                  <a:gd name="connsiteY40" fmla="*/ 91114 h 1037378"/>
                  <a:gd name="connsiteX41" fmla="*/ 92947 w 3208876"/>
                  <a:gd name="connsiteY41" fmla="*/ 262322 h 1037378"/>
                  <a:gd name="connsiteX42" fmla="*/ 996 w 3208876"/>
                  <a:gd name="connsiteY42" fmla="*/ 413513 h 1037378"/>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13087 w 3208876"/>
                  <a:gd name="connsiteY20" fmla="*/ 753583 h 1035691"/>
                  <a:gd name="connsiteX21" fmla="*/ 2207593 w 3208876"/>
                  <a:gd name="connsiteY21" fmla="*/ 754000 h 1035691"/>
                  <a:gd name="connsiteX22" fmla="*/ 2281165 w 3208876"/>
                  <a:gd name="connsiteY22" fmla="*/ 784026 h 1035691"/>
                  <a:gd name="connsiteX23" fmla="*/ 2382765 w 3208876"/>
                  <a:gd name="connsiteY23" fmla="*/ 825313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22526 w 3208876"/>
                  <a:gd name="connsiteY27" fmla="*/ 641819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07593 w 3208876"/>
                  <a:gd name="connsiteY21" fmla="*/ 754000 h 1035691"/>
                  <a:gd name="connsiteX22" fmla="*/ 2281165 w 3208876"/>
                  <a:gd name="connsiteY22" fmla="*/ 784026 h 1035691"/>
                  <a:gd name="connsiteX23" fmla="*/ 2382765 w 3208876"/>
                  <a:gd name="connsiteY23" fmla="*/ 825313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22526 w 3208876"/>
                  <a:gd name="connsiteY27" fmla="*/ 641819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1165 w 3208876"/>
                  <a:gd name="connsiteY22" fmla="*/ 784026 h 1035691"/>
                  <a:gd name="connsiteX23" fmla="*/ 2382765 w 3208876"/>
                  <a:gd name="connsiteY23" fmla="*/ 825313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22526 w 3208876"/>
                  <a:gd name="connsiteY27" fmla="*/ 641819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82765 w 3208876"/>
                  <a:gd name="connsiteY23" fmla="*/ 825313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22526 w 3208876"/>
                  <a:gd name="connsiteY27" fmla="*/ 641819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22526 w 3208876"/>
                  <a:gd name="connsiteY27" fmla="*/ 641819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84365 w 3208876"/>
                  <a:gd name="connsiteY24" fmla="*/ 832819 h 1035691"/>
                  <a:gd name="connsiteX25" fmla="*/ 2562965 w 3208876"/>
                  <a:gd name="connsiteY25" fmla="*/ 792786 h 1035691"/>
                  <a:gd name="connsiteX26" fmla="*/ 2593778 w 3208876"/>
                  <a:gd name="connsiteY26" fmla="*/ 724811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95933 w 3208876"/>
                  <a:gd name="connsiteY24" fmla="*/ 862437 h 1035691"/>
                  <a:gd name="connsiteX25" fmla="*/ 2562965 w 3208876"/>
                  <a:gd name="connsiteY25" fmla="*/ 792786 h 1035691"/>
                  <a:gd name="connsiteX26" fmla="*/ 2593778 w 3208876"/>
                  <a:gd name="connsiteY26" fmla="*/ 724811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95933 w 3208876"/>
                  <a:gd name="connsiteY24" fmla="*/ 862437 h 1035691"/>
                  <a:gd name="connsiteX25" fmla="*/ 2580317 w 3208876"/>
                  <a:gd name="connsiteY25" fmla="*/ 819442 h 1035691"/>
                  <a:gd name="connsiteX26" fmla="*/ 2593778 w 3208876"/>
                  <a:gd name="connsiteY26" fmla="*/ 724811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95933 w 3208876"/>
                  <a:gd name="connsiteY24" fmla="*/ 862437 h 1035691"/>
                  <a:gd name="connsiteX25" fmla="*/ 2580317 w 3208876"/>
                  <a:gd name="connsiteY25" fmla="*/ 819442 h 1035691"/>
                  <a:gd name="connsiteX26" fmla="*/ 2614023 w 3208876"/>
                  <a:gd name="connsiteY26" fmla="*/ 745544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524420 w 3208876"/>
                  <a:gd name="connsiteY15" fmla="*/ 96418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95933 w 3208876"/>
                  <a:gd name="connsiteY24" fmla="*/ 862437 h 1035691"/>
                  <a:gd name="connsiteX25" fmla="*/ 2580317 w 3208876"/>
                  <a:gd name="connsiteY25" fmla="*/ 819442 h 1035691"/>
                  <a:gd name="connsiteX26" fmla="*/ 2614023 w 3208876"/>
                  <a:gd name="connsiteY26" fmla="*/ 745544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35691"/>
                  <a:gd name="connsiteX1" fmla="*/ 85940 w 3208876"/>
                  <a:gd name="connsiteY1" fmla="*/ 424966 h 1035691"/>
                  <a:gd name="connsiteX2" fmla="*/ 161210 w 3208876"/>
                  <a:gd name="connsiteY2" fmla="*/ 448740 h 1035691"/>
                  <a:gd name="connsiteX3" fmla="*/ 222028 w 3208876"/>
                  <a:gd name="connsiteY3" fmla="*/ 507539 h 1035691"/>
                  <a:gd name="connsiteX4" fmla="*/ 320670 w 3208876"/>
                  <a:gd name="connsiteY4" fmla="*/ 493360 h 1035691"/>
                  <a:gd name="connsiteX5" fmla="*/ 399812 w 3208876"/>
                  <a:gd name="connsiteY5" fmla="*/ 524221 h 1035691"/>
                  <a:gd name="connsiteX6" fmla="*/ 543455 w 3208876"/>
                  <a:gd name="connsiteY6" fmla="*/ 585103 h 1035691"/>
                  <a:gd name="connsiteX7" fmla="*/ 588911 w 3208876"/>
                  <a:gd name="connsiteY7" fmla="*/ 743576 h 1035691"/>
                  <a:gd name="connsiteX8" fmla="*/ 725634 w 3208876"/>
                  <a:gd name="connsiteY8" fmla="*/ 829065 h 1035691"/>
                  <a:gd name="connsiteX9" fmla="*/ 914820 w 3208876"/>
                  <a:gd name="connsiteY9" fmla="*/ 810299 h 1035691"/>
                  <a:gd name="connsiteX10" fmla="*/ 1068972 w 3208876"/>
                  <a:gd name="connsiteY10" fmla="*/ 735234 h 1035691"/>
                  <a:gd name="connsiteX11" fmla="*/ 1121524 w 3208876"/>
                  <a:gd name="connsiteY11" fmla="*/ 821558 h 1035691"/>
                  <a:gd name="connsiteX12" fmla="*/ 1188089 w 3208876"/>
                  <a:gd name="connsiteY12" fmla="*/ 907885 h 1035691"/>
                  <a:gd name="connsiteX13" fmla="*/ 1275675 w 3208876"/>
                  <a:gd name="connsiteY13" fmla="*/ 994211 h 1035691"/>
                  <a:gd name="connsiteX14" fmla="*/ 1370268 w 3208876"/>
                  <a:gd name="connsiteY14" fmla="*/ 1027989 h 1035691"/>
                  <a:gd name="connsiteX15" fmla="*/ 1478149 w 3208876"/>
                  <a:gd name="connsiteY15" fmla="*/ 1014534 h 1035691"/>
                  <a:gd name="connsiteX16" fmla="*/ 1595294 w 3208876"/>
                  <a:gd name="connsiteY16" fmla="*/ 956129 h 1035691"/>
                  <a:gd name="connsiteX17" fmla="*/ 1744062 w 3208876"/>
                  <a:gd name="connsiteY17" fmla="*/ 991588 h 1035691"/>
                  <a:gd name="connsiteX18" fmla="*/ 1869426 w 3208876"/>
                  <a:gd name="connsiteY18" fmla="*/ 1034296 h 1035691"/>
                  <a:gd name="connsiteX19" fmla="*/ 1985634 w 3208876"/>
                  <a:gd name="connsiteY19" fmla="*/ 936337 h 1035691"/>
                  <a:gd name="connsiteX20" fmla="*/ 2130438 w 3208876"/>
                  <a:gd name="connsiteY20" fmla="*/ 786163 h 1035691"/>
                  <a:gd name="connsiteX21" fmla="*/ 2210485 w 3208876"/>
                  <a:gd name="connsiteY21" fmla="*/ 786580 h 1035691"/>
                  <a:gd name="connsiteX22" fmla="*/ 2289842 w 3208876"/>
                  <a:gd name="connsiteY22" fmla="*/ 807720 h 1035691"/>
                  <a:gd name="connsiteX23" fmla="*/ 2376981 w 3208876"/>
                  <a:gd name="connsiteY23" fmla="*/ 849007 h 1035691"/>
                  <a:gd name="connsiteX24" fmla="*/ 2495933 w 3208876"/>
                  <a:gd name="connsiteY24" fmla="*/ 862437 h 1035691"/>
                  <a:gd name="connsiteX25" fmla="*/ 2580317 w 3208876"/>
                  <a:gd name="connsiteY25" fmla="*/ 819442 h 1035691"/>
                  <a:gd name="connsiteX26" fmla="*/ 2614023 w 3208876"/>
                  <a:gd name="connsiteY26" fmla="*/ 745544 h 1035691"/>
                  <a:gd name="connsiteX27" fmla="*/ 2642770 w 3208876"/>
                  <a:gd name="connsiteY27" fmla="*/ 668475 h 1035691"/>
                  <a:gd name="connsiteX28" fmla="*/ 2708994 w 3208876"/>
                  <a:gd name="connsiteY28" fmla="*/ 582151 h 1035691"/>
                  <a:gd name="connsiteX29" fmla="*/ 2798540 w 3208876"/>
                  <a:gd name="connsiteY29" fmla="*/ 566763 h 1035691"/>
                  <a:gd name="connsiteX30" fmla="*/ 2899636 w 3208876"/>
                  <a:gd name="connsiteY30" fmla="*/ 530487 h 1035691"/>
                  <a:gd name="connsiteX31" fmla="*/ 2964137 w 3208876"/>
                  <a:gd name="connsiteY31" fmla="*/ 460587 h 1035691"/>
                  <a:gd name="connsiteX32" fmla="*/ 3025510 w 3208876"/>
                  <a:gd name="connsiteY32" fmla="*/ 404536 h 1035691"/>
                  <a:gd name="connsiteX33" fmla="*/ 3151559 w 3208876"/>
                  <a:gd name="connsiteY33" fmla="*/ 454583 h 1035691"/>
                  <a:gd name="connsiteX34" fmla="*/ 3208801 w 3208876"/>
                  <a:gd name="connsiteY34" fmla="*/ 424953 h 1035691"/>
                  <a:gd name="connsiteX35" fmla="*/ 3158767 w 3208876"/>
                  <a:gd name="connsiteY35" fmla="*/ 338221 h 1035691"/>
                  <a:gd name="connsiteX36" fmla="*/ 3110289 w 3208876"/>
                  <a:gd name="connsiteY36" fmla="*/ 256836 h 1035691"/>
                  <a:gd name="connsiteX37" fmla="*/ 3072368 w 3208876"/>
                  <a:gd name="connsiteY37" fmla="*/ 123340 h 1035691"/>
                  <a:gd name="connsiteX38" fmla="*/ 2993180 w 3208876"/>
                  <a:gd name="connsiteY38" fmla="*/ 19353 h 1035691"/>
                  <a:gd name="connsiteX39" fmla="*/ 200808 w 3208876"/>
                  <a:gd name="connsiteY39" fmla="*/ 0 h 1035691"/>
                  <a:gd name="connsiteX40" fmla="*/ 108062 w 3208876"/>
                  <a:gd name="connsiteY40" fmla="*/ 91114 h 1035691"/>
                  <a:gd name="connsiteX41" fmla="*/ 92947 w 3208876"/>
                  <a:gd name="connsiteY41" fmla="*/ 262322 h 1035691"/>
                  <a:gd name="connsiteX42" fmla="*/ 996 w 3208876"/>
                  <a:gd name="connsiteY42" fmla="*/ 413513 h 1035691"/>
                  <a:gd name="connsiteX0" fmla="*/ 996 w 3208876"/>
                  <a:gd name="connsiteY0" fmla="*/ 413513 h 1057716"/>
                  <a:gd name="connsiteX1" fmla="*/ 85940 w 3208876"/>
                  <a:gd name="connsiteY1" fmla="*/ 424966 h 1057716"/>
                  <a:gd name="connsiteX2" fmla="*/ 161210 w 3208876"/>
                  <a:gd name="connsiteY2" fmla="*/ 448740 h 1057716"/>
                  <a:gd name="connsiteX3" fmla="*/ 222028 w 3208876"/>
                  <a:gd name="connsiteY3" fmla="*/ 507539 h 1057716"/>
                  <a:gd name="connsiteX4" fmla="*/ 320670 w 3208876"/>
                  <a:gd name="connsiteY4" fmla="*/ 493360 h 1057716"/>
                  <a:gd name="connsiteX5" fmla="*/ 399812 w 3208876"/>
                  <a:gd name="connsiteY5" fmla="*/ 524221 h 1057716"/>
                  <a:gd name="connsiteX6" fmla="*/ 543455 w 3208876"/>
                  <a:gd name="connsiteY6" fmla="*/ 585103 h 1057716"/>
                  <a:gd name="connsiteX7" fmla="*/ 588911 w 3208876"/>
                  <a:gd name="connsiteY7" fmla="*/ 743576 h 1057716"/>
                  <a:gd name="connsiteX8" fmla="*/ 725634 w 3208876"/>
                  <a:gd name="connsiteY8" fmla="*/ 829065 h 1057716"/>
                  <a:gd name="connsiteX9" fmla="*/ 914820 w 3208876"/>
                  <a:gd name="connsiteY9" fmla="*/ 810299 h 1057716"/>
                  <a:gd name="connsiteX10" fmla="*/ 1068972 w 3208876"/>
                  <a:gd name="connsiteY10" fmla="*/ 735234 h 1057716"/>
                  <a:gd name="connsiteX11" fmla="*/ 1121524 w 3208876"/>
                  <a:gd name="connsiteY11" fmla="*/ 821558 h 1057716"/>
                  <a:gd name="connsiteX12" fmla="*/ 1188089 w 3208876"/>
                  <a:gd name="connsiteY12" fmla="*/ 907885 h 1057716"/>
                  <a:gd name="connsiteX13" fmla="*/ 1275675 w 3208876"/>
                  <a:gd name="connsiteY13" fmla="*/ 994211 h 1057716"/>
                  <a:gd name="connsiteX14" fmla="*/ 1347133 w 3208876"/>
                  <a:gd name="connsiteY14" fmla="*/ 1057607 h 1057716"/>
                  <a:gd name="connsiteX15" fmla="*/ 1478149 w 3208876"/>
                  <a:gd name="connsiteY15" fmla="*/ 1014534 h 1057716"/>
                  <a:gd name="connsiteX16" fmla="*/ 1595294 w 3208876"/>
                  <a:gd name="connsiteY16" fmla="*/ 956129 h 1057716"/>
                  <a:gd name="connsiteX17" fmla="*/ 1744062 w 3208876"/>
                  <a:gd name="connsiteY17" fmla="*/ 991588 h 1057716"/>
                  <a:gd name="connsiteX18" fmla="*/ 1869426 w 3208876"/>
                  <a:gd name="connsiteY18" fmla="*/ 1034296 h 1057716"/>
                  <a:gd name="connsiteX19" fmla="*/ 1985634 w 3208876"/>
                  <a:gd name="connsiteY19" fmla="*/ 936337 h 1057716"/>
                  <a:gd name="connsiteX20" fmla="*/ 2130438 w 3208876"/>
                  <a:gd name="connsiteY20" fmla="*/ 786163 h 1057716"/>
                  <a:gd name="connsiteX21" fmla="*/ 2210485 w 3208876"/>
                  <a:gd name="connsiteY21" fmla="*/ 786580 h 1057716"/>
                  <a:gd name="connsiteX22" fmla="*/ 2289842 w 3208876"/>
                  <a:gd name="connsiteY22" fmla="*/ 807720 h 1057716"/>
                  <a:gd name="connsiteX23" fmla="*/ 2376981 w 3208876"/>
                  <a:gd name="connsiteY23" fmla="*/ 849007 h 1057716"/>
                  <a:gd name="connsiteX24" fmla="*/ 2495933 w 3208876"/>
                  <a:gd name="connsiteY24" fmla="*/ 862437 h 1057716"/>
                  <a:gd name="connsiteX25" fmla="*/ 2580317 w 3208876"/>
                  <a:gd name="connsiteY25" fmla="*/ 819442 h 1057716"/>
                  <a:gd name="connsiteX26" fmla="*/ 2614023 w 3208876"/>
                  <a:gd name="connsiteY26" fmla="*/ 745544 h 1057716"/>
                  <a:gd name="connsiteX27" fmla="*/ 2642770 w 3208876"/>
                  <a:gd name="connsiteY27" fmla="*/ 668475 h 1057716"/>
                  <a:gd name="connsiteX28" fmla="*/ 2708994 w 3208876"/>
                  <a:gd name="connsiteY28" fmla="*/ 582151 h 1057716"/>
                  <a:gd name="connsiteX29" fmla="*/ 2798540 w 3208876"/>
                  <a:gd name="connsiteY29" fmla="*/ 566763 h 1057716"/>
                  <a:gd name="connsiteX30" fmla="*/ 2899636 w 3208876"/>
                  <a:gd name="connsiteY30" fmla="*/ 530487 h 1057716"/>
                  <a:gd name="connsiteX31" fmla="*/ 2964137 w 3208876"/>
                  <a:gd name="connsiteY31" fmla="*/ 460587 h 1057716"/>
                  <a:gd name="connsiteX32" fmla="*/ 3025510 w 3208876"/>
                  <a:gd name="connsiteY32" fmla="*/ 404536 h 1057716"/>
                  <a:gd name="connsiteX33" fmla="*/ 3151559 w 3208876"/>
                  <a:gd name="connsiteY33" fmla="*/ 454583 h 1057716"/>
                  <a:gd name="connsiteX34" fmla="*/ 3208801 w 3208876"/>
                  <a:gd name="connsiteY34" fmla="*/ 424953 h 1057716"/>
                  <a:gd name="connsiteX35" fmla="*/ 3158767 w 3208876"/>
                  <a:gd name="connsiteY35" fmla="*/ 338221 h 1057716"/>
                  <a:gd name="connsiteX36" fmla="*/ 3110289 w 3208876"/>
                  <a:gd name="connsiteY36" fmla="*/ 256836 h 1057716"/>
                  <a:gd name="connsiteX37" fmla="*/ 3072368 w 3208876"/>
                  <a:gd name="connsiteY37" fmla="*/ 123340 h 1057716"/>
                  <a:gd name="connsiteX38" fmla="*/ 2993180 w 3208876"/>
                  <a:gd name="connsiteY38" fmla="*/ 19353 h 1057716"/>
                  <a:gd name="connsiteX39" fmla="*/ 200808 w 3208876"/>
                  <a:gd name="connsiteY39" fmla="*/ 0 h 1057716"/>
                  <a:gd name="connsiteX40" fmla="*/ 108062 w 3208876"/>
                  <a:gd name="connsiteY40" fmla="*/ 91114 h 1057716"/>
                  <a:gd name="connsiteX41" fmla="*/ 92947 w 3208876"/>
                  <a:gd name="connsiteY41" fmla="*/ 262322 h 1057716"/>
                  <a:gd name="connsiteX42" fmla="*/ 996 w 3208876"/>
                  <a:gd name="connsiteY42" fmla="*/ 413513 h 1057716"/>
                  <a:gd name="connsiteX0" fmla="*/ 996 w 3208876"/>
                  <a:gd name="connsiteY0" fmla="*/ 413513 h 1057716"/>
                  <a:gd name="connsiteX1" fmla="*/ 85940 w 3208876"/>
                  <a:gd name="connsiteY1" fmla="*/ 424966 h 1057716"/>
                  <a:gd name="connsiteX2" fmla="*/ 161210 w 3208876"/>
                  <a:gd name="connsiteY2" fmla="*/ 448740 h 1057716"/>
                  <a:gd name="connsiteX3" fmla="*/ 222028 w 3208876"/>
                  <a:gd name="connsiteY3" fmla="*/ 507539 h 1057716"/>
                  <a:gd name="connsiteX4" fmla="*/ 320670 w 3208876"/>
                  <a:gd name="connsiteY4" fmla="*/ 493360 h 1057716"/>
                  <a:gd name="connsiteX5" fmla="*/ 399812 w 3208876"/>
                  <a:gd name="connsiteY5" fmla="*/ 524221 h 1057716"/>
                  <a:gd name="connsiteX6" fmla="*/ 543455 w 3208876"/>
                  <a:gd name="connsiteY6" fmla="*/ 585103 h 1057716"/>
                  <a:gd name="connsiteX7" fmla="*/ 588911 w 3208876"/>
                  <a:gd name="connsiteY7" fmla="*/ 743576 h 1057716"/>
                  <a:gd name="connsiteX8" fmla="*/ 725634 w 3208876"/>
                  <a:gd name="connsiteY8" fmla="*/ 829065 h 1057716"/>
                  <a:gd name="connsiteX9" fmla="*/ 914820 w 3208876"/>
                  <a:gd name="connsiteY9" fmla="*/ 810299 h 1057716"/>
                  <a:gd name="connsiteX10" fmla="*/ 1068972 w 3208876"/>
                  <a:gd name="connsiteY10" fmla="*/ 735234 h 1057716"/>
                  <a:gd name="connsiteX11" fmla="*/ 1121524 w 3208876"/>
                  <a:gd name="connsiteY11" fmla="*/ 821558 h 1057716"/>
                  <a:gd name="connsiteX12" fmla="*/ 1188089 w 3208876"/>
                  <a:gd name="connsiteY12" fmla="*/ 907885 h 1057716"/>
                  <a:gd name="connsiteX13" fmla="*/ 1275675 w 3208876"/>
                  <a:gd name="connsiteY13" fmla="*/ 994211 h 1057716"/>
                  <a:gd name="connsiteX14" fmla="*/ 1347133 w 3208876"/>
                  <a:gd name="connsiteY14" fmla="*/ 1057607 h 1057716"/>
                  <a:gd name="connsiteX15" fmla="*/ 1478149 w 3208876"/>
                  <a:gd name="connsiteY15" fmla="*/ 1014534 h 1057716"/>
                  <a:gd name="connsiteX16" fmla="*/ 1595294 w 3208876"/>
                  <a:gd name="connsiteY16" fmla="*/ 956129 h 1057716"/>
                  <a:gd name="connsiteX17" fmla="*/ 1744062 w 3208876"/>
                  <a:gd name="connsiteY17" fmla="*/ 991588 h 1057716"/>
                  <a:gd name="connsiteX18" fmla="*/ 1869426 w 3208876"/>
                  <a:gd name="connsiteY18" fmla="*/ 1034296 h 1057716"/>
                  <a:gd name="connsiteX19" fmla="*/ 1985634 w 3208876"/>
                  <a:gd name="connsiteY19" fmla="*/ 936337 h 1057716"/>
                  <a:gd name="connsiteX20" fmla="*/ 2130438 w 3208876"/>
                  <a:gd name="connsiteY20" fmla="*/ 786163 h 1057716"/>
                  <a:gd name="connsiteX21" fmla="*/ 2210485 w 3208876"/>
                  <a:gd name="connsiteY21" fmla="*/ 786580 h 1057716"/>
                  <a:gd name="connsiteX22" fmla="*/ 2289842 w 3208876"/>
                  <a:gd name="connsiteY22" fmla="*/ 807720 h 1057716"/>
                  <a:gd name="connsiteX23" fmla="*/ 2376981 w 3208876"/>
                  <a:gd name="connsiteY23" fmla="*/ 849007 h 1057716"/>
                  <a:gd name="connsiteX24" fmla="*/ 2495933 w 3208876"/>
                  <a:gd name="connsiteY24" fmla="*/ 862437 h 1057716"/>
                  <a:gd name="connsiteX25" fmla="*/ 2580317 w 3208876"/>
                  <a:gd name="connsiteY25" fmla="*/ 819442 h 1057716"/>
                  <a:gd name="connsiteX26" fmla="*/ 2614023 w 3208876"/>
                  <a:gd name="connsiteY26" fmla="*/ 745544 h 1057716"/>
                  <a:gd name="connsiteX27" fmla="*/ 2642770 w 3208876"/>
                  <a:gd name="connsiteY27" fmla="*/ 668475 h 1057716"/>
                  <a:gd name="connsiteX28" fmla="*/ 2708994 w 3208876"/>
                  <a:gd name="connsiteY28" fmla="*/ 582151 h 1057716"/>
                  <a:gd name="connsiteX29" fmla="*/ 2798540 w 3208876"/>
                  <a:gd name="connsiteY29" fmla="*/ 566763 h 1057716"/>
                  <a:gd name="connsiteX30" fmla="*/ 2899636 w 3208876"/>
                  <a:gd name="connsiteY30" fmla="*/ 530487 h 1057716"/>
                  <a:gd name="connsiteX31" fmla="*/ 2964137 w 3208876"/>
                  <a:gd name="connsiteY31" fmla="*/ 460587 h 1057716"/>
                  <a:gd name="connsiteX32" fmla="*/ 3025510 w 3208876"/>
                  <a:gd name="connsiteY32" fmla="*/ 404536 h 1057716"/>
                  <a:gd name="connsiteX33" fmla="*/ 3151559 w 3208876"/>
                  <a:gd name="connsiteY33" fmla="*/ 454583 h 1057716"/>
                  <a:gd name="connsiteX34" fmla="*/ 3208801 w 3208876"/>
                  <a:gd name="connsiteY34" fmla="*/ 424953 h 1057716"/>
                  <a:gd name="connsiteX35" fmla="*/ 3158767 w 3208876"/>
                  <a:gd name="connsiteY35" fmla="*/ 338221 h 1057716"/>
                  <a:gd name="connsiteX36" fmla="*/ 3110289 w 3208876"/>
                  <a:gd name="connsiteY36" fmla="*/ 256836 h 1057716"/>
                  <a:gd name="connsiteX37" fmla="*/ 3072368 w 3208876"/>
                  <a:gd name="connsiteY37" fmla="*/ 123340 h 1057716"/>
                  <a:gd name="connsiteX38" fmla="*/ 2993180 w 3208876"/>
                  <a:gd name="connsiteY38" fmla="*/ 19353 h 1057716"/>
                  <a:gd name="connsiteX39" fmla="*/ 200808 w 3208876"/>
                  <a:gd name="connsiteY39" fmla="*/ 0 h 1057716"/>
                  <a:gd name="connsiteX40" fmla="*/ 108062 w 3208876"/>
                  <a:gd name="connsiteY40" fmla="*/ 91114 h 1057716"/>
                  <a:gd name="connsiteX41" fmla="*/ 92947 w 3208876"/>
                  <a:gd name="connsiteY41" fmla="*/ 262322 h 1057716"/>
                  <a:gd name="connsiteX42" fmla="*/ 996 w 3208876"/>
                  <a:gd name="connsiteY42" fmla="*/ 413513 h 1057716"/>
                  <a:gd name="connsiteX0" fmla="*/ 996 w 3208876"/>
                  <a:gd name="connsiteY0" fmla="*/ 413513 h 1057773"/>
                  <a:gd name="connsiteX1" fmla="*/ 85940 w 3208876"/>
                  <a:gd name="connsiteY1" fmla="*/ 424966 h 1057773"/>
                  <a:gd name="connsiteX2" fmla="*/ 161210 w 3208876"/>
                  <a:gd name="connsiteY2" fmla="*/ 448740 h 1057773"/>
                  <a:gd name="connsiteX3" fmla="*/ 222028 w 3208876"/>
                  <a:gd name="connsiteY3" fmla="*/ 507539 h 1057773"/>
                  <a:gd name="connsiteX4" fmla="*/ 320670 w 3208876"/>
                  <a:gd name="connsiteY4" fmla="*/ 493360 h 1057773"/>
                  <a:gd name="connsiteX5" fmla="*/ 399812 w 3208876"/>
                  <a:gd name="connsiteY5" fmla="*/ 524221 h 1057773"/>
                  <a:gd name="connsiteX6" fmla="*/ 543455 w 3208876"/>
                  <a:gd name="connsiteY6" fmla="*/ 585103 h 1057773"/>
                  <a:gd name="connsiteX7" fmla="*/ 588911 w 3208876"/>
                  <a:gd name="connsiteY7" fmla="*/ 743576 h 1057773"/>
                  <a:gd name="connsiteX8" fmla="*/ 725634 w 3208876"/>
                  <a:gd name="connsiteY8" fmla="*/ 829065 h 1057773"/>
                  <a:gd name="connsiteX9" fmla="*/ 914820 w 3208876"/>
                  <a:gd name="connsiteY9" fmla="*/ 810299 h 1057773"/>
                  <a:gd name="connsiteX10" fmla="*/ 1068972 w 3208876"/>
                  <a:gd name="connsiteY10" fmla="*/ 735234 h 1057773"/>
                  <a:gd name="connsiteX11" fmla="*/ 1121524 w 3208876"/>
                  <a:gd name="connsiteY11" fmla="*/ 821558 h 1057773"/>
                  <a:gd name="connsiteX12" fmla="*/ 1188089 w 3208876"/>
                  <a:gd name="connsiteY12" fmla="*/ 907885 h 1057773"/>
                  <a:gd name="connsiteX13" fmla="*/ 1243864 w 3208876"/>
                  <a:gd name="connsiteY13" fmla="*/ 1009020 h 1057773"/>
                  <a:gd name="connsiteX14" fmla="*/ 1347133 w 3208876"/>
                  <a:gd name="connsiteY14" fmla="*/ 1057607 h 1057773"/>
                  <a:gd name="connsiteX15" fmla="*/ 1478149 w 3208876"/>
                  <a:gd name="connsiteY15" fmla="*/ 1014534 h 1057773"/>
                  <a:gd name="connsiteX16" fmla="*/ 1595294 w 3208876"/>
                  <a:gd name="connsiteY16" fmla="*/ 956129 h 1057773"/>
                  <a:gd name="connsiteX17" fmla="*/ 1744062 w 3208876"/>
                  <a:gd name="connsiteY17" fmla="*/ 991588 h 1057773"/>
                  <a:gd name="connsiteX18" fmla="*/ 1869426 w 3208876"/>
                  <a:gd name="connsiteY18" fmla="*/ 1034296 h 1057773"/>
                  <a:gd name="connsiteX19" fmla="*/ 1985634 w 3208876"/>
                  <a:gd name="connsiteY19" fmla="*/ 936337 h 1057773"/>
                  <a:gd name="connsiteX20" fmla="*/ 2130438 w 3208876"/>
                  <a:gd name="connsiteY20" fmla="*/ 786163 h 1057773"/>
                  <a:gd name="connsiteX21" fmla="*/ 2210485 w 3208876"/>
                  <a:gd name="connsiteY21" fmla="*/ 786580 h 1057773"/>
                  <a:gd name="connsiteX22" fmla="*/ 2289842 w 3208876"/>
                  <a:gd name="connsiteY22" fmla="*/ 807720 h 1057773"/>
                  <a:gd name="connsiteX23" fmla="*/ 2376981 w 3208876"/>
                  <a:gd name="connsiteY23" fmla="*/ 849007 h 1057773"/>
                  <a:gd name="connsiteX24" fmla="*/ 2495933 w 3208876"/>
                  <a:gd name="connsiteY24" fmla="*/ 862437 h 1057773"/>
                  <a:gd name="connsiteX25" fmla="*/ 2580317 w 3208876"/>
                  <a:gd name="connsiteY25" fmla="*/ 819442 h 1057773"/>
                  <a:gd name="connsiteX26" fmla="*/ 2614023 w 3208876"/>
                  <a:gd name="connsiteY26" fmla="*/ 745544 h 1057773"/>
                  <a:gd name="connsiteX27" fmla="*/ 2642770 w 3208876"/>
                  <a:gd name="connsiteY27" fmla="*/ 668475 h 1057773"/>
                  <a:gd name="connsiteX28" fmla="*/ 2708994 w 3208876"/>
                  <a:gd name="connsiteY28" fmla="*/ 582151 h 1057773"/>
                  <a:gd name="connsiteX29" fmla="*/ 2798540 w 3208876"/>
                  <a:gd name="connsiteY29" fmla="*/ 566763 h 1057773"/>
                  <a:gd name="connsiteX30" fmla="*/ 2899636 w 3208876"/>
                  <a:gd name="connsiteY30" fmla="*/ 530487 h 1057773"/>
                  <a:gd name="connsiteX31" fmla="*/ 2964137 w 3208876"/>
                  <a:gd name="connsiteY31" fmla="*/ 460587 h 1057773"/>
                  <a:gd name="connsiteX32" fmla="*/ 3025510 w 3208876"/>
                  <a:gd name="connsiteY32" fmla="*/ 404536 h 1057773"/>
                  <a:gd name="connsiteX33" fmla="*/ 3151559 w 3208876"/>
                  <a:gd name="connsiteY33" fmla="*/ 454583 h 1057773"/>
                  <a:gd name="connsiteX34" fmla="*/ 3208801 w 3208876"/>
                  <a:gd name="connsiteY34" fmla="*/ 424953 h 1057773"/>
                  <a:gd name="connsiteX35" fmla="*/ 3158767 w 3208876"/>
                  <a:gd name="connsiteY35" fmla="*/ 338221 h 1057773"/>
                  <a:gd name="connsiteX36" fmla="*/ 3110289 w 3208876"/>
                  <a:gd name="connsiteY36" fmla="*/ 256836 h 1057773"/>
                  <a:gd name="connsiteX37" fmla="*/ 3072368 w 3208876"/>
                  <a:gd name="connsiteY37" fmla="*/ 123340 h 1057773"/>
                  <a:gd name="connsiteX38" fmla="*/ 2993180 w 3208876"/>
                  <a:gd name="connsiteY38" fmla="*/ 19353 h 1057773"/>
                  <a:gd name="connsiteX39" fmla="*/ 200808 w 3208876"/>
                  <a:gd name="connsiteY39" fmla="*/ 0 h 1057773"/>
                  <a:gd name="connsiteX40" fmla="*/ 108062 w 3208876"/>
                  <a:gd name="connsiteY40" fmla="*/ 91114 h 1057773"/>
                  <a:gd name="connsiteX41" fmla="*/ 92947 w 3208876"/>
                  <a:gd name="connsiteY41" fmla="*/ 262322 h 1057773"/>
                  <a:gd name="connsiteX42" fmla="*/ 996 w 3208876"/>
                  <a:gd name="connsiteY42" fmla="*/ 413513 h 1057773"/>
                  <a:gd name="connsiteX0" fmla="*/ 996 w 3208876"/>
                  <a:gd name="connsiteY0" fmla="*/ 413513 h 1057773"/>
                  <a:gd name="connsiteX1" fmla="*/ 85940 w 3208876"/>
                  <a:gd name="connsiteY1" fmla="*/ 424966 h 1057773"/>
                  <a:gd name="connsiteX2" fmla="*/ 161210 w 3208876"/>
                  <a:gd name="connsiteY2" fmla="*/ 448740 h 1057773"/>
                  <a:gd name="connsiteX3" fmla="*/ 222028 w 3208876"/>
                  <a:gd name="connsiteY3" fmla="*/ 507539 h 1057773"/>
                  <a:gd name="connsiteX4" fmla="*/ 320670 w 3208876"/>
                  <a:gd name="connsiteY4" fmla="*/ 493360 h 1057773"/>
                  <a:gd name="connsiteX5" fmla="*/ 399812 w 3208876"/>
                  <a:gd name="connsiteY5" fmla="*/ 524221 h 1057773"/>
                  <a:gd name="connsiteX6" fmla="*/ 543455 w 3208876"/>
                  <a:gd name="connsiteY6" fmla="*/ 585103 h 1057773"/>
                  <a:gd name="connsiteX7" fmla="*/ 588911 w 3208876"/>
                  <a:gd name="connsiteY7" fmla="*/ 743576 h 1057773"/>
                  <a:gd name="connsiteX8" fmla="*/ 725634 w 3208876"/>
                  <a:gd name="connsiteY8" fmla="*/ 829065 h 1057773"/>
                  <a:gd name="connsiteX9" fmla="*/ 914820 w 3208876"/>
                  <a:gd name="connsiteY9" fmla="*/ 810299 h 1057773"/>
                  <a:gd name="connsiteX10" fmla="*/ 1051620 w 3208876"/>
                  <a:gd name="connsiteY10" fmla="*/ 758929 h 1057773"/>
                  <a:gd name="connsiteX11" fmla="*/ 1121524 w 3208876"/>
                  <a:gd name="connsiteY11" fmla="*/ 821558 h 1057773"/>
                  <a:gd name="connsiteX12" fmla="*/ 1188089 w 3208876"/>
                  <a:gd name="connsiteY12" fmla="*/ 907885 h 1057773"/>
                  <a:gd name="connsiteX13" fmla="*/ 1243864 w 3208876"/>
                  <a:gd name="connsiteY13" fmla="*/ 1009020 h 1057773"/>
                  <a:gd name="connsiteX14" fmla="*/ 1347133 w 3208876"/>
                  <a:gd name="connsiteY14" fmla="*/ 1057607 h 1057773"/>
                  <a:gd name="connsiteX15" fmla="*/ 1478149 w 3208876"/>
                  <a:gd name="connsiteY15" fmla="*/ 1014534 h 1057773"/>
                  <a:gd name="connsiteX16" fmla="*/ 1595294 w 3208876"/>
                  <a:gd name="connsiteY16" fmla="*/ 956129 h 1057773"/>
                  <a:gd name="connsiteX17" fmla="*/ 1744062 w 3208876"/>
                  <a:gd name="connsiteY17" fmla="*/ 991588 h 1057773"/>
                  <a:gd name="connsiteX18" fmla="*/ 1869426 w 3208876"/>
                  <a:gd name="connsiteY18" fmla="*/ 1034296 h 1057773"/>
                  <a:gd name="connsiteX19" fmla="*/ 1985634 w 3208876"/>
                  <a:gd name="connsiteY19" fmla="*/ 936337 h 1057773"/>
                  <a:gd name="connsiteX20" fmla="*/ 2130438 w 3208876"/>
                  <a:gd name="connsiteY20" fmla="*/ 786163 h 1057773"/>
                  <a:gd name="connsiteX21" fmla="*/ 2210485 w 3208876"/>
                  <a:gd name="connsiteY21" fmla="*/ 786580 h 1057773"/>
                  <a:gd name="connsiteX22" fmla="*/ 2289842 w 3208876"/>
                  <a:gd name="connsiteY22" fmla="*/ 807720 h 1057773"/>
                  <a:gd name="connsiteX23" fmla="*/ 2376981 w 3208876"/>
                  <a:gd name="connsiteY23" fmla="*/ 849007 h 1057773"/>
                  <a:gd name="connsiteX24" fmla="*/ 2495933 w 3208876"/>
                  <a:gd name="connsiteY24" fmla="*/ 862437 h 1057773"/>
                  <a:gd name="connsiteX25" fmla="*/ 2580317 w 3208876"/>
                  <a:gd name="connsiteY25" fmla="*/ 819442 h 1057773"/>
                  <a:gd name="connsiteX26" fmla="*/ 2614023 w 3208876"/>
                  <a:gd name="connsiteY26" fmla="*/ 745544 h 1057773"/>
                  <a:gd name="connsiteX27" fmla="*/ 2642770 w 3208876"/>
                  <a:gd name="connsiteY27" fmla="*/ 668475 h 1057773"/>
                  <a:gd name="connsiteX28" fmla="*/ 2708994 w 3208876"/>
                  <a:gd name="connsiteY28" fmla="*/ 582151 h 1057773"/>
                  <a:gd name="connsiteX29" fmla="*/ 2798540 w 3208876"/>
                  <a:gd name="connsiteY29" fmla="*/ 566763 h 1057773"/>
                  <a:gd name="connsiteX30" fmla="*/ 2899636 w 3208876"/>
                  <a:gd name="connsiteY30" fmla="*/ 530487 h 1057773"/>
                  <a:gd name="connsiteX31" fmla="*/ 2964137 w 3208876"/>
                  <a:gd name="connsiteY31" fmla="*/ 460587 h 1057773"/>
                  <a:gd name="connsiteX32" fmla="*/ 3025510 w 3208876"/>
                  <a:gd name="connsiteY32" fmla="*/ 404536 h 1057773"/>
                  <a:gd name="connsiteX33" fmla="*/ 3151559 w 3208876"/>
                  <a:gd name="connsiteY33" fmla="*/ 454583 h 1057773"/>
                  <a:gd name="connsiteX34" fmla="*/ 3208801 w 3208876"/>
                  <a:gd name="connsiteY34" fmla="*/ 424953 h 1057773"/>
                  <a:gd name="connsiteX35" fmla="*/ 3158767 w 3208876"/>
                  <a:gd name="connsiteY35" fmla="*/ 338221 h 1057773"/>
                  <a:gd name="connsiteX36" fmla="*/ 3110289 w 3208876"/>
                  <a:gd name="connsiteY36" fmla="*/ 256836 h 1057773"/>
                  <a:gd name="connsiteX37" fmla="*/ 3072368 w 3208876"/>
                  <a:gd name="connsiteY37" fmla="*/ 123340 h 1057773"/>
                  <a:gd name="connsiteX38" fmla="*/ 2993180 w 3208876"/>
                  <a:gd name="connsiteY38" fmla="*/ 19353 h 1057773"/>
                  <a:gd name="connsiteX39" fmla="*/ 200808 w 3208876"/>
                  <a:gd name="connsiteY39" fmla="*/ 0 h 1057773"/>
                  <a:gd name="connsiteX40" fmla="*/ 108062 w 3208876"/>
                  <a:gd name="connsiteY40" fmla="*/ 91114 h 1057773"/>
                  <a:gd name="connsiteX41" fmla="*/ 92947 w 3208876"/>
                  <a:gd name="connsiteY41" fmla="*/ 262322 h 1057773"/>
                  <a:gd name="connsiteX42" fmla="*/ 996 w 3208876"/>
                  <a:gd name="connsiteY42" fmla="*/ 413513 h 1057773"/>
                  <a:gd name="connsiteX0" fmla="*/ 996 w 3208876"/>
                  <a:gd name="connsiteY0" fmla="*/ 413513 h 1057773"/>
                  <a:gd name="connsiteX1" fmla="*/ 85940 w 3208876"/>
                  <a:gd name="connsiteY1" fmla="*/ 424966 h 1057773"/>
                  <a:gd name="connsiteX2" fmla="*/ 161210 w 3208876"/>
                  <a:gd name="connsiteY2" fmla="*/ 448740 h 1057773"/>
                  <a:gd name="connsiteX3" fmla="*/ 222028 w 3208876"/>
                  <a:gd name="connsiteY3" fmla="*/ 507539 h 1057773"/>
                  <a:gd name="connsiteX4" fmla="*/ 320670 w 3208876"/>
                  <a:gd name="connsiteY4" fmla="*/ 493360 h 1057773"/>
                  <a:gd name="connsiteX5" fmla="*/ 399812 w 3208876"/>
                  <a:gd name="connsiteY5" fmla="*/ 524221 h 1057773"/>
                  <a:gd name="connsiteX6" fmla="*/ 543455 w 3208876"/>
                  <a:gd name="connsiteY6" fmla="*/ 585103 h 1057773"/>
                  <a:gd name="connsiteX7" fmla="*/ 588911 w 3208876"/>
                  <a:gd name="connsiteY7" fmla="*/ 743576 h 1057773"/>
                  <a:gd name="connsiteX8" fmla="*/ 725634 w 3208876"/>
                  <a:gd name="connsiteY8" fmla="*/ 829065 h 1057773"/>
                  <a:gd name="connsiteX9" fmla="*/ 914820 w 3208876"/>
                  <a:gd name="connsiteY9" fmla="*/ 810299 h 1057773"/>
                  <a:gd name="connsiteX10" fmla="*/ 1051620 w 3208876"/>
                  <a:gd name="connsiteY10" fmla="*/ 758929 h 1057773"/>
                  <a:gd name="connsiteX11" fmla="*/ 1109956 w 3208876"/>
                  <a:gd name="connsiteY11" fmla="*/ 836367 h 1057773"/>
                  <a:gd name="connsiteX12" fmla="*/ 1188089 w 3208876"/>
                  <a:gd name="connsiteY12" fmla="*/ 907885 h 1057773"/>
                  <a:gd name="connsiteX13" fmla="*/ 1243864 w 3208876"/>
                  <a:gd name="connsiteY13" fmla="*/ 1009020 h 1057773"/>
                  <a:gd name="connsiteX14" fmla="*/ 1347133 w 3208876"/>
                  <a:gd name="connsiteY14" fmla="*/ 1057607 h 1057773"/>
                  <a:gd name="connsiteX15" fmla="*/ 1478149 w 3208876"/>
                  <a:gd name="connsiteY15" fmla="*/ 1014534 h 1057773"/>
                  <a:gd name="connsiteX16" fmla="*/ 1595294 w 3208876"/>
                  <a:gd name="connsiteY16" fmla="*/ 956129 h 1057773"/>
                  <a:gd name="connsiteX17" fmla="*/ 1744062 w 3208876"/>
                  <a:gd name="connsiteY17" fmla="*/ 991588 h 1057773"/>
                  <a:gd name="connsiteX18" fmla="*/ 1869426 w 3208876"/>
                  <a:gd name="connsiteY18" fmla="*/ 1034296 h 1057773"/>
                  <a:gd name="connsiteX19" fmla="*/ 1985634 w 3208876"/>
                  <a:gd name="connsiteY19" fmla="*/ 936337 h 1057773"/>
                  <a:gd name="connsiteX20" fmla="*/ 2130438 w 3208876"/>
                  <a:gd name="connsiteY20" fmla="*/ 786163 h 1057773"/>
                  <a:gd name="connsiteX21" fmla="*/ 2210485 w 3208876"/>
                  <a:gd name="connsiteY21" fmla="*/ 786580 h 1057773"/>
                  <a:gd name="connsiteX22" fmla="*/ 2289842 w 3208876"/>
                  <a:gd name="connsiteY22" fmla="*/ 807720 h 1057773"/>
                  <a:gd name="connsiteX23" fmla="*/ 2376981 w 3208876"/>
                  <a:gd name="connsiteY23" fmla="*/ 849007 h 1057773"/>
                  <a:gd name="connsiteX24" fmla="*/ 2495933 w 3208876"/>
                  <a:gd name="connsiteY24" fmla="*/ 862437 h 1057773"/>
                  <a:gd name="connsiteX25" fmla="*/ 2580317 w 3208876"/>
                  <a:gd name="connsiteY25" fmla="*/ 819442 h 1057773"/>
                  <a:gd name="connsiteX26" fmla="*/ 2614023 w 3208876"/>
                  <a:gd name="connsiteY26" fmla="*/ 745544 h 1057773"/>
                  <a:gd name="connsiteX27" fmla="*/ 2642770 w 3208876"/>
                  <a:gd name="connsiteY27" fmla="*/ 668475 h 1057773"/>
                  <a:gd name="connsiteX28" fmla="*/ 2708994 w 3208876"/>
                  <a:gd name="connsiteY28" fmla="*/ 582151 h 1057773"/>
                  <a:gd name="connsiteX29" fmla="*/ 2798540 w 3208876"/>
                  <a:gd name="connsiteY29" fmla="*/ 566763 h 1057773"/>
                  <a:gd name="connsiteX30" fmla="*/ 2899636 w 3208876"/>
                  <a:gd name="connsiteY30" fmla="*/ 530487 h 1057773"/>
                  <a:gd name="connsiteX31" fmla="*/ 2964137 w 3208876"/>
                  <a:gd name="connsiteY31" fmla="*/ 460587 h 1057773"/>
                  <a:gd name="connsiteX32" fmla="*/ 3025510 w 3208876"/>
                  <a:gd name="connsiteY32" fmla="*/ 404536 h 1057773"/>
                  <a:gd name="connsiteX33" fmla="*/ 3151559 w 3208876"/>
                  <a:gd name="connsiteY33" fmla="*/ 454583 h 1057773"/>
                  <a:gd name="connsiteX34" fmla="*/ 3208801 w 3208876"/>
                  <a:gd name="connsiteY34" fmla="*/ 424953 h 1057773"/>
                  <a:gd name="connsiteX35" fmla="*/ 3158767 w 3208876"/>
                  <a:gd name="connsiteY35" fmla="*/ 338221 h 1057773"/>
                  <a:gd name="connsiteX36" fmla="*/ 3110289 w 3208876"/>
                  <a:gd name="connsiteY36" fmla="*/ 256836 h 1057773"/>
                  <a:gd name="connsiteX37" fmla="*/ 3072368 w 3208876"/>
                  <a:gd name="connsiteY37" fmla="*/ 123340 h 1057773"/>
                  <a:gd name="connsiteX38" fmla="*/ 2993180 w 3208876"/>
                  <a:gd name="connsiteY38" fmla="*/ 19353 h 1057773"/>
                  <a:gd name="connsiteX39" fmla="*/ 200808 w 3208876"/>
                  <a:gd name="connsiteY39" fmla="*/ 0 h 1057773"/>
                  <a:gd name="connsiteX40" fmla="*/ 108062 w 3208876"/>
                  <a:gd name="connsiteY40" fmla="*/ 91114 h 1057773"/>
                  <a:gd name="connsiteX41" fmla="*/ 92947 w 3208876"/>
                  <a:gd name="connsiteY41" fmla="*/ 262322 h 1057773"/>
                  <a:gd name="connsiteX42" fmla="*/ 996 w 3208876"/>
                  <a:gd name="connsiteY42" fmla="*/ 413513 h 1057773"/>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543455 w 3208876"/>
                  <a:gd name="connsiteY6" fmla="*/ 585103 h 1057758"/>
                  <a:gd name="connsiteX7" fmla="*/ 588911 w 3208876"/>
                  <a:gd name="connsiteY7" fmla="*/ 743576 h 1057758"/>
                  <a:gd name="connsiteX8" fmla="*/ 725634 w 3208876"/>
                  <a:gd name="connsiteY8" fmla="*/ 829065 h 1057758"/>
                  <a:gd name="connsiteX9" fmla="*/ 914820 w 3208876"/>
                  <a:gd name="connsiteY9" fmla="*/ 810299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543455 w 3208876"/>
                  <a:gd name="connsiteY6" fmla="*/ 585103 h 1057758"/>
                  <a:gd name="connsiteX7" fmla="*/ 588911 w 3208876"/>
                  <a:gd name="connsiteY7" fmla="*/ 743576 h 1057758"/>
                  <a:gd name="connsiteX8" fmla="*/ 716958 w 3208876"/>
                  <a:gd name="connsiteY8" fmla="*/ 858683 h 1057758"/>
                  <a:gd name="connsiteX9" fmla="*/ 914820 w 3208876"/>
                  <a:gd name="connsiteY9" fmla="*/ 810299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543455 w 3208876"/>
                  <a:gd name="connsiteY6" fmla="*/ 585103 h 1057758"/>
                  <a:gd name="connsiteX7" fmla="*/ 588911 w 3208876"/>
                  <a:gd name="connsiteY7" fmla="*/ 743576 h 1057758"/>
                  <a:gd name="connsiteX8" fmla="*/ 716958 w 3208876"/>
                  <a:gd name="connsiteY8" fmla="*/ 858683 h 1057758"/>
                  <a:gd name="connsiteX9" fmla="*/ 874334 w 3208876"/>
                  <a:gd name="connsiteY9" fmla="*/ 839917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482724 w 3208876"/>
                  <a:gd name="connsiteY6" fmla="*/ 564371 h 1057758"/>
                  <a:gd name="connsiteX7" fmla="*/ 588911 w 3208876"/>
                  <a:gd name="connsiteY7" fmla="*/ 743576 h 1057758"/>
                  <a:gd name="connsiteX8" fmla="*/ 716958 w 3208876"/>
                  <a:gd name="connsiteY8" fmla="*/ 858683 h 1057758"/>
                  <a:gd name="connsiteX9" fmla="*/ 874334 w 3208876"/>
                  <a:gd name="connsiteY9" fmla="*/ 839917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482724 w 3208876"/>
                  <a:gd name="connsiteY6" fmla="*/ 564371 h 1057758"/>
                  <a:gd name="connsiteX7" fmla="*/ 580235 w 3208876"/>
                  <a:gd name="connsiteY7" fmla="*/ 776156 h 1057758"/>
                  <a:gd name="connsiteX8" fmla="*/ 716958 w 3208876"/>
                  <a:gd name="connsiteY8" fmla="*/ 858683 h 1057758"/>
                  <a:gd name="connsiteX9" fmla="*/ 874334 w 3208876"/>
                  <a:gd name="connsiteY9" fmla="*/ 839917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482724 w 3208876"/>
                  <a:gd name="connsiteY6" fmla="*/ 564371 h 1057758"/>
                  <a:gd name="connsiteX7" fmla="*/ 580235 w 3208876"/>
                  <a:gd name="connsiteY7" fmla="*/ 776156 h 1057758"/>
                  <a:gd name="connsiteX8" fmla="*/ 716958 w 3208876"/>
                  <a:gd name="connsiteY8" fmla="*/ 858683 h 1057758"/>
                  <a:gd name="connsiteX9" fmla="*/ 874334 w 3208876"/>
                  <a:gd name="connsiteY9" fmla="*/ 839917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482724 w 3208876"/>
                  <a:gd name="connsiteY6" fmla="*/ 564371 h 1057758"/>
                  <a:gd name="connsiteX7" fmla="*/ 580235 w 3208876"/>
                  <a:gd name="connsiteY7" fmla="*/ 776156 h 1057758"/>
                  <a:gd name="connsiteX8" fmla="*/ 716958 w 3208876"/>
                  <a:gd name="connsiteY8" fmla="*/ 858683 h 1057758"/>
                  <a:gd name="connsiteX9" fmla="*/ 874334 w 3208876"/>
                  <a:gd name="connsiteY9" fmla="*/ 839917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996 w 3208876"/>
                  <a:gd name="connsiteY0" fmla="*/ 413513 h 1057758"/>
                  <a:gd name="connsiteX1" fmla="*/ 85940 w 3208876"/>
                  <a:gd name="connsiteY1" fmla="*/ 424966 h 1057758"/>
                  <a:gd name="connsiteX2" fmla="*/ 161210 w 3208876"/>
                  <a:gd name="connsiteY2" fmla="*/ 448740 h 1057758"/>
                  <a:gd name="connsiteX3" fmla="*/ 222028 w 3208876"/>
                  <a:gd name="connsiteY3" fmla="*/ 507539 h 1057758"/>
                  <a:gd name="connsiteX4" fmla="*/ 320670 w 3208876"/>
                  <a:gd name="connsiteY4" fmla="*/ 493360 h 1057758"/>
                  <a:gd name="connsiteX5" fmla="*/ 399812 w 3208876"/>
                  <a:gd name="connsiteY5" fmla="*/ 524221 h 1057758"/>
                  <a:gd name="connsiteX6" fmla="*/ 482724 w 3208876"/>
                  <a:gd name="connsiteY6" fmla="*/ 564371 h 1057758"/>
                  <a:gd name="connsiteX7" fmla="*/ 580235 w 3208876"/>
                  <a:gd name="connsiteY7" fmla="*/ 776156 h 1057758"/>
                  <a:gd name="connsiteX8" fmla="*/ 716958 w 3208876"/>
                  <a:gd name="connsiteY8" fmla="*/ 858683 h 1057758"/>
                  <a:gd name="connsiteX9" fmla="*/ 868550 w 3208876"/>
                  <a:gd name="connsiteY9" fmla="*/ 848802 h 1057758"/>
                  <a:gd name="connsiteX10" fmla="*/ 1051620 w 3208876"/>
                  <a:gd name="connsiteY10" fmla="*/ 758929 h 1057758"/>
                  <a:gd name="connsiteX11" fmla="*/ 1109956 w 3208876"/>
                  <a:gd name="connsiteY11" fmla="*/ 836367 h 1057758"/>
                  <a:gd name="connsiteX12" fmla="*/ 1173629 w 3208876"/>
                  <a:gd name="connsiteY12" fmla="*/ 925656 h 1057758"/>
                  <a:gd name="connsiteX13" fmla="*/ 1243864 w 3208876"/>
                  <a:gd name="connsiteY13" fmla="*/ 1009020 h 1057758"/>
                  <a:gd name="connsiteX14" fmla="*/ 1347133 w 3208876"/>
                  <a:gd name="connsiteY14" fmla="*/ 1057607 h 1057758"/>
                  <a:gd name="connsiteX15" fmla="*/ 1478149 w 3208876"/>
                  <a:gd name="connsiteY15" fmla="*/ 1014534 h 1057758"/>
                  <a:gd name="connsiteX16" fmla="*/ 1595294 w 3208876"/>
                  <a:gd name="connsiteY16" fmla="*/ 956129 h 1057758"/>
                  <a:gd name="connsiteX17" fmla="*/ 1744062 w 3208876"/>
                  <a:gd name="connsiteY17" fmla="*/ 991588 h 1057758"/>
                  <a:gd name="connsiteX18" fmla="*/ 1869426 w 3208876"/>
                  <a:gd name="connsiteY18" fmla="*/ 1034296 h 1057758"/>
                  <a:gd name="connsiteX19" fmla="*/ 1985634 w 3208876"/>
                  <a:gd name="connsiteY19" fmla="*/ 936337 h 1057758"/>
                  <a:gd name="connsiteX20" fmla="*/ 2130438 w 3208876"/>
                  <a:gd name="connsiteY20" fmla="*/ 786163 h 1057758"/>
                  <a:gd name="connsiteX21" fmla="*/ 2210485 w 3208876"/>
                  <a:gd name="connsiteY21" fmla="*/ 786580 h 1057758"/>
                  <a:gd name="connsiteX22" fmla="*/ 2289842 w 3208876"/>
                  <a:gd name="connsiteY22" fmla="*/ 807720 h 1057758"/>
                  <a:gd name="connsiteX23" fmla="*/ 2376981 w 3208876"/>
                  <a:gd name="connsiteY23" fmla="*/ 849007 h 1057758"/>
                  <a:gd name="connsiteX24" fmla="*/ 2495933 w 3208876"/>
                  <a:gd name="connsiteY24" fmla="*/ 862437 h 1057758"/>
                  <a:gd name="connsiteX25" fmla="*/ 2580317 w 3208876"/>
                  <a:gd name="connsiteY25" fmla="*/ 819442 h 1057758"/>
                  <a:gd name="connsiteX26" fmla="*/ 2614023 w 3208876"/>
                  <a:gd name="connsiteY26" fmla="*/ 745544 h 1057758"/>
                  <a:gd name="connsiteX27" fmla="*/ 2642770 w 3208876"/>
                  <a:gd name="connsiteY27" fmla="*/ 668475 h 1057758"/>
                  <a:gd name="connsiteX28" fmla="*/ 2708994 w 3208876"/>
                  <a:gd name="connsiteY28" fmla="*/ 582151 h 1057758"/>
                  <a:gd name="connsiteX29" fmla="*/ 2798540 w 3208876"/>
                  <a:gd name="connsiteY29" fmla="*/ 566763 h 1057758"/>
                  <a:gd name="connsiteX30" fmla="*/ 2899636 w 3208876"/>
                  <a:gd name="connsiteY30" fmla="*/ 530487 h 1057758"/>
                  <a:gd name="connsiteX31" fmla="*/ 2964137 w 3208876"/>
                  <a:gd name="connsiteY31" fmla="*/ 460587 h 1057758"/>
                  <a:gd name="connsiteX32" fmla="*/ 3025510 w 3208876"/>
                  <a:gd name="connsiteY32" fmla="*/ 404536 h 1057758"/>
                  <a:gd name="connsiteX33" fmla="*/ 3151559 w 3208876"/>
                  <a:gd name="connsiteY33" fmla="*/ 454583 h 1057758"/>
                  <a:gd name="connsiteX34" fmla="*/ 3208801 w 3208876"/>
                  <a:gd name="connsiteY34" fmla="*/ 424953 h 1057758"/>
                  <a:gd name="connsiteX35" fmla="*/ 3158767 w 3208876"/>
                  <a:gd name="connsiteY35" fmla="*/ 338221 h 1057758"/>
                  <a:gd name="connsiteX36" fmla="*/ 3110289 w 3208876"/>
                  <a:gd name="connsiteY36" fmla="*/ 256836 h 1057758"/>
                  <a:gd name="connsiteX37" fmla="*/ 3072368 w 3208876"/>
                  <a:gd name="connsiteY37" fmla="*/ 123340 h 1057758"/>
                  <a:gd name="connsiteX38" fmla="*/ 2993180 w 3208876"/>
                  <a:gd name="connsiteY38" fmla="*/ 19353 h 1057758"/>
                  <a:gd name="connsiteX39" fmla="*/ 200808 w 3208876"/>
                  <a:gd name="connsiteY39" fmla="*/ 0 h 1057758"/>
                  <a:gd name="connsiteX40" fmla="*/ 108062 w 3208876"/>
                  <a:gd name="connsiteY40" fmla="*/ 91114 h 1057758"/>
                  <a:gd name="connsiteX41" fmla="*/ 92947 w 3208876"/>
                  <a:gd name="connsiteY41" fmla="*/ 262322 h 1057758"/>
                  <a:gd name="connsiteX42" fmla="*/ 996 w 3208876"/>
                  <a:gd name="connsiteY42" fmla="*/ 413513 h 1057758"/>
                  <a:gd name="connsiteX0" fmla="*/ 883 w 3220331"/>
                  <a:gd name="connsiteY0" fmla="*/ 446093 h 1057758"/>
                  <a:gd name="connsiteX1" fmla="*/ 97395 w 3220331"/>
                  <a:gd name="connsiteY1" fmla="*/ 424966 h 1057758"/>
                  <a:gd name="connsiteX2" fmla="*/ 172665 w 3220331"/>
                  <a:gd name="connsiteY2" fmla="*/ 448740 h 1057758"/>
                  <a:gd name="connsiteX3" fmla="*/ 233483 w 3220331"/>
                  <a:gd name="connsiteY3" fmla="*/ 507539 h 1057758"/>
                  <a:gd name="connsiteX4" fmla="*/ 332125 w 3220331"/>
                  <a:gd name="connsiteY4" fmla="*/ 493360 h 1057758"/>
                  <a:gd name="connsiteX5" fmla="*/ 411267 w 3220331"/>
                  <a:gd name="connsiteY5" fmla="*/ 524221 h 1057758"/>
                  <a:gd name="connsiteX6" fmla="*/ 494179 w 3220331"/>
                  <a:gd name="connsiteY6" fmla="*/ 564371 h 1057758"/>
                  <a:gd name="connsiteX7" fmla="*/ 591690 w 3220331"/>
                  <a:gd name="connsiteY7" fmla="*/ 776156 h 1057758"/>
                  <a:gd name="connsiteX8" fmla="*/ 728413 w 3220331"/>
                  <a:gd name="connsiteY8" fmla="*/ 858683 h 1057758"/>
                  <a:gd name="connsiteX9" fmla="*/ 880005 w 3220331"/>
                  <a:gd name="connsiteY9" fmla="*/ 848802 h 1057758"/>
                  <a:gd name="connsiteX10" fmla="*/ 1063075 w 3220331"/>
                  <a:gd name="connsiteY10" fmla="*/ 758929 h 1057758"/>
                  <a:gd name="connsiteX11" fmla="*/ 1121411 w 3220331"/>
                  <a:gd name="connsiteY11" fmla="*/ 836367 h 1057758"/>
                  <a:gd name="connsiteX12" fmla="*/ 1185084 w 3220331"/>
                  <a:gd name="connsiteY12" fmla="*/ 925656 h 1057758"/>
                  <a:gd name="connsiteX13" fmla="*/ 1255319 w 3220331"/>
                  <a:gd name="connsiteY13" fmla="*/ 1009020 h 1057758"/>
                  <a:gd name="connsiteX14" fmla="*/ 1358588 w 3220331"/>
                  <a:gd name="connsiteY14" fmla="*/ 1057607 h 1057758"/>
                  <a:gd name="connsiteX15" fmla="*/ 1489604 w 3220331"/>
                  <a:gd name="connsiteY15" fmla="*/ 1014534 h 1057758"/>
                  <a:gd name="connsiteX16" fmla="*/ 1606749 w 3220331"/>
                  <a:gd name="connsiteY16" fmla="*/ 956129 h 1057758"/>
                  <a:gd name="connsiteX17" fmla="*/ 1755517 w 3220331"/>
                  <a:gd name="connsiteY17" fmla="*/ 991588 h 1057758"/>
                  <a:gd name="connsiteX18" fmla="*/ 1880881 w 3220331"/>
                  <a:gd name="connsiteY18" fmla="*/ 1034296 h 1057758"/>
                  <a:gd name="connsiteX19" fmla="*/ 1997089 w 3220331"/>
                  <a:gd name="connsiteY19" fmla="*/ 936337 h 1057758"/>
                  <a:gd name="connsiteX20" fmla="*/ 2141893 w 3220331"/>
                  <a:gd name="connsiteY20" fmla="*/ 786163 h 1057758"/>
                  <a:gd name="connsiteX21" fmla="*/ 2221940 w 3220331"/>
                  <a:gd name="connsiteY21" fmla="*/ 786580 h 1057758"/>
                  <a:gd name="connsiteX22" fmla="*/ 2301297 w 3220331"/>
                  <a:gd name="connsiteY22" fmla="*/ 807720 h 1057758"/>
                  <a:gd name="connsiteX23" fmla="*/ 2388436 w 3220331"/>
                  <a:gd name="connsiteY23" fmla="*/ 849007 h 1057758"/>
                  <a:gd name="connsiteX24" fmla="*/ 2507388 w 3220331"/>
                  <a:gd name="connsiteY24" fmla="*/ 862437 h 1057758"/>
                  <a:gd name="connsiteX25" fmla="*/ 2591772 w 3220331"/>
                  <a:gd name="connsiteY25" fmla="*/ 819442 h 1057758"/>
                  <a:gd name="connsiteX26" fmla="*/ 2625478 w 3220331"/>
                  <a:gd name="connsiteY26" fmla="*/ 745544 h 1057758"/>
                  <a:gd name="connsiteX27" fmla="*/ 2654225 w 3220331"/>
                  <a:gd name="connsiteY27" fmla="*/ 668475 h 1057758"/>
                  <a:gd name="connsiteX28" fmla="*/ 2720449 w 3220331"/>
                  <a:gd name="connsiteY28" fmla="*/ 582151 h 1057758"/>
                  <a:gd name="connsiteX29" fmla="*/ 2809995 w 3220331"/>
                  <a:gd name="connsiteY29" fmla="*/ 566763 h 1057758"/>
                  <a:gd name="connsiteX30" fmla="*/ 2911091 w 3220331"/>
                  <a:gd name="connsiteY30" fmla="*/ 530487 h 1057758"/>
                  <a:gd name="connsiteX31" fmla="*/ 2975592 w 3220331"/>
                  <a:gd name="connsiteY31" fmla="*/ 460587 h 1057758"/>
                  <a:gd name="connsiteX32" fmla="*/ 3036965 w 3220331"/>
                  <a:gd name="connsiteY32" fmla="*/ 404536 h 1057758"/>
                  <a:gd name="connsiteX33" fmla="*/ 3163014 w 3220331"/>
                  <a:gd name="connsiteY33" fmla="*/ 454583 h 1057758"/>
                  <a:gd name="connsiteX34" fmla="*/ 3220256 w 3220331"/>
                  <a:gd name="connsiteY34" fmla="*/ 424953 h 1057758"/>
                  <a:gd name="connsiteX35" fmla="*/ 3170222 w 3220331"/>
                  <a:gd name="connsiteY35" fmla="*/ 338221 h 1057758"/>
                  <a:gd name="connsiteX36" fmla="*/ 3121744 w 3220331"/>
                  <a:gd name="connsiteY36" fmla="*/ 256836 h 1057758"/>
                  <a:gd name="connsiteX37" fmla="*/ 3083823 w 3220331"/>
                  <a:gd name="connsiteY37" fmla="*/ 123340 h 1057758"/>
                  <a:gd name="connsiteX38" fmla="*/ 3004635 w 3220331"/>
                  <a:gd name="connsiteY38" fmla="*/ 19353 h 1057758"/>
                  <a:gd name="connsiteX39" fmla="*/ 212263 w 3220331"/>
                  <a:gd name="connsiteY39" fmla="*/ 0 h 1057758"/>
                  <a:gd name="connsiteX40" fmla="*/ 119517 w 3220331"/>
                  <a:gd name="connsiteY40" fmla="*/ 91114 h 1057758"/>
                  <a:gd name="connsiteX41" fmla="*/ 104402 w 3220331"/>
                  <a:gd name="connsiteY41" fmla="*/ 262322 h 1057758"/>
                  <a:gd name="connsiteX42" fmla="*/ 883 w 3220331"/>
                  <a:gd name="connsiteY42" fmla="*/ 446093 h 1057758"/>
                  <a:gd name="connsiteX0" fmla="*/ 883 w 3220331"/>
                  <a:gd name="connsiteY0" fmla="*/ 446093 h 1057758"/>
                  <a:gd name="connsiteX1" fmla="*/ 97395 w 3220331"/>
                  <a:gd name="connsiteY1" fmla="*/ 439775 h 1057758"/>
                  <a:gd name="connsiteX2" fmla="*/ 172665 w 3220331"/>
                  <a:gd name="connsiteY2" fmla="*/ 448740 h 1057758"/>
                  <a:gd name="connsiteX3" fmla="*/ 233483 w 3220331"/>
                  <a:gd name="connsiteY3" fmla="*/ 507539 h 1057758"/>
                  <a:gd name="connsiteX4" fmla="*/ 332125 w 3220331"/>
                  <a:gd name="connsiteY4" fmla="*/ 493360 h 1057758"/>
                  <a:gd name="connsiteX5" fmla="*/ 411267 w 3220331"/>
                  <a:gd name="connsiteY5" fmla="*/ 524221 h 1057758"/>
                  <a:gd name="connsiteX6" fmla="*/ 494179 w 3220331"/>
                  <a:gd name="connsiteY6" fmla="*/ 564371 h 1057758"/>
                  <a:gd name="connsiteX7" fmla="*/ 591690 w 3220331"/>
                  <a:gd name="connsiteY7" fmla="*/ 776156 h 1057758"/>
                  <a:gd name="connsiteX8" fmla="*/ 728413 w 3220331"/>
                  <a:gd name="connsiteY8" fmla="*/ 858683 h 1057758"/>
                  <a:gd name="connsiteX9" fmla="*/ 880005 w 3220331"/>
                  <a:gd name="connsiteY9" fmla="*/ 848802 h 1057758"/>
                  <a:gd name="connsiteX10" fmla="*/ 1063075 w 3220331"/>
                  <a:gd name="connsiteY10" fmla="*/ 758929 h 1057758"/>
                  <a:gd name="connsiteX11" fmla="*/ 1121411 w 3220331"/>
                  <a:gd name="connsiteY11" fmla="*/ 836367 h 1057758"/>
                  <a:gd name="connsiteX12" fmla="*/ 1185084 w 3220331"/>
                  <a:gd name="connsiteY12" fmla="*/ 925656 h 1057758"/>
                  <a:gd name="connsiteX13" fmla="*/ 1255319 w 3220331"/>
                  <a:gd name="connsiteY13" fmla="*/ 1009020 h 1057758"/>
                  <a:gd name="connsiteX14" fmla="*/ 1358588 w 3220331"/>
                  <a:gd name="connsiteY14" fmla="*/ 1057607 h 1057758"/>
                  <a:gd name="connsiteX15" fmla="*/ 1489604 w 3220331"/>
                  <a:gd name="connsiteY15" fmla="*/ 1014534 h 1057758"/>
                  <a:gd name="connsiteX16" fmla="*/ 1606749 w 3220331"/>
                  <a:gd name="connsiteY16" fmla="*/ 956129 h 1057758"/>
                  <a:gd name="connsiteX17" fmla="*/ 1755517 w 3220331"/>
                  <a:gd name="connsiteY17" fmla="*/ 991588 h 1057758"/>
                  <a:gd name="connsiteX18" fmla="*/ 1880881 w 3220331"/>
                  <a:gd name="connsiteY18" fmla="*/ 1034296 h 1057758"/>
                  <a:gd name="connsiteX19" fmla="*/ 1997089 w 3220331"/>
                  <a:gd name="connsiteY19" fmla="*/ 936337 h 1057758"/>
                  <a:gd name="connsiteX20" fmla="*/ 2141893 w 3220331"/>
                  <a:gd name="connsiteY20" fmla="*/ 786163 h 1057758"/>
                  <a:gd name="connsiteX21" fmla="*/ 2221940 w 3220331"/>
                  <a:gd name="connsiteY21" fmla="*/ 786580 h 1057758"/>
                  <a:gd name="connsiteX22" fmla="*/ 2301297 w 3220331"/>
                  <a:gd name="connsiteY22" fmla="*/ 807720 h 1057758"/>
                  <a:gd name="connsiteX23" fmla="*/ 2388436 w 3220331"/>
                  <a:gd name="connsiteY23" fmla="*/ 849007 h 1057758"/>
                  <a:gd name="connsiteX24" fmla="*/ 2507388 w 3220331"/>
                  <a:gd name="connsiteY24" fmla="*/ 862437 h 1057758"/>
                  <a:gd name="connsiteX25" fmla="*/ 2591772 w 3220331"/>
                  <a:gd name="connsiteY25" fmla="*/ 819442 h 1057758"/>
                  <a:gd name="connsiteX26" fmla="*/ 2625478 w 3220331"/>
                  <a:gd name="connsiteY26" fmla="*/ 745544 h 1057758"/>
                  <a:gd name="connsiteX27" fmla="*/ 2654225 w 3220331"/>
                  <a:gd name="connsiteY27" fmla="*/ 668475 h 1057758"/>
                  <a:gd name="connsiteX28" fmla="*/ 2720449 w 3220331"/>
                  <a:gd name="connsiteY28" fmla="*/ 582151 h 1057758"/>
                  <a:gd name="connsiteX29" fmla="*/ 2809995 w 3220331"/>
                  <a:gd name="connsiteY29" fmla="*/ 566763 h 1057758"/>
                  <a:gd name="connsiteX30" fmla="*/ 2911091 w 3220331"/>
                  <a:gd name="connsiteY30" fmla="*/ 530487 h 1057758"/>
                  <a:gd name="connsiteX31" fmla="*/ 2975592 w 3220331"/>
                  <a:gd name="connsiteY31" fmla="*/ 460587 h 1057758"/>
                  <a:gd name="connsiteX32" fmla="*/ 3036965 w 3220331"/>
                  <a:gd name="connsiteY32" fmla="*/ 404536 h 1057758"/>
                  <a:gd name="connsiteX33" fmla="*/ 3163014 w 3220331"/>
                  <a:gd name="connsiteY33" fmla="*/ 454583 h 1057758"/>
                  <a:gd name="connsiteX34" fmla="*/ 3220256 w 3220331"/>
                  <a:gd name="connsiteY34" fmla="*/ 424953 h 1057758"/>
                  <a:gd name="connsiteX35" fmla="*/ 3170222 w 3220331"/>
                  <a:gd name="connsiteY35" fmla="*/ 338221 h 1057758"/>
                  <a:gd name="connsiteX36" fmla="*/ 3121744 w 3220331"/>
                  <a:gd name="connsiteY36" fmla="*/ 256836 h 1057758"/>
                  <a:gd name="connsiteX37" fmla="*/ 3083823 w 3220331"/>
                  <a:gd name="connsiteY37" fmla="*/ 123340 h 1057758"/>
                  <a:gd name="connsiteX38" fmla="*/ 3004635 w 3220331"/>
                  <a:gd name="connsiteY38" fmla="*/ 19353 h 1057758"/>
                  <a:gd name="connsiteX39" fmla="*/ 212263 w 3220331"/>
                  <a:gd name="connsiteY39" fmla="*/ 0 h 1057758"/>
                  <a:gd name="connsiteX40" fmla="*/ 119517 w 3220331"/>
                  <a:gd name="connsiteY40" fmla="*/ 91114 h 1057758"/>
                  <a:gd name="connsiteX41" fmla="*/ 104402 w 3220331"/>
                  <a:gd name="connsiteY41" fmla="*/ 262322 h 1057758"/>
                  <a:gd name="connsiteX42" fmla="*/ 883 w 3220331"/>
                  <a:gd name="connsiteY42" fmla="*/ 446093 h 1057758"/>
                  <a:gd name="connsiteX0" fmla="*/ 814 w 3228939"/>
                  <a:gd name="connsiteY0" fmla="*/ 434245 h 1057758"/>
                  <a:gd name="connsiteX1" fmla="*/ 106003 w 3228939"/>
                  <a:gd name="connsiteY1" fmla="*/ 439775 h 1057758"/>
                  <a:gd name="connsiteX2" fmla="*/ 181273 w 3228939"/>
                  <a:gd name="connsiteY2" fmla="*/ 448740 h 1057758"/>
                  <a:gd name="connsiteX3" fmla="*/ 242091 w 3228939"/>
                  <a:gd name="connsiteY3" fmla="*/ 507539 h 1057758"/>
                  <a:gd name="connsiteX4" fmla="*/ 340733 w 3228939"/>
                  <a:gd name="connsiteY4" fmla="*/ 493360 h 1057758"/>
                  <a:gd name="connsiteX5" fmla="*/ 419875 w 3228939"/>
                  <a:gd name="connsiteY5" fmla="*/ 524221 h 1057758"/>
                  <a:gd name="connsiteX6" fmla="*/ 502787 w 3228939"/>
                  <a:gd name="connsiteY6" fmla="*/ 564371 h 1057758"/>
                  <a:gd name="connsiteX7" fmla="*/ 600298 w 3228939"/>
                  <a:gd name="connsiteY7" fmla="*/ 776156 h 1057758"/>
                  <a:gd name="connsiteX8" fmla="*/ 737021 w 3228939"/>
                  <a:gd name="connsiteY8" fmla="*/ 858683 h 1057758"/>
                  <a:gd name="connsiteX9" fmla="*/ 888613 w 3228939"/>
                  <a:gd name="connsiteY9" fmla="*/ 848802 h 1057758"/>
                  <a:gd name="connsiteX10" fmla="*/ 1071683 w 3228939"/>
                  <a:gd name="connsiteY10" fmla="*/ 758929 h 1057758"/>
                  <a:gd name="connsiteX11" fmla="*/ 1130019 w 3228939"/>
                  <a:gd name="connsiteY11" fmla="*/ 836367 h 1057758"/>
                  <a:gd name="connsiteX12" fmla="*/ 1193692 w 3228939"/>
                  <a:gd name="connsiteY12" fmla="*/ 925656 h 1057758"/>
                  <a:gd name="connsiteX13" fmla="*/ 1263927 w 3228939"/>
                  <a:gd name="connsiteY13" fmla="*/ 1009020 h 1057758"/>
                  <a:gd name="connsiteX14" fmla="*/ 1367196 w 3228939"/>
                  <a:gd name="connsiteY14" fmla="*/ 1057607 h 1057758"/>
                  <a:gd name="connsiteX15" fmla="*/ 1498212 w 3228939"/>
                  <a:gd name="connsiteY15" fmla="*/ 1014534 h 1057758"/>
                  <a:gd name="connsiteX16" fmla="*/ 1615357 w 3228939"/>
                  <a:gd name="connsiteY16" fmla="*/ 956129 h 1057758"/>
                  <a:gd name="connsiteX17" fmla="*/ 1764125 w 3228939"/>
                  <a:gd name="connsiteY17" fmla="*/ 991588 h 1057758"/>
                  <a:gd name="connsiteX18" fmla="*/ 1889489 w 3228939"/>
                  <a:gd name="connsiteY18" fmla="*/ 1034296 h 1057758"/>
                  <a:gd name="connsiteX19" fmla="*/ 2005697 w 3228939"/>
                  <a:gd name="connsiteY19" fmla="*/ 936337 h 1057758"/>
                  <a:gd name="connsiteX20" fmla="*/ 2150501 w 3228939"/>
                  <a:gd name="connsiteY20" fmla="*/ 786163 h 1057758"/>
                  <a:gd name="connsiteX21" fmla="*/ 2230548 w 3228939"/>
                  <a:gd name="connsiteY21" fmla="*/ 786580 h 1057758"/>
                  <a:gd name="connsiteX22" fmla="*/ 2309905 w 3228939"/>
                  <a:gd name="connsiteY22" fmla="*/ 807720 h 1057758"/>
                  <a:gd name="connsiteX23" fmla="*/ 2397044 w 3228939"/>
                  <a:gd name="connsiteY23" fmla="*/ 849007 h 1057758"/>
                  <a:gd name="connsiteX24" fmla="*/ 2515996 w 3228939"/>
                  <a:gd name="connsiteY24" fmla="*/ 862437 h 1057758"/>
                  <a:gd name="connsiteX25" fmla="*/ 2600380 w 3228939"/>
                  <a:gd name="connsiteY25" fmla="*/ 819442 h 1057758"/>
                  <a:gd name="connsiteX26" fmla="*/ 2634086 w 3228939"/>
                  <a:gd name="connsiteY26" fmla="*/ 745544 h 1057758"/>
                  <a:gd name="connsiteX27" fmla="*/ 2662833 w 3228939"/>
                  <a:gd name="connsiteY27" fmla="*/ 668475 h 1057758"/>
                  <a:gd name="connsiteX28" fmla="*/ 2729057 w 3228939"/>
                  <a:gd name="connsiteY28" fmla="*/ 582151 h 1057758"/>
                  <a:gd name="connsiteX29" fmla="*/ 2818603 w 3228939"/>
                  <a:gd name="connsiteY29" fmla="*/ 566763 h 1057758"/>
                  <a:gd name="connsiteX30" fmla="*/ 2919699 w 3228939"/>
                  <a:gd name="connsiteY30" fmla="*/ 530487 h 1057758"/>
                  <a:gd name="connsiteX31" fmla="*/ 2984200 w 3228939"/>
                  <a:gd name="connsiteY31" fmla="*/ 460587 h 1057758"/>
                  <a:gd name="connsiteX32" fmla="*/ 3045573 w 3228939"/>
                  <a:gd name="connsiteY32" fmla="*/ 404536 h 1057758"/>
                  <a:gd name="connsiteX33" fmla="*/ 3171622 w 3228939"/>
                  <a:gd name="connsiteY33" fmla="*/ 454583 h 1057758"/>
                  <a:gd name="connsiteX34" fmla="*/ 3228864 w 3228939"/>
                  <a:gd name="connsiteY34" fmla="*/ 424953 h 1057758"/>
                  <a:gd name="connsiteX35" fmla="*/ 3178830 w 3228939"/>
                  <a:gd name="connsiteY35" fmla="*/ 338221 h 1057758"/>
                  <a:gd name="connsiteX36" fmla="*/ 3130352 w 3228939"/>
                  <a:gd name="connsiteY36" fmla="*/ 256836 h 1057758"/>
                  <a:gd name="connsiteX37" fmla="*/ 3092431 w 3228939"/>
                  <a:gd name="connsiteY37" fmla="*/ 123340 h 1057758"/>
                  <a:gd name="connsiteX38" fmla="*/ 3013243 w 3228939"/>
                  <a:gd name="connsiteY38" fmla="*/ 19353 h 1057758"/>
                  <a:gd name="connsiteX39" fmla="*/ 220871 w 3228939"/>
                  <a:gd name="connsiteY39" fmla="*/ 0 h 1057758"/>
                  <a:gd name="connsiteX40" fmla="*/ 128125 w 3228939"/>
                  <a:gd name="connsiteY40" fmla="*/ 91114 h 1057758"/>
                  <a:gd name="connsiteX41" fmla="*/ 113010 w 3228939"/>
                  <a:gd name="connsiteY41" fmla="*/ 262322 h 1057758"/>
                  <a:gd name="connsiteX42" fmla="*/ 814 w 3228939"/>
                  <a:gd name="connsiteY42" fmla="*/ 434245 h 1057758"/>
                  <a:gd name="connsiteX0" fmla="*/ 814 w 3228939"/>
                  <a:gd name="connsiteY0" fmla="*/ 434245 h 1057758"/>
                  <a:gd name="connsiteX1" fmla="*/ 106003 w 3228939"/>
                  <a:gd name="connsiteY1" fmla="*/ 439775 h 1057758"/>
                  <a:gd name="connsiteX2" fmla="*/ 181273 w 3228939"/>
                  <a:gd name="connsiteY2" fmla="*/ 448740 h 1057758"/>
                  <a:gd name="connsiteX3" fmla="*/ 227631 w 3228939"/>
                  <a:gd name="connsiteY3" fmla="*/ 522347 h 1057758"/>
                  <a:gd name="connsiteX4" fmla="*/ 340733 w 3228939"/>
                  <a:gd name="connsiteY4" fmla="*/ 493360 h 1057758"/>
                  <a:gd name="connsiteX5" fmla="*/ 419875 w 3228939"/>
                  <a:gd name="connsiteY5" fmla="*/ 524221 h 1057758"/>
                  <a:gd name="connsiteX6" fmla="*/ 502787 w 3228939"/>
                  <a:gd name="connsiteY6" fmla="*/ 564371 h 1057758"/>
                  <a:gd name="connsiteX7" fmla="*/ 600298 w 3228939"/>
                  <a:gd name="connsiteY7" fmla="*/ 776156 h 1057758"/>
                  <a:gd name="connsiteX8" fmla="*/ 737021 w 3228939"/>
                  <a:gd name="connsiteY8" fmla="*/ 858683 h 1057758"/>
                  <a:gd name="connsiteX9" fmla="*/ 888613 w 3228939"/>
                  <a:gd name="connsiteY9" fmla="*/ 848802 h 1057758"/>
                  <a:gd name="connsiteX10" fmla="*/ 1071683 w 3228939"/>
                  <a:gd name="connsiteY10" fmla="*/ 758929 h 1057758"/>
                  <a:gd name="connsiteX11" fmla="*/ 1130019 w 3228939"/>
                  <a:gd name="connsiteY11" fmla="*/ 836367 h 1057758"/>
                  <a:gd name="connsiteX12" fmla="*/ 1193692 w 3228939"/>
                  <a:gd name="connsiteY12" fmla="*/ 925656 h 1057758"/>
                  <a:gd name="connsiteX13" fmla="*/ 1263927 w 3228939"/>
                  <a:gd name="connsiteY13" fmla="*/ 1009020 h 1057758"/>
                  <a:gd name="connsiteX14" fmla="*/ 1367196 w 3228939"/>
                  <a:gd name="connsiteY14" fmla="*/ 1057607 h 1057758"/>
                  <a:gd name="connsiteX15" fmla="*/ 1498212 w 3228939"/>
                  <a:gd name="connsiteY15" fmla="*/ 1014534 h 1057758"/>
                  <a:gd name="connsiteX16" fmla="*/ 1615357 w 3228939"/>
                  <a:gd name="connsiteY16" fmla="*/ 956129 h 1057758"/>
                  <a:gd name="connsiteX17" fmla="*/ 1764125 w 3228939"/>
                  <a:gd name="connsiteY17" fmla="*/ 991588 h 1057758"/>
                  <a:gd name="connsiteX18" fmla="*/ 1889489 w 3228939"/>
                  <a:gd name="connsiteY18" fmla="*/ 1034296 h 1057758"/>
                  <a:gd name="connsiteX19" fmla="*/ 2005697 w 3228939"/>
                  <a:gd name="connsiteY19" fmla="*/ 936337 h 1057758"/>
                  <a:gd name="connsiteX20" fmla="*/ 2150501 w 3228939"/>
                  <a:gd name="connsiteY20" fmla="*/ 786163 h 1057758"/>
                  <a:gd name="connsiteX21" fmla="*/ 2230548 w 3228939"/>
                  <a:gd name="connsiteY21" fmla="*/ 786580 h 1057758"/>
                  <a:gd name="connsiteX22" fmla="*/ 2309905 w 3228939"/>
                  <a:gd name="connsiteY22" fmla="*/ 807720 h 1057758"/>
                  <a:gd name="connsiteX23" fmla="*/ 2397044 w 3228939"/>
                  <a:gd name="connsiteY23" fmla="*/ 849007 h 1057758"/>
                  <a:gd name="connsiteX24" fmla="*/ 2515996 w 3228939"/>
                  <a:gd name="connsiteY24" fmla="*/ 862437 h 1057758"/>
                  <a:gd name="connsiteX25" fmla="*/ 2600380 w 3228939"/>
                  <a:gd name="connsiteY25" fmla="*/ 819442 h 1057758"/>
                  <a:gd name="connsiteX26" fmla="*/ 2634086 w 3228939"/>
                  <a:gd name="connsiteY26" fmla="*/ 745544 h 1057758"/>
                  <a:gd name="connsiteX27" fmla="*/ 2662833 w 3228939"/>
                  <a:gd name="connsiteY27" fmla="*/ 668475 h 1057758"/>
                  <a:gd name="connsiteX28" fmla="*/ 2729057 w 3228939"/>
                  <a:gd name="connsiteY28" fmla="*/ 582151 h 1057758"/>
                  <a:gd name="connsiteX29" fmla="*/ 2818603 w 3228939"/>
                  <a:gd name="connsiteY29" fmla="*/ 566763 h 1057758"/>
                  <a:gd name="connsiteX30" fmla="*/ 2919699 w 3228939"/>
                  <a:gd name="connsiteY30" fmla="*/ 530487 h 1057758"/>
                  <a:gd name="connsiteX31" fmla="*/ 2984200 w 3228939"/>
                  <a:gd name="connsiteY31" fmla="*/ 460587 h 1057758"/>
                  <a:gd name="connsiteX32" fmla="*/ 3045573 w 3228939"/>
                  <a:gd name="connsiteY32" fmla="*/ 404536 h 1057758"/>
                  <a:gd name="connsiteX33" fmla="*/ 3171622 w 3228939"/>
                  <a:gd name="connsiteY33" fmla="*/ 454583 h 1057758"/>
                  <a:gd name="connsiteX34" fmla="*/ 3228864 w 3228939"/>
                  <a:gd name="connsiteY34" fmla="*/ 424953 h 1057758"/>
                  <a:gd name="connsiteX35" fmla="*/ 3178830 w 3228939"/>
                  <a:gd name="connsiteY35" fmla="*/ 338221 h 1057758"/>
                  <a:gd name="connsiteX36" fmla="*/ 3130352 w 3228939"/>
                  <a:gd name="connsiteY36" fmla="*/ 256836 h 1057758"/>
                  <a:gd name="connsiteX37" fmla="*/ 3092431 w 3228939"/>
                  <a:gd name="connsiteY37" fmla="*/ 123340 h 1057758"/>
                  <a:gd name="connsiteX38" fmla="*/ 3013243 w 3228939"/>
                  <a:gd name="connsiteY38" fmla="*/ 19353 h 1057758"/>
                  <a:gd name="connsiteX39" fmla="*/ 220871 w 3228939"/>
                  <a:gd name="connsiteY39" fmla="*/ 0 h 1057758"/>
                  <a:gd name="connsiteX40" fmla="*/ 128125 w 3228939"/>
                  <a:gd name="connsiteY40" fmla="*/ 91114 h 1057758"/>
                  <a:gd name="connsiteX41" fmla="*/ 113010 w 3228939"/>
                  <a:gd name="connsiteY41" fmla="*/ 262322 h 1057758"/>
                  <a:gd name="connsiteX42" fmla="*/ 814 w 3228939"/>
                  <a:gd name="connsiteY42"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40702 w 3228908"/>
                  <a:gd name="connsiteY4" fmla="*/ 493360 h 1057758"/>
                  <a:gd name="connsiteX5" fmla="*/ 419844 w 3228908"/>
                  <a:gd name="connsiteY5" fmla="*/ 524221 h 1057758"/>
                  <a:gd name="connsiteX6" fmla="*/ 502756 w 3228908"/>
                  <a:gd name="connsiteY6" fmla="*/ 564371 h 1057758"/>
                  <a:gd name="connsiteX7" fmla="*/ 600267 w 3228908"/>
                  <a:gd name="connsiteY7" fmla="*/ 776156 h 1057758"/>
                  <a:gd name="connsiteX8" fmla="*/ 736990 w 3228908"/>
                  <a:gd name="connsiteY8" fmla="*/ 858683 h 1057758"/>
                  <a:gd name="connsiteX9" fmla="*/ 888582 w 3228908"/>
                  <a:gd name="connsiteY9" fmla="*/ 848802 h 1057758"/>
                  <a:gd name="connsiteX10" fmla="*/ 1071652 w 3228908"/>
                  <a:gd name="connsiteY10" fmla="*/ 758929 h 1057758"/>
                  <a:gd name="connsiteX11" fmla="*/ 1129988 w 3228908"/>
                  <a:gd name="connsiteY11" fmla="*/ 836367 h 1057758"/>
                  <a:gd name="connsiteX12" fmla="*/ 1193661 w 3228908"/>
                  <a:gd name="connsiteY12" fmla="*/ 925656 h 1057758"/>
                  <a:gd name="connsiteX13" fmla="*/ 1263896 w 3228908"/>
                  <a:gd name="connsiteY13" fmla="*/ 1009020 h 1057758"/>
                  <a:gd name="connsiteX14" fmla="*/ 1367165 w 3228908"/>
                  <a:gd name="connsiteY14" fmla="*/ 1057607 h 1057758"/>
                  <a:gd name="connsiteX15" fmla="*/ 1498181 w 3228908"/>
                  <a:gd name="connsiteY15" fmla="*/ 1014534 h 1057758"/>
                  <a:gd name="connsiteX16" fmla="*/ 1615326 w 3228908"/>
                  <a:gd name="connsiteY16" fmla="*/ 956129 h 1057758"/>
                  <a:gd name="connsiteX17" fmla="*/ 1764094 w 3228908"/>
                  <a:gd name="connsiteY17" fmla="*/ 991588 h 1057758"/>
                  <a:gd name="connsiteX18" fmla="*/ 1889458 w 3228908"/>
                  <a:gd name="connsiteY18" fmla="*/ 1034296 h 1057758"/>
                  <a:gd name="connsiteX19" fmla="*/ 2005666 w 3228908"/>
                  <a:gd name="connsiteY19" fmla="*/ 936337 h 1057758"/>
                  <a:gd name="connsiteX20" fmla="*/ 2150470 w 3228908"/>
                  <a:gd name="connsiteY20" fmla="*/ 786163 h 1057758"/>
                  <a:gd name="connsiteX21" fmla="*/ 2230517 w 3228908"/>
                  <a:gd name="connsiteY21" fmla="*/ 786580 h 1057758"/>
                  <a:gd name="connsiteX22" fmla="*/ 2309874 w 3228908"/>
                  <a:gd name="connsiteY22" fmla="*/ 807720 h 1057758"/>
                  <a:gd name="connsiteX23" fmla="*/ 2397013 w 3228908"/>
                  <a:gd name="connsiteY23" fmla="*/ 849007 h 1057758"/>
                  <a:gd name="connsiteX24" fmla="*/ 2515965 w 3228908"/>
                  <a:gd name="connsiteY24" fmla="*/ 862437 h 1057758"/>
                  <a:gd name="connsiteX25" fmla="*/ 2600349 w 3228908"/>
                  <a:gd name="connsiteY25" fmla="*/ 819442 h 1057758"/>
                  <a:gd name="connsiteX26" fmla="*/ 2634055 w 3228908"/>
                  <a:gd name="connsiteY26" fmla="*/ 745544 h 1057758"/>
                  <a:gd name="connsiteX27" fmla="*/ 2662802 w 3228908"/>
                  <a:gd name="connsiteY27" fmla="*/ 668475 h 1057758"/>
                  <a:gd name="connsiteX28" fmla="*/ 2729026 w 3228908"/>
                  <a:gd name="connsiteY28" fmla="*/ 582151 h 1057758"/>
                  <a:gd name="connsiteX29" fmla="*/ 2818572 w 3228908"/>
                  <a:gd name="connsiteY29" fmla="*/ 566763 h 1057758"/>
                  <a:gd name="connsiteX30" fmla="*/ 2919668 w 3228908"/>
                  <a:gd name="connsiteY30" fmla="*/ 530487 h 1057758"/>
                  <a:gd name="connsiteX31" fmla="*/ 2984169 w 3228908"/>
                  <a:gd name="connsiteY31" fmla="*/ 460587 h 1057758"/>
                  <a:gd name="connsiteX32" fmla="*/ 3045542 w 3228908"/>
                  <a:gd name="connsiteY32" fmla="*/ 404536 h 1057758"/>
                  <a:gd name="connsiteX33" fmla="*/ 3171591 w 3228908"/>
                  <a:gd name="connsiteY33" fmla="*/ 454583 h 1057758"/>
                  <a:gd name="connsiteX34" fmla="*/ 3228833 w 3228908"/>
                  <a:gd name="connsiteY34" fmla="*/ 424953 h 1057758"/>
                  <a:gd name="connsiteX35" fmla="*/ 3178799 w 3228908"/>
                  <a:gd name="connsiteY35" fmla="*/ 338221 h 1057758"/>
                  <a:gd name="connsiteX36" fmla="*/ 3130321 w 3228908"/>
                  <a:gd name="connsiteY36" fmla="*/ 256836 h 1057758"/>
                  <a:gd name="connsiteX37" fmla="*/ 3092400 w 3228908"/>
                  <a:gd name="connsiteY37" fmla="*/ 123340 h 1057758"/>
                  <a:gd name="connsiteX38" fmla="*/ 3013212 w 3228908"/>
                  <a:gd name="connsiteY38" fmla="*/ 19353 h 1057758"/>
                  <a:gd name="connsiteX39" fmla="*/ 220840 w 3228908"/>
                  <a:gd name="connsiteY39" fmla="*/ 0 h 1057758"/>
                  <a:gd name="connsiteX40" fmla="*/ 128094 w 3228908"/>
                  <a:gd name="connsiteY40" fmla="*/ 91114 h 1057758"/>
                  <a:gd name="connsiteX41" fmla="*/ 112979 w 3228908"/>
                  <a:gd name="connsiteY41" fmla="*/ 262322 h 1057758"/>
                  <a:gd name="connsiteX42" fmla="*/ 783 w 3228908"/>
                  <a:gd name="connsiteY42"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19844 w 3228908"/>
                  <a:gd name="connsiteY5" fmla="*/ 524221 h 1057758"/>
                  <a:gd name="connsiteX6" fmla="*/ 502756 w 3228908"/>
                  <a:gd name="connsiteY6" fmla="*/ 564371 h 1057758"/>
                  <a:gd name="connsiteX7" fmla="*/ 600267 w 3228908"/>
                  <a:gd name="connsiteY7" fmla="*/ 776156 h 1057758"/>
                  <a:gd name="connsiteX8" fmla="*/ 736990 w 3228908"/>
                  <a:gd name="connsiteY8" fmla="*/ 858683 h 1057758"/>
                  <a:gd name="connsiteX9" fmla="*/ 888582 w 3228908"/>
                  <a:gd name="connsiteY9" fmla="*/ 848802 h 1057758"/>
                  <a:gd name="connsiteX10" fmla="*/ 1071652 w 3228908"/>
                  <a:gd name="connsiteY10" fmla="*/ 758929 h 1057758"/>
                  <a:gd name="connsiteX11" fmla="*/ 1129988 w 3228908"/>
                  <a:gd name="connsiteY11" fmla="*/ 836367 h 1057758"/>
                  <a:gd name="connsiteX12" fmla="*/ 1193661 w 3228908"/>
                  <a:gd name="connsiteY12" fmla="*/ 925656 h 1057758"/>
                  <a:gd name="connsiteX13" fmla="*/ 1263896 w 3228908"/>
                  <a:gd name="connsiteY13" fmla="*/ 1009020 h 1057758"/>
                  <a:gd name="connsiteX14" fmla="*/ 1367165 w 3228908"/>
                  <a:gd name="connsiteY14" fmla="*/ 1057607 h 1057758"/>
                  <a:gd name="connsiteX15" fmla="*/ 1498181 w 3228908"/>
                  <a:gd name="connsiteY15" fmla="*/ 1014534 h 1057758"/>
                  <a:gd name="connsiteX16" fmla="*/ 1615326 w 3228908"/>
                  <a:gd name="connsiteY16" fmla="*/ 956129 h 1057758"/>
                  <a:gd name="connsiteX17" fmla="*/ 1764094 w 3228908"/>
                  <a:gd name="connsiteY17" fmla="*/ 991588 h 1057758"/>
                  <a:gd name="connsiteX18" fmla="*/ 1889458 w 3228908"/>
                  <a:gd name="connsiteY18" fmla="*/ 1034296 h 1057758"/>
                  <a:gd name="connsiteX19" fmla="*/ 2005666 w 3228908"/>
                  <a:gd name="connsiteY19" fmla="*/ 936337 h 1057758"/>
                  <a:gd name="connsiteX20" fmla="*/ 2150470 w 3228908"/>
                  <a:gd name="connsiteY20" fmla="*/ 786163 h 1057758"/>
                  <a:gd name="connsiteX21" fmla="*/ 2230517 w 3228908"/>
                  <a:gd name="connsiteY21" fmla="*/ 786580 h 1057758"/>
                  <a:gd name="connsiteX22" fmla="*/ 2309874 w 3228908"/>
                  <a:gd name="connsiteY22" fmla="*/ 807720 h 1057758"/>
                  <a:gd name="connsiteX23" fmla="*/ 2397013 w 3228908"/>
                  <a:gd name="connsiteY23" fmla="*/ 849007 h 1057758"/>
                  <a:gd name="connsiteX24" fmla="*/ 2515965 w 3228908"/>
                  <a:gd name="connsiteY24" fmla="*/ 862437 h 1057758"/>
                  <a:gd name="connsiteX25" fmla="*/ 2600349 w 3228908"/>
                  <a:gd name="connsiteY25" fmla="*/ 819442 h 1057758"/>
                  <a:gd name="connsiteX26" fmla="*/ 2634055 w 3228908"/>
                  <a:gd name="connsiteY26" fmla="*/ 745544 h 1057758"/>
                  <a:gd name="connsiteX27" fmla="*/ 2662802 w 3228908"/>
                  <a:gd name="connsiteY27" fmla="*/ 668475 h 1057758"/>
                  <a:gd name="connsiteX28" fmla="*/ 2729026 w 3228908"/>
                  <a:gd name="connsiteY28" fmla="*/ 582151 h 1057758"/>
                  <a:gd name="connsiteX29" fmla="*/ 2818572 w 3228908"/>
                  <a:gd name="connsiteY29" fmla="*/ 566763 h 1057758"/>
                  <a:gd name="connsiteX30" fmla="*/ 2919668 w 3228908"/>
                  <a:gd name="connsiteY30" fmla="*/ 530487 h 1057758"/>
                  <a:gd name="connsiteX31" fmla="*/ 2984169 w 3228908"/>
                  <a:gd name="connsiteY31" fmla="*/ 460587 h 1057758"/>
                  <a:gd name="connsiteX32" fmla="*/ 3045542 w 3228908"/>
                  <a:gd name="connsiteY32" fmla="*/ 404536 h 1057758"/>
                  <a:gd name="connsiteX33" fmla="*/ 3171591 w 3228908"/>
                  <a:gd name="connsiteY33" fmla="*/ 454583 h 1057758"/>
                  <a:gd name="connsiteX34" fmla="*/ 3228833 w 3228908"/>
                  <a:gd name="connsiteY34" fmla="*/ 424953 h 1057758"/>
                  <a:gd name="connsiteX35" fmla="*/ 3178799 w 3228908"/>
                  <a:gd name="connsiteY35" fmla="*/ 338221 h 1057758"/>
                  <a:gd name="connsiteX36" fmla="*/ 3130321 w 3228908"/>
                  <a:gd name="connsiteY36" fmla="*/ 256836 h 1057758"/>
                  <a:gd name="connsiteX37" fmla="*/ 3092400 w 3228908"/>
                  <a:gd name="connsiteY37" fmla="*/ 123340 h 1057758"/>
                  <a:gd name="connsiteX38" fmla="*/ 3013212 w 3228908"/>
                  <a:gd name="connsiteY38" fmla="*/ 19353 h 1057758"/>
                  <a:gd name="connsiteX39" fmla="*/ 220840 w 3228908"/>
                  <a:gd name="connsiteY39" fmla="*/ 0 h 1057758"/>
                  <a:gd name="connsiteX40" fmla="*/ 128094 w 3228908"/>
                  <a:gd name="connsiteY40" fmla="*/ 91114 h 1057758"/>
                  <a:gd name="connsiteX41" fmla="*/ 112979 w 3228908"/>
                  <a:gd name="connsiteY41" fmla="*/ 262322 h 1057758"/>
                  <a:gd name="connsiteX42" fmla="*/ 783 w 3228908"/>
                  <a:gd name="connsiteY42"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502756 w 3228908"/>
                  <a:gd name="connsiteY6" fmla="*/ 564371 h 1057758"/>
                  <a:gd name="connsiteX7" fmla="*/ 600267 w 3228908"/>
                  <a:gd name="connsiteY7" fmla="*/ 776156 h 1057758"/>
                  <a:gd name="connsiteX8" fmla="*/ 736990 w 3228908"/>
                  <a:gd name="connsiteY8" fmla="*/ 858683 h 1057758"/>
                  <a:gd name="connsiteX9" fmla="*/ 888582 w 3228908"/>
                  <a:gd name="connsiteY9" fmla="*/ 848802 h 1057758"/>
                  <a:gd name="connsiteX10" fmla="*/ 1071652 w 3228908"/>
                  <a:gd name="connsiteY10" fmla="*/ 758929 h 1057758"/>
                  <a:gd name="connsiteX11" fmla="*/ 1129988 w 3228908"/>
                  <a:gd name="connsiteY11" fmla="*/ 836367 h 1057758"/>
                  <a:gd name="connsiteX12" fmla="*/ 1193661 w 3228908"/>
                  <a:gd name="connsiteY12" fmla="*/ 925656 h 1057758"/>
                  <a:gd name="connsiteX13" fmla="*/ 1263896 w 3228908"/>
                  <a:gd name="connsiteY13" fmla="*/ 1009020 h 1057758"/>
                  <a:gd name="connsiteX14" fmla="*/ 1367165 w 3228908"/>
                  <a:gd name="connsiteY14" fmla="*/ 1057607 h 1057758"/>
                  <a:gd name="connsiteX15" fmla="*/ 1498181 w 3228908"/>
                  <a:gd name="connsiteY15" fmla="*/ 1014534 h 1057758"/>
                  <a:gd name="connsiteX16" fmla="*/ 1615326 w 3228908"/>
                  <a:gd name="connsiteY16" fmla="*/ 956129 h 1057758"/>
                  <a:gd name="connsiteX17" fmla="*/ 1764094 w 3228908"/>
                  <a:gd name="connsiteY17" fmla="*/ 991588 h 1057758"/>
                  <a:gd name="connsiteX18" fmla="*/ 1889458 w 3228908"/>
                  <a:gd name="connsiteY18" fmla="*/ 1034296 h 1057758"/>
                  <a:gd name="connsiteX19" fmla="*/ 2005666 w 3228908"/>
                  <a:gd name="connsiteY19" fmla="*/ 936337 h 1057758"/>
                  <a:gd name="connsiteX20" fmla="*/ 2150470 w 3228908"/>
                  <a:gd name="connsiteY20" fmla="*/ 786163 h 1057758"/>
                  <a:gd name="connsiteX21" fmla="*/ 2230517 w 3228908"/>
                  <a:gd name="connsiteY21" fmla="*/ 786580 h 1057758"/>
                  <a:gd name="connsiteX22" fmla="*/ 2309874 w 3228908"/>
                  <a:gd name="connsiteY22" fmla="*/ 807720 h 1057758"/>
                  <a:gd name="connsiteX23" fmla="*/ 2397013 w 3228908"/>
                  <a:gd name="connsiteY23" fmla="*/ 849007 h 1057758"/>
                  <a:gd name="connsiteX24" fmla="*/ 2515965 w 3228908"/>
                  <a:gd name="connsiteY24" fmla="*/ 862437 h 1057758"/>
                  <a:gd name="connsiteX25" fmla="*/ 2600349 w 3228908"/>
                  <a:gd name="connsiteY25" fmla="*/ 819442 h 1057758"/>
                  <a:gd name="connsiteX26" fmla="*/ 2634055 w 3228908"/>
                  <a:gd name="connsiteY26" fmla="*/ 745544 h 1057758"/>
                  <a:gd name="connsiteX27" fmla="*/ 2662802 w 3228908"/>
                  <a:gd name="connsiteY27" fmla="*/ 668475 h 1057758"/>
                  <a:gd name="connsiteX28" fmla="*/ 2729026 w 3228908"/>
                  <a:gd name="connsiteY28" fmla="*/ 582151 h 1057758"/>
                  <a:gd name="connsiteX29" fmla="*/ 2818572 w 3228908"/>
                  <a:gd name="connsiteY29" fmla="*/ 566763 h 1057758"/>
                  <a:gd name="connsiteX30" fmla="*/ 2919668 w 3228908"/>
                  <a:gd name="connsiteY30" fmla="*/ 530487 h 1057758"/>
                  <a:gd name="connsiteX31" fmla="*/ 2984169 w 3228908"/>
                  <a:gd name="connsiteY31" fmla="*/ 460587 h 1057758"/>
                  <a:gd name="connsiteX32" fmla="*/ 3045542 w 3228908"/>
                  <a:gd name="connsiteY32" fmla="*/ 404536 h 1057758"/>
                  <a:gd name="connsiteX33" fmla="*/ 3171591 w 3228908"/>
                  <a:gd name="connsiteY33" fmla="*/ 454583 h 1057758"/>
                  <a:gd name="connsiteX34" fmla="*/ 3228833 w 3228908"/>
                  <a:gd name="connsiteY34" fmla="*/ 424953 h 1057758"/>
                  <a:gd name="connsiteX35" fmla="*/ 3178799 w 3228908"/>
                  <a:gd name="connsiteY35" fmla="*/ 338221 h 1057758"/>
                  <a:gd name="connsiteX36" fmla="*/ 3130321 w 3228908"/>
                  <a:gd name="connsiteY36" fmla="*/ 256836 h 1057758"/>
                  <a:gd name="connsiteX37" fmla="*/ 3092400 w 3228908"/>
                  <a:gd name="connsiteY37" fmla="*/ 123340 h 1057758"/>
                  <a:gd name="connsiteX38" fmla="*/ 3013212 w 3228908"/>
                  <a:gd name="connsiteY38" fmla="*/ 19353 h 1057758"/>
                  <a:gd name="connsiteX39" fmla="*/ 220840 w 3228908"/>
                  <a:gd name="connsiteY39" fmla="*/ 0 h 1057758"/>
                  <a:gd name="connsiteX40" fmla="*/ 128094 w 3228908"/>
                  <a:gd name="connsiteY40" fmla="*/ 91114 h 1057758"/>
                  <a:gd name="connsiteX41" fmla="*/ 112979 w 3228908"/>
                  <a:gd name="connsiteY41" fmla="*/ 262322 h 1057758"/>
                  <a:gd name="connsiteX42" fmla="*/ 783 w 3228908"/>
                  <a:gd name="connsiteY42"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600267 w 3228908"/>
                  <a:gd name="connsiteY7" fmla="*/ 776156 h 1057758"/>
                  <a:gd name="connsiteX8" fmla="*/ 736990 w 3228908"/>
                  <a:gd name="connsiteY8" fmla="*/ 858683 h 1057758"/>
                  <a:gd name="connsiteX9" fmla="*/ 888582 w 3228908"/>
                  <a:gd name="connsiteY9" fmla="*/ 848802 h 1057758"/>
                  <a:gd name="connsiteX10" fmla="*/ 1071652 w 3228908"/>
                  <a:gd name="connsiteY10" fmla="*/ 758929 h 1057758"/>
                  <a:gd name="connsiteX11" fmla="*/ 1129988 w 3228908"/>
                  <a:gd name="connsiteY11" fmla="*/ 836367 h 1057758"/>
                  <a:gd name="connsiteX12" fmla="*/ 1193661 w 3228908"/>
                  <a:gd name="connsiteY12" fmla="*/ 925656 h 1057758"/>
                  <a:gd name="connsiteX13" fmla="*/ 1263896 w 3228908"/>
                  <a:gd name="connsiteY13" fmla="*/ 1009020 h 1057758"/>
                  <a:gd name="connsiteX14" fmla="*/ 1367165 w 3228908"/>
                  <a:gd name="connsiteY14" fmla="*/ 1057607 h 1057758"/>
                  <a:gd name="connsiteX15" fmla="*/ 1498181 w 3228908"/>
                  <a:gd name="connsiteY15" fmla="*/ 1014534 h 1057758"/>
                  <a:gd name="connsiteX16" fmla="*/ 1615326 w 3228908"/>
                  <a:gd name="connsiteY16" fmla="*/ 956129 h 1057758"/>
                  <a:gd name="connsiteX17" fmla="*/ 1764094 w 3228908"/>
                  <a:gd name="connsiteY17" fmla="*/ 991588 h 1057758"/>
                  <a:gd name="connsiteX18" fmla="*/ 1889458 w 3228908"/>
                  <a:gd name="connsiteY18" fmla="*/ 1034296 h 1057758"/>
                  <a:gd name="connsiteX19" fmla="*/ 2005666 w 3228908"/>
                  <a:gd name="connsiteY19" fmla="*/ 936337 h 1057758"/>
                  <a:gd name="connsiteX20" fmla="*/ 2150470 w 3228908"/>
                  <a:gd name="connsiteY20" fmla="*/ 786163 h 1057758"/>
                  <a:gd name="connsiteX21" fmla="*/ 2230517 w 3228908"/>
                  <a:gd name="connsiteY21" fmla="*/ 786580 h 1057758"/>
                  <a:gd name="connsiteX22" fmla="*/ 2309874 w 3228908"/>
                  <a:gd name="connsiteY22" fmla="*/ 807720 h 1057758"/>
                  <a:gd name="connsiteX23" fmla="*/ 2397013 w 3228908"/>
                  <a:gd name="connsiteY23" fmla="*/ 849007 h 1057758"/>
                  <a:gd name="connsiteX24" fmla="*/ 2515965 w 3228908"/>
                  <a:gd name="connsiteY24" fmla="*/ 862437 h 1057758"/>
                  <a:gd name="connsiteX25" fmla="*/ 2600349 w 3228908"/>
                  <a:gd name="connsiteY25" fmla="*/ 819442 h 1057758"/>
                  <a:gd name="connsiteX26" fmla="*/ 2634055 w 3228908"/>
                  <a:gd name="connsiteY26" fmla="*/ 745544 h 1057758"/>
                  <a:gd name="connsiteX27" fmla="*/ 2662802 w 3228908"/>
                  <a:gd name="connsiteY27" fmla="*/ 668475 h 1057758"/>
                  <a:gd name="connsiteX28" fmla="*/ 2729026 w 3228908"/>
                  <a:gd name="connsiteY28" fmla="*/ 582151 h 1057758"/>
                  <a:gd name="connsiteX29" fmla="*/ 2818572 w 3228908"/>
                  <a:gd name="connsiteY29" fmla="*/ 566763 h 1057758"/>
                  <a:gd name="connsiteX30" fmla="*/ 2919668 w 3228908"/>
                  <a:gd name="connsiteY30" fmla="*/ 530487 h 1057758"/>
                  <a:gd name="connsiteX31" fmla="*/ 2984169 w 3228908"/>
                  <a:gd name="connsiteY31" fmla="*/ 460587 h 1057758"/>
                  <a:gd name="connsiteX32" fmla="*/ 3045542 w 3228908"/>
                  <a:gd name="connsiteY32" fmla="*/ 404536 h 1057758"/>
                  <a:gd name="connsiteX33" fmla="*/ 3171591 w 3228908"/>
                  <a:gd name="connsiteY33" fmla="*/ 454583 h 1057758"/>
                  <a:gd name="connsiteX34" fmla="*/ 3228833 w 3228908"/>
                  <a:gd name="connsiteY34" fmla="*/ 424953 h 1057758"/>
                  <a:gd name="connsiteX35" fmla="*/ 3178799 w 3228908"/>
                  <a:gd name="connsiteY35" fmla="*/ 338221 h 1057758"/>
                  <a:gd name="connsiteX36" fmla="*/ 3130321 w 3228908"/>
                  <a:gd name="connsiteY36" fmla="*/ 256836 h 1057758"/>
                  <a:gd name="connsiteX37" fmla="*/ 3092400 w 3228908"/>
                  <a:gd name="connsiteY37" fmla="*/ 123340 h 1057758"/>
                  <a:gd name="connsiteX38" fmla="*/ 3013212 w 3228908"/>
                  <a:gd name="connsiteY38" fmla="*/ 19353 h 1057758"/>
                  <a:gd name="connsiteX39" fmla="*/ 220840 w 3228908"/>
                  <a:gd name="connsiteY39" fmla="*/ 0 h 1057758"/>
                  <a:gd name="connsiteX40" fmla="*/ 128094 w 3228908"/>
                  <a:gd name="connsiteY40" fmla="*/ 91114 h 1057758"/>
                  <a:gd name="connsiteX41" fmla="*/ 112979 w 3228908"/>
                  <a:gd name="connsiteY41" fmla="*/ 262322 h 1057758"/>
                  <a:gd name="connsiteX42" fmla="*/ 783 w 3228908"/>
                  <a:gd name="connsiteY42"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555821 w 3228908"/>
                  <a:gd name="connsiteY7" fmla="*/ 652170 h 1057758"/>
                  <a:gd name="connsiteX8" fmla="*/ 600267 w 3228908"/>
                  <a:gd name="connsiteY8" fmla="*/ 776156 h 1057758"/>
                  <a:gd name="connsiteX9" fmla="*/ 736990 w 3228908"/>
                  <a:gd name="connsiteY9" fmla="*/ 858683 h 1057758"/>
                  <a:gd name="connsiteX10" fmla="*/ 888582 w 3228908"/>
                  <a:gd name="connsiteY10" fmla="*/ 848802 h 1057758"/>
                  <a:gd name="connsiteX11" fmla="*/ 1071652 w 3228908"/>
                  <a:gd name="connsiteY11" fmla="*/ 758929 h 1057758"/>
                  <a:gd name="connsiteX12" fmla="*/ 1129988 w 3228908"/>
                  <a:gd name="connsiteY12" fmla="*/ 836367 h 1057758"/>
                  <a:gd name="connsiteX13" fmla="*/ 1193661 w 3228908"/>
                  <a:gd name="connsiteY13" fmla="*/ 925656 h 1057758"/>
                  <a:gd name="connsiteX14" fmla="*/ 1263896 w 3228908"/>
                  <a:gd name="connsiteY14" fmla="*/ 1009020 h 1057758"/>
                  <a:gd name="connsiteX15" fmla="*/ 1367165 w 3228908"/>
                  <a:gd name="connsiteY15" fmla="*/ 1057607 h 1057758"/>
                  <a:gd name="connsiteX16" fmla="*/ 1498181 w 3228908"/>
                  <a:gd name="connsiteY16" fmla="*/ 1014534 h 1057758"/>
                  <a:gd name="connsiteX17" fmla="*/ 1615326 w 3228908"/>
                  <a:gd name="connsiteY17" fmla="*/ 956129 h 1057758"/>
                  <a:gd name="connsiteX18" fmla="*/ 1764094 w 3228908"/>
                  <a:gd name="connsiteY18" fmla="*/ 991588 h 1057758"/>
                  <a:gd name="connsiteX19" fmla="*/ 1889458 w 3228908"/>
                  <a:gd name="connsiteY19" fmla="*/ 1034296 h 1057758"/>
                  <a:gd name="connsiteX20" fmla="*/ 2005666 w 3228908"/>
                  <a:gd name="connsiteY20" fmla="*/ 936337 h 1057758"/>
                  <a:gd name="connsiteX21" fmla="*/ 2150470 w 3228908"/>
                  <a:gd name="connsiteY21" fmla="*/ 786163 h 1057758"/>
                  <a:gd name="connsiteX22" fmla="*/ 2230517 w 3228908"/>
                  <a:gd name="connsiteY22" fmla="*/ 786580 h 1057758"/>
                  <a:gd name="connsiteX23" fmla="*/ 2309874 w 3228908"/>
                  <a:gd name="connsiteY23" fmla="*/ 807720 h 1057758"/>
                  <a:gd name="connsiteX24" fmla="*/ 2397013 w 3228908"/>
                  <a:gd name="connsiteY24" fmla="*/ 849007 h 1057758"/>
                  <a:gd name="connsiteX25" fmla="*/ 2515965 w 3228908"/>
                  <a:gd name="connsiteY25" fmla="*/ 862437 h 1057758"/>
                  <a:gd name="connsiteX26" fmla="*/ 2600349 w 3228908"/>
                  <a:gd name="connsiteY26" fmla="*/ 819442 h 1057758"/>
                  <a:gd name="connsiteX27" fmla="*/ 2634055 w 3228908"/>
                  <a:gd name="connsiteY27" fmla="*/ 745544 h 1057758"/>
                  <a:gd name="connsiteX28" fmla="*/ 2662802 w 3228908"/>
                  <a:gd name="connsiteY28" fmla="*/ 668475 h 1057758"/>
                  <a:gd name="connsiteX29" fmla="*/ 2729026 w 3228908"/>
                  <a:gd name="connsiteY29" fmla="*/ 582151 h 1057758"/>
                  <a:gd name="connsiteX30" fmla="*/ 2818572 w 3228908"/>
                  <a:gd name="connsiteY30" fmla="*/ 566763 h 1057758"/>
                  <a:gd name="connsiteX31" fmla="*/ 2919668 w 3228908"/>
                  <a:gd name="connsiteY31" fmla="*/ 530487 h 1057758"/>
                  <a:gd name="connsiteX32" fmla="*/ 2984169 w 3228908"/>
                  <a:gd name="connsiteY32" fmla="*/ 460587 h 1057758"/>
                  <a:gd name="connsiteX33" fmla="*/ 3045542 w 3228908"/>
                  <a:gd name="connsiteY33" fmla="*/ 404536 h 1057758"/>
                  <a:gd name="connsiteX34" fmla="*/ 3171591 w 3228908"/>
                  <a:gd name="connsiteY34" fmla="*/ 454583 h 1057758"/>
                  <a:gd name="connsiteX35" fmla="*/ 3228833 w 3228908"/>
                  <a:gd name="connsiteY35" fmla="*/ 424953 h 1057758"/>
                  <a:gd name="connsiteX36" fmla="*/ 3178799 w 3228908"/>
                  <a:gd name="connsiteY36" fmla="*/ 338221 h 1057758"/>
                  <a:gd name="connsiteX37" fmla="*/ 3130321 w 3228908"/>
                  <a:gd name="connsiteY37" fmla="*/ 256836 h 1057758"/>
                  <a:gd name="connsiteX38" fmla="*/ 3092400 w 3228908"/>
                  <a:gd name="connsiteY38" fmla="*/ 123340 h 1057758"/>
                  <a:gd name="connsiteX39" fmla="*/ 3013212 w 3228908"/>
                  <a:gd name="connsiteY39" fmla="*/ 19353 h 1057758"/>
                  <a:gd name="connsiteX40" fmla="*/ 220840 w 3228908"/>
                  <a:gd name="connsiteY40" fmla="*/ 0 h 1057758"/>
                  <a:gd name="connsiteX41" fmla="*/ 128094 w 3228908"/>
                  <a:gd name="connsiteY41" fmla="*/ 91114 h 1057758"/>
                  <a:gd name="connsiteX42" fmla="*/ 112979 w 3228908"/>
                  <a:gd name="connsiteY42" fmla="*/ 262322 h 1057758"/>
                  <a:gd name="connsiteX43" fmla="*/ 783 w 3228908"/>
                  <a:gd name="connsiteY43"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555821 w 3228908"/>
                  <a:gd name="connsiteY7" fmla="*/ 652170 h 1057758"/>
                  <a:gd name="connsiteX8" fmla="*/ 600267 w 3228908"/>
                  <a:gd name="connsiteY8" fmla="*/ 776156 h 1057758"/>
                  <a:gd name="connsiteX9" fmla="*/ 736990 w 3228908"/>
                  <a:gd name="connsiteY9" fmla="*/ 858683 h 1057758"/>
                  <a:gd name="connsiteX10" fmla="*/ 888582 w 3228908"/>
                  <a:gd name="connsiteY10" fmla="*/ 848802 h 1057758"/>
                  <a:gd name="connsiteX11" fmla="*/ 1071652 w 3228908"/>
                  <a:gd name="connsiteY11" fmla="*/ 758929 h 1057758"/>
                  <a:gd name="connsiteX12" fmla="*/ 1129988 w 3228908"/>
                  <a:gd name="connsiteY12" fmla="*/ 836367 h 1057758"/>
                  <a:gd name="connsiteX13" fmla="*/ 1193661 w 3228908"/>
                  <a:gd name="connsiteY13" fmla="*/ 925656 h 1057758"/>
                  <a:gd name="connsiteX14" fmla="*/ 1263896 w 3228908"/>
                  <a:gd name="connsiteY14" fmla="*/ 1009020 h 1057758"/>
                  <a:gd name="connsiteX15" fmla="*/ 1367165 w 3228908"/>
                  <a:gd name="connsiteY15" fmla="*/ 1057607 h 1057758"/>
                  <a:gd name="connsiteX16" fmla="*/ 1498181 w 3228908"/>
                  <a:gd name="connsiteY16" fmla="*/ 1014534 h 1057758"/>
                  <a:gd name="connsiteX17" fmla="*/ 1615326 w 3228908"/>
                  <a:gd name="connsiteY17" fmla="*/ 956129 h 1057758"/>
                  <a:gd name="connsiteX18" fmla="*/ 1764094 w 3228908"/>
                  <a:gd name="connsiteY18" fmla="*/ 991588 h 1057758"/>
                  <a:gd name="connsiteX19" fmla="*/ 1889458 w 3228908"/>
                  <a:gd name="connsiteY19" fmla="*/ 1034296 h 1057758"/>
                  <a:gd name="connsiteX20" fmla="*/ 2005666 w 3228908"/>
                  <a:gd name="connsiteY20" fmla="*/ 936337 h 1057758"/>
                  <a:gd name="connsiteX21" fmla="*/ 2150470 w 3228908"/>
                  <a:gd name="connsiteY21" fmla="*/ 786163 h 1057758"/>
                  <a:gd name="connsiteX22" fmla="*/ 2230517 w 3228908"/>
                  <a:gd name="connsiteY22" fmla="*/ 786580 h 1057758"/>
                  <a:gd name="connsiteX23" fmla="*/ 2309874 w 3228908"/>
                  <a:gd name="connsiteY23" fmla="*/ 807720 h 1057758"/>
                  <a:gd name="connsiteX24" fmla="*/ 2397013 w 3228908"/>
                  <a:gd name="connsiteY24" fmla="*/ 849007 h 1057758"/>
                  <a:gd name="connsiteX25" fmla="*/ 2515965 w 3228908"/>
                  <a:gd name="connsiteY25" fmla="*/ 862437 h 1057758"/>
                  <a:gd name="connsiteX26" fmla="*/ 2600349 w 3228908"/>
                  <a:gd name="connsiteY26" fmla="*/ 819442 h 1057758"/>
                  <a:gd name="connsiteX27" fmla="*/ 2634055 w 3228908"/>
                  <a:gd name="connsiteY27" fmla="*/ 745544 h 1057758"/>
                  <a:gd name="connsiteX28" fmla="*/ 2662802 w 3228908"/>
                  <a:gd name="connsiteY28" fmla="*/ 668475 h 1057758"/>
                  <a:gd name="connsiteX29" fmla="*/ 2729026 w 3228908"/>
                  <a:gd name="connsiteY29" fmla="*/ 582151 h 1057758"/>
                  <a:gd name="connsiteX30" fmla="*/ 2818572 w 3228908"/>
                  <a:gd name="connsiteY30" fmla="*/ 566763 h 1057758"/>
                  <a:gd name="connsiteX31" fmla="*/ 2919668 w 3228908"/>
                  <a:gd name="connsiteY31" fmla="*/ 530487 h 1057758"/>
                  <a:gd name="connsiteX32" fmla="*/ 2984169 w 3228908"/>
                  <a:gd name="connsiteY32" fmla="*/ 460587 h 1057758"/>
                  <a:gd name="connsiteX33" fmla="*/ 3045542 w 3228908"/>
                  <a:gd name="connsiteY33" fmla="*/ 404536 h 1057758"/>
                  <a:gd name="connsiteX34" fmla="*/ 3171591 w 3228908"/>
                  <a:gd name="connsiteY34" fmla="*/ 454583 h 1057758"/>
                  <a:gd name="connsiteX35" fmla="*/ 3228833 w 3228908"/>
                  <a:gd name="connsiteY35" fmla="*/ 424953 h 1057758"/>
                  <a:gd name="connsiteX36" fmla="*/ 3178799 w 3228908"/>
                  <a:gd name="connsiteY36" fmla="*/ 338221 h 1057758"/>
                  <a:gd name="connsiteX37" fmla="*/ 3130321 w 3228908"/>
                  <a:gd name="connsiteY37" fmla="*/ 256836 h 1057758"/>
                  <a:gd name="connsiteX38" fmla="*/ 3092400 w 3228908"/>
                  <a:gd name="connsiteY38" fmla="*/ 123340 h 1057758"/>
                  <a:gd name="connsiteX39" fmla="*/ 3013212 w 3228908"/>
                  <a:gd name="connsiteY39" fmla="*/ 19353 h 1057758"/>
                  <a:gd name="connsiteX40" fmla="*/ 220840 w 3228908"/>
                  <a:gd name="connsiteY40" fmla="*/ 0 h 1057758"/>
                  <a:gd name="connsiteX41" fmla="*/ 128094 w 3228908"/>
                  <a:gd name="connsiteY41" fmla="*/ 91114 h 1057758"/>
                  <a:gd name="connsiteX42" fmla="*/ 98518 w 3228908"/>
                  <a:gd name="connsiteY42" fmla="*/ 262322 h 1057758"/>
                  <a:gd name="connsiteX43" fmla="*/ 783 w 3228908"/>
                  <a:gd name="connsiteY43"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555821 w 3228908"/>
                  <a:gd name="connsiteY7" fmla="*/ 652170 h 1057758"/>
                  <a:gd name="connsiteX8" fmla="*/ 600267 w 3228908"/>
                  <a:gd name="connsiteY8" fmla="*/ 776156 h 1057758"/>
                  <a:gd name="connsiteX9" fmla="*/ 736990 w 3228908"/>
                  <a:gd name="connsiteY9" fmla="*/ 858683 h 1057758"/>
                  <a:gd name="connsiteX10" fmla="*/ 888582 w 3228908"/>
                  <a:gd name="connsiteY10" fmla="*/ 848802 h 1057758"/>
                  <a:gd name="connsiteX11" fmla="*/ 1071652 w 3228908"/>
                  <a:gd name="connsiteY11" fmla="*/ 758929 h 1057758"/>
                  <a:gd name="connsiteX12" fmla="*/ 1129988 w 3228908"/>
                  <a:gd name="connsiteY12" fmla="*/ 836367 h 1057758"/>
                  <a:gd name="connsiteX13" fmla="*/ 1193661 w 3228908"/>
                  <a:gd name="connsiteY13" fmla="*/ 925656 h 1057758"/>
                  <a:gd name="connsiteX14" fmla="*/ 1263896 w 3228908"/>
                  <a:gd name="connsiteY14" fmla="*/ 1009020 h 1057758"/>
                  <a:gd name="connsiteX15" fmla="*/ 1367165 w 3228908"/>
                  <a:gd name="connsiteY15" fmla="*/ 1057607 h 1057758"/>
                  <a:gd name="connsiteX16" fmla="*/ 1498181 w 3228908"/>
                  <a:gd name="connsiteY16" fmla="*/ 1014534 h 1057758"/>
                  <a:gd name="connsiteX17" fmla="*/ 1615326 w 3228908"/>
                  <a:gd name="connsiteY17" fmla="*/ 956129 h 1057758"/>
                  <a:gd name="connsiteX18" fmla="*/ 1764094 w 3228908"/>
                  <a:gd name="connsiteY18" fmla="*/ 991588 h 1057758"/>
                  <a:gd name="connsiteX19" fmla="*/ 1889458 w 3228908"/>
                  <a:gd name="connsiteY19" fmla="*/ 1034296 h 1057758"/>
                  <a:gd name="connsiteX20" fmla="*/ 2005666 w 3228908"/>
                  <a:gd name="connsiteY20" fmla="*/ 936337 h 1057758"/>
                  <a:gd name="connsiteX21" fmla="*/ 2150470 w 3228908"/>
                  <a:gd name="connsiteY21" fmla="*/ 786163 h 1057758"/>
                  <a:gd name="connsiteX22" fmla="*/ 2230517 w 3228908"/>
                  <a:gd name="connsiteY22" fmla="*/ 786580 h 1057758"/>
                  <a:gd name="connsiteX23" fmla="*/ 2309874 w 3228908"/>
                  <a:gd name="connsiteY23" fmla="*/ 807720 h 1057758"/>
                  <a:gd name="connsiteX24" fmla="*/ 2397013 w 3228908"/>
                  <a:gd name="connsiteY24" fmla="*/ 849007 h 1057758"/>
                  <a:gd name="connsiteX25" fmla="*/ 2515965 w 3228908"/>
                  <a:gd name="connsiteY25" fmla="*/ 862437 h 1057758"/>
                  <a:gd name="connsiteX26" fmla="*/ 2600349 w 3228908"/>
                  <a:gd name="connsiteY26" fmla="*/ 819442 h 1057758"/>
                  <a:gd name="connsiteX27" fmla="*/ 2634055 w 3228908"/>
                  <a:gd name="connsiteY27" fmla="*/ 745544 h 1057758"/>
                  <a:gd name="connsiteX28" fmla="*/ 2662802 w 3228908"/>
                  <a:gd name="connsiteY28" fmla="*/ 668475 h 1057758"/>
                  <a:gd name="connsiteX29" fmla="*/ 2729026 w 3228908"/>
                  <a:gd name="connsiteY29" fmla="*/ 582151 h 1057758"/>
                  <a:gd name="connsiteX30" fmla="*/ 2818572 w 3228908"/>
                  <a:gd name="connsiteY30" fmla="*/ 566763 h 1057758"/>
                  <a:gd name="connsiteX31" fmla="*/ 2919668 w 3228908"/>
                  <a:gd name="connsiteY31" fmla="*/ 530487 h 1057758"/>
                  <a:gd name="connsiteX32" fmla="*/ 2984169 w 3228908"/>
                  <a:gd name="connsiteY32" fmla="*/ 460587 h 1057758"/>
                  <a:gd name="connsiteX33" fmla="*/ 3045542 w 3228908"/>
                  <a:gd name="connsiteY33" fmla="*/ 404536 h 1057758"/>
                  <a:gd name="connsiteX34" fmla="*/ 3171591 w 3228908"/>
                  <a:gd name="connsiteY34" fmla="*/ 454583 h 1057758"/>
                  <a:gd name="connsiteX35" fmla="*/ 3228833 w 3228908"/>
                  <a:gd name="connsiteY35" fmla="*/ 424953 h 1057758"/>
                  <a:gd name="connsiteX36" fmla="*/ 3178799 w 3228908"/>
                  <a:gd name="connsiteY36" fmla="*/ 338221 h 1057758"/>
                  <a:gd name="connsiteX37" fmla="*/ 3130321 w 3228908"/>
                  <a:gd name="connsiteY37" fmla="*/ 256836 h 1057758"/>
                  <a:gd name="connsiteX38" fmla="*/ 3092400 w 3228908"/>
                  <a:gd name="connsiteY38" fmla="*/ 123340 h 1057758"/>
                  <a:gd name="connsiteX39" fmla="*/ 3013212 w 3228908"/>
                  <a:gd name="connsiteY39" fmla="*/ 19353 h 1057758"/>
                  <a:gd name="connsiteX40" fmla="*/ 220840 w 3228908"/>
                  <a:gd name="connsiteY40" fmla="*/ 0 h 1057758"/>
                  <a:gd name="connsiteX41" fmla="*/ 107850 w 3228908"/>
                  <a:gd name="connsiteY41" fmla="*/ 105923 h 1057758"/>
                  <a:gd name="connsiteX42" fmla="*/ 98518 w 3228908"/>
                  <a:gd name="connsiteY42" fmla="*/ 262322 h 1057758"/>
                  <a:gd name="connsiteX43" fmla="*/ 783 w 3228908"/>
                  <a:gd name="connsiteY43"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555821 w 3228908"/>
                  <a:gd name="connsiteY7" fmla="*/ 652170 h 1057758"/>
                  <a:gd name="connsiteX8" fmla="*/ 600267 w 3228908"/>
                  <a:gd name="connsiteY8" fmla="*/ 776156 h 1057758"/>
                  <a:gd name="connsiteX9" fmla="*/ 736990 w 3228908"/>
                  <a:gd name="connsiteY9" fmla="*/ 858683 h 1057758"/>
                  <a:gd name="connsiteX10" fmla="*/ 888582 w 3228908"/>
                  <a:gd name="connsiteY10" fmla="*/ 848802 h 1057758"/>
                  <a:gd name="connsiteX11" fmla="*/ 1071652 w 3228908"/>
                  <a:gd name="connsiteY11" fmla="*/ 758929 h 1057758"/>
                  <a:gd name="connsiteX12" fmla="*/ 1129988 w 3228908"/>
                  <a:gd name="connsiteY12" fmla="*/ 836367 h 1057758"/>
                  <a:gd name="connsiteX13" fmla="*/ 1193661 w 3228908"/>
                  <a:gd name="connsiteY13" fmla="*/ 925656 h 1057758"/>
                  <a:gd name="connsiteX14" fmla="*/ 1263896 w 3228908"/>
                  <a:gd name="connsiteY14" fmla="*/ 1009020 h 1057758"/>
                  <a:gd name="connsiteX15" fmla="*/ 1367165 w 3228908"/>
                  <a:gd name="connsiteY15" fmla="*/ 1057607 h 1057758"/>
                  <a:gd name="connsiteX16" fmla="*/ 1498181 w 3228908"/>
                  <a:gd name="connsiteY16" fmla="*/ 1014534 h 1057758"/>
                  <a:gd name="connsiteX17" fmla="*/ 1615326 w 3228908"/>
                  <a:gd name="connsiteY17" fmla="*/ 956129 h 1057758"/>
                  <a:gd name="connsiteX18" fmla="*/ 1764094 w 3228908"/>
                  <a:gd name="connsiteY18" fmla="*/ 991588 h 1057758"/>
                  <a:gd name="connsiteX19" fmla="*/ 1889458 w 3228908"/>
                  <a:gd name="connsiteY19" fmla="*/ 1034296 h 1057758"/>
                  <a:gd name="connsiteX20" fmla="*/ 2005666 w 3228908"/>
                  <a:gd name="connsiteY20" fmla="*/ 936337 h 1057758"/>
                  <a:gd name="connsiteX21" fmla="*/ 2150470 w 3228908"/>
                  <a:gd name="connsiteY21" fmla="*/ 786163 h 1057758"/>
                  <a:gd name="connsiteX22" fmla="*/ 2230517 w 3228908"/>
                  <a:gd name="connsiteY22" fmla="*/ 786580 h 1057758"/>
                  <a:gd name="connsiteX23" fmla="*/ 2309874 w 3228908"/>
                  <a:gd name="connsiteY23" fmla="*/ 807720 h 1057758"/>
                  <a:gd name="connsiteX24" fmla="*/ 2397013 w 3228908"/>
                  <a:gd name="connsiteY24" fmla="*/ 849007 h 1057758"/>
                  <a:gd name="connsiteX25" fmla="*/ 2515965 w 3228908"/>
                  <a:gd name="connsiteY25" fmla="*/ 862437 h 1057758"/>
                  <a:gd name="connsiteX26" fmla="*/ 2600349 w 3228908"/>
                  <a:gd name="connsiteY26" fmla="*/ 819442 h 1057758"/>
                  <a:gd name="connsiteX27" fmla="*/ 2634055 w 3228908"/>
                  <a:gd name="connsiteY27" fmla="*/ 745544 h 1057758"/>
                  <a:gd name="connsiteX28" fmla="*/ 2662802 w 3228908"/>
                  <a:gd name="connsiteY28" fmla="*/ 668475 h 1057758"/>
                  <a:gd name="connsiteX29" fmla="*/ 2729026 w 3228908"/>
                  <a:gd name="connsiteY29" fmla="*/ 582151 h 1057758"/>
                  <a:gd name="connsiteX30" fmla="*/ 2818572 w 3228908"/>
                  <a:gd name="connsiteY30" fmla="*/ 566763 h 1057758"/>
                  <a:gd name="connsiteX31" fmla="*/ 2919668 w 3228908"/>
                  <a:gd name="connsiteY31" fmla="*/ 530487 h 1057758"/>
                  <a:gd name="connsiteX32" fmla="*/ 2984169 w 3228908"/>
                  <a:gd name="connsiteY32" fmla="*/ 460587 h 1057758"/>
                  <a:gd name="connsiteX33" fmla="*/ 3045542 w 3228908"/>
                  <a:gd name="connsiteY33" fmla="*/ 404536 h 1057758"/>
                  <a:gd name="connsiteX34" fmla="*/ 3171591 w 3228908"/>
                  <a:gd name="connsiteY34" fmla="*/ 454583 h 1057758"/>
                  <a:gd name="connsiteX35" fmla="*/ 3228833 w 3228908"/>
                  <a:gd name="connsiteY35" fmla="*/ 424953 h 1057758"/>
                  <a:gd name="connsiteX36" fmla="*/ 3178799 w 3228908"/>
                  <a:gd name="connsiteY36" fmla="*/ 338221 h 1057758"/>
                  <a:gd name="connsiteX37" fmla="*/ 3130321 w 3228908"/>
                  <a:gd name="connsiteY37" fmla="*/ 256836 h 1057758"/>
                  <a:gd name="connsiteX38" fmla="*/ 3092400 w 3228908"/>
                  <a:gd name="connsiteY38" fmla="*/ 123340 h 1057758"/>
                  <a:gd name="connsiteX39" fmla="*/ 3013212 w 3228908"/>
                  <a:gd name="connsiteY39" fmla="*/ 19353 h 1057758"/>
                  <a:gd name="connsiteX40" fmla="*/ 220840 w 3228908"/>
                  <a:gd name="connsiteY40" fmla="*/ 0 h 1057758"/>
                  <a:gd name="connsiteX41" fmla="*/ 107850 w 3228908"/>
                  <a:gd name="connsiteY41" fmla="*/ 105923 h 1057758"/>
                  <a:gd name="connsiteX42" fmla="*/ 98518 w 3228908"/>
                  <a:gd name="connsiteY42" fmla="*/ 262322 h 1057758"/>
                  <a:gd name="connsiteX43" fmla="*/ 29489 w 3228908"/>
                  <a:gd name="connsiteY43" fmla="*/ 344144 h 1057758"/>
                  <a:gd name="connsiteX44" fmla="*/ 783 w 3228908"/>
                  <a:gd name="connsiteY44" fmla="*/ 434245 h 1057758"/>
                  <a:gd name="connsiteX0" fmla="*/ 783 w 3228908"/>
                  <a:gd name="connsiteY0" fmla="*/ 434245 h 1057758"/>
                  <a:gd name="connsiteX1" fmla="*/ 105972 w 3228908"/>
                  <a:gd name="connsiteY1" fmla="*/ 439775 h 1057758"/>
                  <a:gd name="connsiteX2" fmla="*/ 158105 w 3228908"/>
                  <a:gd name="connsiteY2" fmla="*/ 475396 h 1057758"/>
                  <a:gd name="connsiteX3" fmla="*/ 227600 w 3228908"/>
                  <a:gd name="connsiteY3" fmla="*/ 522347 h 1057758"/>
                  <a:gd name="connsiteX4" fmla="*/ 329135 w 3228908"/>
                  <a:gd name="connsiteY4" fmla="*/ 511131 h 1057758"/>
                  <a:gd name="connsiteX5" fmla="*/ 402492 w 3228908"/>
                  <a:gd name="connsiteY5" fmla="*/ 533107 h 1057758"/>
                  <a:gd name="connsiteX6" fmla="*/ 476729 w 3228908"/>
                  <a:gd name="connsiteY6" fmla="*/ 567333 h 1057758"/>
                  <a:gd name="connsiteX7" fmla="*/ 555821 w 3228908"/>
                  <a:gd name="connsiteY7" fmla="*/ 652170 h 1057758"/>
                  <a:gd name="connsiteX8" fmla="*/ 600267 w 3228908"/>
                  <a:gd name="connsiteY8" fmla="*/ 776156 h 1057758"/>
                  <a:gd name="connsiteX9" fmla="*/ 736990 w 3228908"/>
                  <a:gd name="connsiteY9" fmla="*/ 858683 h 1057758"/>
                  <a:gd name="connsiteX10" fmla="*/ 888582 w 3228908"/>
                  <a:gd name="connsiteY10" fmla="*/ 848802 h 1057758"/>
                  <a:gd name="connsiteX11" fmla="*/ 1071652 w 3228908"/>
                  <a:gd name="connsiteY11" fmla="*/ 758929 h 1057758"/>
                  <a:gd name="connsiteX12" fmla="*/ 1129988 w 3228908"/>
                  <a:gd name="connsiteY12" fmla="*/ 836367 h 1057758"/>
                  <a:gd name="connsiteX13" fmla="*/ 1193661 w 3228908"/>
                  <a:gd name="connsiteY13" fmla="*/ 925656 h 1057758"/>
                  <a:gd name="connsiteX14" fmla="*/ 1263896 w 3228908"/>
                  <a:gd name="connsiteY14" fmla="*/ 1009020 h 1057758"/>
                  <a:gd name="connsiteX15" fmla="*/ 1367165 w 3228908"/>
                  <a:gd name="connsiteY15" fmla="*/ 1057607 h 1057758"/>
                  <a:gd name="connsiteX16" fmla="*/ 1498181 w 3228908"/>
                  <a:gd name="connsiteY16" fmla="*/ 1014534 h 1057758"/>
                  <a:gd name="connsiteX17" fmla="*/ 1615326 w 3228908"/>
                  <a:gd name="connsiteY17" fmla="*/ 956129 h 1057758"/>
                  <a:gd name="connsiteX18" fmla="*/ 1764094 w 3228908"/>
                  <a:gd name="connsiteY18" fmla="*/ 991588 h 1057758"/>
                  <a:gd name="connsiteX19" fmla="*/ 1889458 w 3228908"/>
                  <a:gd name="connsiteY19" fmla="*/ 1034296 h 1057758"/>
                  <a:gd name="connsiteX20" fmla="*/ 2005666 w 3228908"/>
                  <a:gd name="connsiteY20" fmla="*/ 936337 h 1057758"/>
                  <a:gd name="connsiteX21" fmla="*/ 2150470 w 3228908"/>
                  <a:gd name="connsiteY21" fmla="*/ 786163 h 1057758"/>
                  <a:gd name="connsiteX22" fmla="*/ 2230517 w 3228908"/>
                  <a:gd name="connsiteY22" fmla="*/ 786580 h 1057758"/>
                  <a:gd name="connsiteX23" fmla="*/ 2309874 w 3228908"/>
                  <a:gd name="connsiteY23" fmla="*/ 807720 h 1057758"/>
                  <a:gd name="connsiteX24" fmla="*/ 2397013 w 3228908"/>
                  <a:gd name="connsiteY24" fmla="*/ 849007 h 1057758"/>
                  <a:gd name="connsiteX25" fmla="*/ 2515965 w 3228908"/>
                  <a:gd name="connsiteY25" fmla="*/ 862437 h 1057758"/>
                  <a:gd name="connsiteX26" fmla="*/ 2600349 w 3228908"/>
                  <a:gd name="connsiteY26" fmla="*/ 819442 h 1057758"/>
                  <a:gd name="connsiteX27" fmla="*/ 2634055 w 3228908"/>
                  <a:gd name="connsiteY27" fmla="*/ 745544 h 1057758"/>
                  <a:gd name="connsiteX28" fmla="*/ 2662802 w 3228908"/>
                  <a:gd name="connsiteY28" fmla="*/ 668475 h 1057758"/>
                  <a:gd name="connsiteX29" fmla="*/ 2729026 w 3228908"/>
                  <a:gd name="connsiteY29" fmla="*/ 582151 h 1057758"/>
                  <a:gd name="connsiteX30" fmla="*/ 2818572 w 3228908"/>
                  <a:gd name="connsiteY30" fmla="*/ 566763 h 1057758"/>
                  <a:gd name="connsiteX31" fmla="*/ 2919668 w 3228908"/>
                  <a:gd name="connsiteY31" fmla="*/ 530487 h 1057758"/>
                  <a:gd name="connsiteX32" fmla="*/ 2984169 w 3228908"/>
                  <a:gd name="connsiteY32" fmla="*/ 460587 h 1057758"/>
                  <a:gd name="connsiteX33" fmla="*/ 3045542 w 3228908"/>
                  <a:gd name="connsiteY33" fmla="*/ 404536 h 1057758"/>
                  <a:gd name="connsiteX34" fmla="*/ 3171591 w 3228908"/>
                  <a:gd name="connsiteY34" fmla="*/ 454583 h 1057758"/>
                  <a:gd name="connsiteX35" fmla="*/ 3228833 w 3228908"/>
                  <a:gd name="connsiteY35" fmla="*/ 424953 h 1057758"/>
                  <a:gd name="connsiteX36" fmla="*/ 3178799 w 3228908"/>
                  <a:gd name="connsiteY36" fmla="*/ 338221 h 1057758"/>
                  <a:gd name="connsiteX37" fmla="*/ 3130321 w 3228908"/>
                  <a:gd name="connsiteY37" fmla="*/ 256836 h 1057758"/>
                  <a:gd name="connsiteX38" fmla="*/ 3092400 w 3228908"/>
                  <a:gd name="connsiteY38" fmla="*/ 123340 h 1057758"/>
                  <a:gd name="connsiteX39" fmla="*/ 3013212 w 3228908"/>
                  <a:gd name="connsiteY39" fmla="*/ 19353 h 1057758"/>
                  <a:gd name="connsiteX40" fmla="*/ 220840 w 3228908"/>
                  <a:gd name="connsiteY40" fmla="*/ 0 h 1057758"/>
                  <a:gd name="connsiteX41" fmla="*/ 119417 w 3228908"/>
                  <a:gd name="connsiteY41" fmla="*/ 108884 h 1057758"/>
                  <a:gd name="connsiteX42" fmla="*/ 98518 w 3228908"/>
                  <a:gd name="connsiteY42" fmla="*/ 262322 h 1057758"/>
                  <a:gd name="connsiteX43" fmla="*/ 29489 w 3228908"/>
                  <a:gd name="connsiteY43" fmla="*/ 344144 h 1057758"/>
                  <a:gd name="connsiteX44" fmla="*/ 783 w 3228908"/>
                  <a:gd name="connsiteY44" fmla="*/ 434245 h 1057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3228908" h="1057758">
                    <a:moveTo>
                      <a:pt x="783" y="434245"/>
                    </a:moveTo>
                    <a:cubicBezTo>
                      <a:pt x="-9237" y="481475"/>
                      <a:pt x="79752" y="432917"/>
                      <a:pt x="105972" y="439775"/>
                    </a:cubicBezTo>
                    <a:cubicBezTo>
                      <a:pt x="132192" y="446634"/>
                      <a:pt x="137834" y="461634"/>
                      <a:pt x="158105" y="475396"/>
                    </a:cubicBezTo>
                    <a:cubicBezTo>
                      <a:pt x="178376" y="489158"/>
                      <a:pt x="199095" y="516391"/>
                      <a:pt x="227600" y="522347"/>
                    </a:cubicBezTo>
                    <a:cubicBezTo>
                      <a:pt x="256105" y="528303"/>
                      <a:pt x="299986" y="509338"/>
                      <a:pt x="329135" y="511131"/>
                    </a:cubicBezTo>
                    <a:cubicBezTo>
                      <a:pt x="358284" y="512924"/>
                      <a:pt x="377893" y="523740"/>
                      <a:pt x="402492" y="533107"/>
                    </a:cubicBezTo>
                    <a:cubicBezTo>
                      <a:pt x="427091" y="542474"/>
                      <a:pt x="451174" y="547489"/>
                      <a:pt x="476729" y="567333"/>
                    </a:cubicBezTo>
                    <a:cubicBezTo>
                      <a:pt x="502284" y="587177"/>
                      <a:pt x="535231" y="617366"/>
                      <a:pt x="555821" y="652170"/>
                    </a:cubicBezTo>
                    <a:cubicBezTo>
                      <a:pt x="576411" y="686974"/>
                      <a:pt x="570072" y="741737"/>
                      <a:pt x="600267" y="776156"/>
                    </a:cubicBezTo>
                    <a:cubicBezTo>
                      <a:pt x="630462" y="810575"/>
                      <a:pt x="688938" y="846575"/>
                      <a:pt x="736990" y="858683"/>
                    </a:cubicBezTo>
                    <a:cubicBezTo>
                      <a:pt x="785043" y="870791"/>
                      <a:pt x="832805" y="865428"/>
                      <a:pt x="888582" y="848802"/>
                    </a:cubicBezTo>
                    <a:cubicBezTo>
                      <a:pt x="944359" y="832176"/>
                      <a:pt x="1031418" y="761002"/>
                      <a:pt x="1071652" y="758929"/>
                    </a:cubicBezTo>
                    <a:cubicBezTo>
                      <a:pt x="1111886" y="756856"/>
                      <a:pt x="1109653" y="808579"/>
                      <a:pt x="1129988" y="836367"/>
                    </a:cubicBezTo>
                    <a:cubicBezTo>
                      <a:pt x="1150323" y="864155"/>
                      <a:pt x="1171343" y="896881"/>
                      <a:pt x="1193661" y="925656"/>
                    </a:cubicBezTo>
                    <a:cubicBezTo>
                      <a:pt x="1215979" y="954432"/>
                      <a:pt x="1234979" y="987028"/>
                      <a:pt x="1263896" y="1009020"/>
                    </a:cubicBezTo>
                    <a:cubicBezTo>
                      <a:pt x="1292813" y="1031012"/>
                      <a:pt x="1325708" y="1060109"/>
                      <a:pt x="1367165" y="1057607"/>
                    </a:cubicBezTo>
                    <a:cubicBezTo>
                      <a:pt x="1420273" y="1057659"/>
                      <a:pt x="1447965" y="1047062"/>
                      <a:pt x="1498181" y="1014534"/>
                    </a:cubicBezTo>
                    <a:lnTo>
                      <a:pt x="1615326" y="956129"/>
                    </a:lnTo>
                    <a:cubicBezTo>
                      <a:pt x="1651528" y="957380"/>
                      <a:pt x="1718405" y="978560"/>
                      <a:pt x="1764094" y="991588"/>
                    </a:cubicBezTo>
                    <a:cubicBezTo>
                      <a:pt x="1809783" y="1004616"/>
                      <a:pt x="1849196" y="1043504"/>
                      <a:pt x="1889458" y="1034296"/>
                    </a:cubicBezTo>
                    <a:cubicBezTo>
                      <a:pt x="1929720" y="1025088"/>
                      <a:pt x="1970632" y="995763"/>
                      <a:pt x="2005666" y="936337"/>
                    </a:cubicBezTo>
                    <a:cubicBezTo>
                      <a:pt x="2044204" y="895677"/>
                      <a:pt x="2060548" y="794921"/>
                      <a:pt x="2150470" y="786163"/>
                    </a:cubicBezTo>
                    <a:cubicBezTo>
                      <a:pt x="2180917" y="770193"/>
                      <a:pt x="2203950" y="782987"/>
                      <a:pt x="2230517" y="786580"/>
                    </a:cubicBezTo>
                    <a:cubicBezTo>
                      <a:pt x="2257084" y="790173"/>
                      <a:pt x="2279511" y="797711"/>
                      <a:pt x="2309874" y="807720"/>
                    </a:cubicBezTo>
                    <a:cubicBezTo>
                      <a:pt x="2358338" y="816477"/>
                      <a:pt x="2362665" y="839888"/>
                      <a:pt x="2397013" y="849007"/>
                    </a:cubicBezTo>
                    <a:cubicBezTo>
                      <a:pt x="2431361" y="858126"/>
                      <a:pt x="2482076" y="867364"/>
                      <a:pt x="2515965" y="862437"/>
                    </a:cubicBezTo>
                    <a:cubicBezTo>
                      <a:pt x="2549854" y="857510"/>
                      <a:pt x="2580667" y="838924"/>
                      <a:pt x="2600349" y="819442"/>
                    </a:cubicBezTo>
                    <a:cubicBezTo>
                      <a:pt x="2620031" y="799960"/>
                      <a:pt x="2623545" y="768689"/>
                      <a:pt x="2634055" y="745544"/>
                    </a:cubicBezTo>
                    <a:cubicBezTo>
                      <a:pt x="2648069" y="723024"/>
                      <a:pt x="2648788" y="690995"/>
                      <a:pt x="2662802" y="668475"/>
                    </a:cubicBezTo>
                    <a:lnTo>
                      <a:pt x="2729026" y="582151"/>
                    </a:lnTo>
                    <a:cubicBezTo>
                      <a:pt x="2757637" y="560882"/>
                      <a:pt x="2786798" y="575374"/>
                      <a:pt x="2818572" y="566763"/>
                    </a:cubicBezTo>
                    <a:cubicBezTo>
                      <a:pt x="2850346" y="558152"/>
                      <a:pt x="2892069" y="548183"/>
                      <a:pt x="2919668" y="530487"/>
                    </a:cubicBezTo>
                    <a:cubicBezTo>
                      <a:pt x="2947268" y="512791"/>
                      <a:pt x="2963190" y="481579"/>
                      <a:pt x="2984169" y="460587"/>
                    </a:cubicBezTo>
                    <a:cubicBezTo>
                      <a:pt x="3005148" y="439595"/>
                      <a:pt x="3021602" y="406412"/>
                      <a:pt x="3045542" y="404536"/>
                    </a:cubicBezTo>
                    <a:cubicBezTo>
                      <a:pt x="3074737" y="408289"/>
                      <a:pt x="3142396" y="450830"/>
                      <a:pt x="3171591" y="454583"/>
                    </a:cubicBezTo>
                    <a:lnTo>
                      <a:pt x="3228833" y="424953"/>
                    </a:lnTo>
                    <a:cubicBezTo>
                      <a:pt x="3230516" y="405559"/>
                      <a:pt x="3203894" y="366241"/>
                      <a:pt x="3178799" y="338221"/>
                    </a:cubicBezTo>
                    <a:cubicBezTo>
                      <a:pt x="3162380" y="310201"/>
                      <a:pt x="3144721" y="292649"/>
                      <a:pt x="3130321" y="256836"/>
                    </a:cubicBezTo>
                    <a:cubicBezTo>
                      <a:pt x="3115921" y="221023"/>
                      <a:pt x="3112178" y="170971"/>
                      <a:pt x="3092400" y="123340"/>
                    </a:cubicBezTo>
                    <a:lnTo>
                      <a:pt x="3013212" y="19353"/>
                    </a:lnTo>
                    <a:lnTo>
                      <a:pt x="220840" y="0"/>
                    </a:lnTo>
                    <a:cubicBezTo>
                      <a:pt x="198361" y="22287"/>
                      <a:pt x="132426" y="70726"/>
                      <a:pt x="119417" y="108884"/>
                    </a:cubicBezTo>
                    <a:cubicBezTo>
                      <a:pt x="100545" y="152049"/>
                      <a:pt x="117390" y="219157"/>
                      <a:pt x="98518" y="262322"/>
                    </a:cubicBezTo>
                    <a:cubicBezTo>
                      <a:pt x="80328" y="292558"/>
                      <a:pt x="47679" y="313908"/>
                      <a:pt x="29489" y="344144"/>
                    </a:cubicBezTo>
                    <a:lnTo>
                      <a:pt x="783" y="434245"/>
                    </a:lnTo>
                    <a:close/>
                  </a:path>
                </a:pathLst>
              </a:custGeom>
              <a:solidFill>
                <a:srgbClr val="7030A0">
                  <a:alpha val="58039"/>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8" name="Gult felt">
                <a:extLst>
                  <a:ext uri="{FF2B5EF4-FFF2-40B4-BE49-F238E27FC236}">
                    <a16:creationId xmlns:a16="http://schemas.microsoft.com/office/drawing/2014/main" id="{A827E5D6-66E0-4450-A10A-4B4309496453}"/>
                  </a:ext>
                </a:extLst>
              </p:cNvPr>
              <p:cNvSpPr/>
              <p:nvPr/>
            </p:nvSpPr>
            <p:spPr>
              <a:xfrm>
                <a:off x="2969528" y="3298658"/>
                <a:ext cx="3267104" cy="1077778"/>
              </a:xfrm>
              <a:custGeom>
                <a:avLst/>
                <a:gdLst>
                  <a:gd name="connsiteX0" fmla="*/ 0 w 3060000"/>
                  <a:gd name="connsiteY0" fmla="*/ 349200 h 1072800"/>
                  <a:gd name="connsiteX1" fmla="*/ 1540800 w 3060000"/>
                  <a:gd name="connsiteY1" fmla="*/ 1072800 h 1072800"/>
                  <a:gd name="connsiteX2" fmla="*/ 3060000 w 3060000"/>
                  <a:gd name="connsiteY2" fmla="*/ 349200 h 1072800"/>
                  <a:gd name="connsiteX3" fmla="*/ 3013200 w 3060000"/>
                  <a:gd name="connsiteY3" fmla="*/ 0 h 1072800"/>
                  <a:gd name="connsiteX4" fmla="*/ 1540800 w 3060000"/>
                  <a:gd name="connsiteY4" fmla="*/ 630000 h 1072800"/>
                  <a:gd name="connsiteX5" fmla="*/ 43200 w 3060000"/>
                  <a:gd name="connsiteY5" fmla="*/ 7200 h 1072800"/>
                  <a:gd name="connsiteX6" fmla="*/ 0 w 3060000"/>
                  <a:gd name="connsiteY6" fmla="*/ 349200 h 1072800"/>
                  <a:gd name="connsiteX0" fmla="*/ 0 w 3060000"/>
                  <a:gd name="connsiteY0" fmla="*/ 349200 h 1072800"/>
                  <a:gd name="connsiteX1" fmla="*/ 1540800 w 3060000"/>
                  <a:gd name="connsiteY1" fmla="*/ 1072800 h 1072800"/>
                  <a:gd name="connsiteX2" fmla="*/ 3060000 w 3060000"/>
                  <a:gd name="connsiteY2" fmla="*/ 349200 h 1072800"/>
                  <a:gd name="connsiteX3" fmla="*/ 3013200 w 3060000"/>
                  <a:gd name="connsiteY3" fmla="*/ 0 h 1072800"/>
                  <a:gd name="connsiteX4" fmla="*/ 1540800 w 3060000"/>
                  <a:gd name="connsiteY4" fmla="*/ 630000 h 1072800"/>
                  <a:gd name="connsiteX5" fmla="*/ 43200 w 3060000"/>
                  <a:gd name="connsiteY5" fmla="*/ 7200 h 1072800"/>
                  <a:gd name="connsiteX6" fmla="*/ 14400 w 3060000"/>
                  <a:gd name="connsiteY6" fmla="*/ 194400 h 1072800"/>
                  <a:gd name="connsiteX7" fmla="*/ 0 w 3060000"/>
                  <a:gd name="connsiteY7" fmla="*/ 349200 h 1072800"/>
                  <a:gd name="connsiteX0" fmla="*/ 0 w 3060000"/>
                  <a:gd name="connsiteY0" fmla="*/ 349200 h 1072800"/>
                  <a:gd name="connsiteX1" fmla="*/ 1540800 w 3060000"/>
                  <a:gd name="connsiteY1" fmla="*/ 1072800 h 1072800"/>
                  <a:gd name="connsiteX2" fmla="*/ 3060000 w 3060000"/>
                  <a:gd name="connsiteY2" fmla="*/ 349200 h 1072800"/>
                  <a:gd name="connsiteX3" fmla="*/ 3038400 w 3060000"/>
                  <a:gd name="connsiteY3" fmla="*/ 183600 h 1072800"/>
                  <a:gd name="connsiteX4" fmla="*/ 3013200 w 3060000"/>
                  <a:gd name="connsiteY4" fmla="*/ 0 h 1072800"/>
                  <a:gd name="connsiteX5" fmla="*/ 1540800 w 3060000"/>
                  <a:gd name="connsiteY5" fmla="*/ 630000 h 1072800"/>
                  <a:gd name="connsiteX6" fmla="*/ 43200 w 3060000"/>
                  <a:gd name="connsiteY6" fmla="*/ 7200 h 1072800"/>
                  <a:gd name="connsiteX7" fmla="*/ 14400 w 3060000"/>
                  <a:gd name="connsiteY7" fmla="*/ 194400 h 1072800"/>
                  <a:gd name="connsiteX8" fmla="*/ 0 w 3060000"/>
                  <a:gd name="connsiteY8" fmla="*/ 349200 h 1072800"/>
                  <a:gd name="connsiteX0" fmla="*/ 0 w 3060000"/>
                  <a:gd name="connsiteY0" fmla="*/ 349200 h 1072800"/>
                  <a:gd name="connsiteX1" fmla="*/ 1540800 w 3060000"/>
                  <a:gd name="connsiteY1" fmla="*/ 1072800 h 1072800"/>
                  <a:gd name="connsiteX2" fmla="*/ 3060000 w 3060000"/>
                  <a:gd name="connsiteY2" fmla="*/ 349200 h 1072800"/>
                  <a:gd name="connsiteX3" fmla="*/ 3038400 w 3060000"/>
                  <a:gd name="connsiteY3" fmla="*/ 183600 h 1072800"/>
                  <a:gd name="connsiteX4" fmla="*/ 3013200 w 3060000"/>
                  <a:gd name="connsiteY4" fmla="*/ 0 h 1072800"/>
                  <a:gd name="connsiteX5" fmla="*/ 1554814 w 3060000"/>
                  <a:gd name="connsiteY5" fmla="*/ 559931 h 1072800"/>
                  <a:gd name="connsiteX6" fmla="*/ 43200 w 3060000"/>
                  <a:gd name="connsiteY6" fmla="*/ 7200 h 1072800"/>
                  <a:gd name="connsiteX7" fmla="*/ 14400 w 3060000"/>
                  <a:gd name="connsiteY7" fmla="*/ 194400 h 1072800"/>
                  <a:gd name="connsiteX8" fmla="*/ 0 w 3060000"/>
                  <a:gd name="connsiteY8" fmla="*/ 349200 h 1072800"/>
                  <a:gd name="connsiteX0" fmla="*/ 0 w 3060000"/>
                  <a:gd name="connsiteY0" fmla="*/ 349200 h 1072800"/>
                  <a:gd name="connsiteX1" fmla="*/ 1540800 w 3060000"/>
                  <a:gd name="connsiteY1" fmla="*/ 1072800 h 1072800"/>
                  <a:gd name="connsiteX2" fmla="*/ 3060000 w 3060000"/>
                  <a:gd name="connsiteY2" fmla="*/ 349200 h 1072800"/>
                  <a:gd name="connsiteX3" fmla="*/ 3038400 w 3060000"/>
                  <a:gd name="connsiteY3" fmla="*/ 183600 h 1072800"/>
                  <a:gd name="connsiteX4" fmla="*/ 3013200 w 3060000"/>
                  <a:gd name="connsiteY4" fmla="*/ 0 h 1072800"/>
                  <a:gd name="connsiteX5" fmla="*/ 1554814 w 3060000"/>
                  <a:gd name="connsiteY5" fmla="*/ 559931 h 1072800"/>
                  <a:gd name="connsiteX6" fmla="*/ 25683 w 3060000"/>
                  <a:gd name="connsiteY6" fmla="*/ 66759 h 1072800"/>
                  <a:gd name="connsiteX7" fmla="*/ 14400 w 3060000"/>
                  <a:gd name="connsiteY7" fmla="*/ 194400 h 1072800"/>
                  <a:gd name="connsiteX8" fmla="*/ 0 w 3060000"/>
                  <a:gd name="connsiteY8" fmla="*/ 349200 h 1072800"/>
                  <a:gd name="connsiteX0" fmla="*/ 0 w 3060000"/>
                  <a:gd name="connsiteY0" fmla="*/ 349200 h 1072800"/>
                  <a:gd name="connsiteX1" fmla="*/ 1540800 w 3060000"/>
                  <a:gd name="connsiteY1" fmla="*/ 1072800 h 1072800"/>
                  <a:gd name="connsiteX2" fmla="*/ 3060000 w 3060000"/>
                  <a:gd name="connsiteY2" fmla="*/ 349200 h 1072800"/>
                  <a:gd name="connsiteX3" fmla="*/ 3038400 w 3060000"/>
                  <a:gd name="connsiteY3" fmla="*/ 183600 h 1072800"/>
                  <a:gd name="connsiteX4" fmla="*/ 3013200 w 3060000"/>
                  <a:gd name="connsiteY4" fmla="*/ 0 h 1072800"/>
                  <a:gd name="connsiteX5" fmla="*/ 1554814 w 3060000"/>
                  <a:gd name="connsiteY5" fmla="*/ 559931 h 1072800"/>
                  <a:gd name="connsiteX6" fmla="*/ 25683 w 3060000"/>
                  <a:gd name="connsiteY6" fmla="*/ 66759 h 1072800"/>
                  <a:gd name="connsiteX7" fmla="*/ 14400 w 3060000"/>
                  <a:gd name="connsiteY7" fmla="*/ 194400 h 1072800"/>
                  <a:gd name="connsiteX8" fmla="*/ 0 w 3060000"/>
                  <a:gd name="connsiteY8" fmla="*/ 349200 h 1072800"/>
                  <a:gd name="connsiteX0" fmla="*/ 0 w 3109048"/>
                  <a:gd name="connsiteY0" fmla="*/ 345696 h 1072800"/>
                  <a:gd name="connsiteX1" fmla="*/ 1589848 w 3109048"/>
                  <a:gd name="connsiteY1" fmla="*/ 1072800 h 1072800"/>
                  <a:gd name="connsiteX2" fmla="*/ 3109048 w 3109048"/>
                  <a:gd name="connsiteY2" fmla="*/ 349200 h 1072800"/>
                  <a:gd name="connsiteX3" fmla="*/ 3087448 w 3109048"/>
                  <a:gd name="connsiteY3" fmla="*/ 183600 h 1072800"/>
                  <a:gd name="connsiteX4" fmla="*/ 3062248 w 3109048"/>
                  <a:gd name="connsiteY4" fmla="*/ 0 h 1072800"/>
                  <a:gd name="connsiteX5" fmla="*/ 1603862 w 3109048"/>
                  <a:gd name="connsiteY5" fmla="*/ 559931 h 1072800"/>
                  <a:gd name="connsiteX6" fmla="*/ 74731 w 3109048"/>
                  <a:gd name="connsiteY6" fmla="*/ 66759 h 1072800"/>
                  <a:gd name="connsiteX7" fmla="*/ 63448 w 3109048"/>
                  <a:gd name="connsiteY7" fmla="*/ 194400 h 1072800"/>
                  <a:gd name="connsiteX8" fmla="*/ 0 w 3109048"/>
                  <a:gd name="connsiteY8" fmla="*/ 345696 h 1072800"/>
                  <a:gd name="connsiteX0" fmla="*/ 0 w 3109048"/>
                  <a:gd name="connsiteY0" fmla="*/ 345696 h 1072800"/>
                  <a:gd name="connsiteX1" fmla="*/ 1589848 w 3109048"/>
                  <a:gd name="connsiteY1" fmla="*/ 1072800 h 1072800"/>
                  <a:gd name="connsiteX2" fmla="*/ 3109048 w 3109048"/>
                  <a:gd name="connsiteY2" fmla="*/ 349200 h 1072800"/>
                  <a:gd name="connsiteX3" fmla="*/ 3087448 w 3109048"/>
                  <a:gd name="connsiteY3" fmla="*/ 183600 h 1072800"/>
                  <a:gd name="connsiteX4" fmla="*/ 3062248 w 3109048"/>
                  <a:gd name="connsiteY4" fmla="*/ 0 h 1072800"/>
                  <a:gd name="connsiteX5" fmla="*/ 1603862 w 3109048"/>
                  <a:gd name="connsiteY5" fmla="*/ 559931 h 1072800"/>
                  <a:gd name="connsiteX6" fmla="*/ 74731 w 3109048"/>
                  <a:gd name="connsiteY6" fmla="*/ 66759 h 1072800"/>
                  <a:gd name="connsiteX7" fmla="*/ 21407 w 3109048"/>
                  <a:gd name="connsiteY7" fmla="*/ 162869 h 1072800"/>
                  <a:gd name="connsiteX8" fmla="*/ 0 w 3109048"/>
                  <a:gd name="connsiteY8" fmla="*/ 345696 h 1072800"/>
                  <a:gd name="connsiteX0" fmla="*/ 0 w 3167351"/>
                  <a:gd name="connsiteY0" fmla="*/ 296648 h 1023752"/>
                  <a:gd name="connsiteX1" fmla="*/ 1589848 w 3167351"/>
                  <a:gd name="connsiteY1" fmla="*/ 1023752 h 1023752"/>
                  <a:gd name="connsiteX2" fmla="*/ 3109048 w 3167351"/>
                  <a:gd name="connsiteY2" fmla="*/ 300152 h 1023752"/>
                  <a:gd name="connsiteX3" fmla="*/ 3087448 w 3167351"/>
                  <a:gd name="connsiteY3" fmla="*/ 134552 h 1023752"/>
                  <a:gd name="connsiteX4" fmla="*/ 3167351 w 3167351"/>
                  <a:gd name="connsiteY4" fmla="*/ 0 h 1023752"/>
                  <a:gd name="connsiteX5" fmla="*/ 1603862 w 3167351"/>
                  <a:gd name="connsiteY5" fmla="*/ 510883 h 1023752"/>
                  <a:gd name="connsiteX6" fmla="*/ 74731 w 3167351"/>
                  <a:gd name="connsiteY6" fmla="*/ 17711 h 1023752"/>
                  <a:gd name="connsiteX7" fmla="*/ 21407 w 3167351"/>
                  <a:gd name="connsiteY7" fmla="*/ 113821 h 1023752"/>
                  <a:gd name="connsiteX8" fmla="*/ 0 w 3167351"/>
                  <a:gd name="connsiteY8" fmla="*/ 296648 h 1023752"/>
                  <a:gd name="connsiteX0" fmla="*/ 0 w 3224662"/>
                  <a:gd name="connsiteY0" fmla="*/ 296648 h 1023752"/>
                  <a:gd name="connsiteX1" fmla="*/ 1589848 w 3224662"/>
                  <a:gd name="connsiteY1" fmla="*/ 1023752 h 1023752"/>
                  <a:gd name="connsiteX2" fmla="*/ 3224662 w 3224662"/>
                  <a:gd name="connsiteY2" fmla="*/ 328180 h 1023752"/>
                  <a:gd name="connsiteX3" fmla="*/ 3087448 w 3224662"/>
                  <a:gd name="connsiteY3" fmla="*/ 134552 h 1023752"/>
                  <a:gd name="connsiteX4" fmla="*/ 3167351 w 3224662"/>
                  <a:gd name="connsiteY4" fmla="*/ 0 h 1023752"/>
                  <a:gd name="connsiteX5" fmla="*/ 1603862 w 3224662"/>
                  <a:gd name="connsiteY5" fmla="*/ 510883 h 1023752"/>
                  <a:gd name="connsiteX6" fmla="*/ 74731 w 3224662"/>
                  <a:gd name="connsiteY6" fmla="*/ 17711 h 1023752"/>
                  <a:gd name="connsiteX7" fmla="*/ 21407 w 3224662"/>
                  <a:gd name="connsiteY7" fmla="*/ 113821 h 1023752"/>
                  <a:gd name="connsiteX8" fmla="*/ 0 w 3224662"/>
                  <a:gd name="connsiteY8" fmla="*/ 296648 h 1023752"/>
                  <a:gd name="connsiteX0" fmla="*/ 0 w 3224662"/>
                  <a:gd name="connsiteY0" fmla="*/ 296648 h 1023752"/>
                  <a:gd name="connsiteX1" fmla="*/ 1589848 w 3224662"/>
                  <a:gd name="connsiteY1" fmla="*/ 1023752 h 1023752"/>
                  <a:gd name="connsiteX2" fmla="*/ 3224662 w 3224662"/>
                  <a:gd name="connsiteY2" fmla="*/ 328180 h 1023752"/>
                  <a:gd name="connsiteX3" fmla="*/ 3203061 w 3224662"/>
                  <a:gd name="connsiteY3" fmla="*/ 152070 h 1023752"/>
                  <a:gd name="connsiteX4" fmla="*/ 3167351 w 3224662"/>
                  <a:gd name="connsiteY4" fmla="*/ 0 h 1023752"/>
                  <a:gd name="connsiteX5" fmla="*/ 1603862 w 3224662"/>
                  <a:gd name="connsiteY5" fmla="*/ 510883 h 1023752"/>
                  <a:gd name="connsiteX6" fmla="*/ 74731 w 3224662"/>
                  <a:gd name="connsiteY6" fmla="*/ 17711 h 1023752"/>
                  <a:gd name="connsiteX7" fmla="*/ 21407 w 3224662"/>
                  <a:gd name="connsiteY7" fmla="*/ 113821 h 1023752"/>
                  <a:gd name="connsiteX8" fmla="*/ 0 w 3224662"/>
                  <a:gd name="connsiteY8" fmla="*/ 296648 h 1023752"/>
                  <a:gd name="connsiteX0" fmla="*/ 0 w 3217655"/>
                  <a:gd name="connsiteY0" fmla="*/ 296648 h 1023752"/>
                  <a:gd name="connsiteX1" fmla="*/ 1589848 w 3217655"/>
                  <a:gd name="connsiteY1" fmla="*/ 1023752 h 1023752"/>
                  <a:gd name="connsiteX2" fmla="*/ 3217655 w 3217655"/>
                  <a:gd name="connsiteY2" fmla="*/ 328180 h 1023752"/>
                  <a:gd name="connsiteX3" fmla="*/ 3203061 w 3217655"/>
                  <a:gd name="connsiteY3" fmla="*/ 152070 h 1023752"/>
                  <a:gd name="connsiteX4" fmla="*/ 3167351 w 3217655"/>
                  <a:gd name="connsiteY4" fmla="*/ 0 h 1023752"/>
                  <a:gd name="connsiteX5" fmla="*/ 1603862 w 3217655"/>
                  <a:gd name="connsiteY5" fmla="*/ 510883 h 1023752"/>
                  <a:gd name="connsiteX6" fmla="*/ 74731 w 3217655"/>
                  <a:gd name="connsiteY6" fmla="*/ 17711 h 1023752"/>
                  <a:gd name="connsiteX7" fmla="*/ 21407 w 3217655"/>
                  <a:gd name="connsiteY7" fmla="*/ 113821 h 1023752"/>
                  <a:gd name="connsiteX8" fmla="*/ 0 w 3217655"/>
                  <a:gd name="connsiteY8" fmla="*/ 296648 h 1023752"/>
                  <a:gd name="connsiteX0" fmla="*/ 0 w 3217655"/>
                  <a:gd name="connsiteY0" fmla="*/ 296648 h 1023752"/>
                  <a:gd name="connsiteX1" fmla="*/ 1589848 w 3217655"/>
                  <a:gd name="connsiteY1" fmla="*/ 1023752 h 1023752"/>
                  <a:gd name="connsiteX2" fmla="*/ 3217655 w 3217655"/>
                  <a:gd name="connsiteY2" fmla="*/ 328180 h 1023752"/>
                  <a:gd name="connsiteX3" fmla="*/ 3203061 w 3217655"/>
                  <a:gd name="connsiteY3" fmla="*/ 152070 h 1023752"/>
                  <a:gd name="connsiteX4" fmla="*/ 3167351 w 3217655"/>
                  <a:gd name="connsiteY4" fmla="*/ 0 h 1023752"/>
                  <a:gd name="connsiteX5" fmla="*/ 1603862 w 3217655"/>
                  <a:gd name="connsiteY5" fmla="*/ 510883 h 1023752"/>
                  <a:gd name="connsiteX6" fmla="*/ 74731 w 3217655"/>
                  <a:gd name="connsiteY6" fmla="*/ 17711 h 1023752"/>
                  <a:gd name="connsiteX7" fmla="*/ 21407 w 3217655"/>
                  <a:gd name="connsiteY7" fmla="*/ 113821 h 1023752"/>
                  <a:gd name="connsiteX8" fmla="*/ 0 w 3217655"/>
                  <a:gd name="connsiteY8" fmla="*/ 296648 h 1023752"/>
                  <a:gd name="connsiteX0" fmla="*/ 0 w 3217655"/>
                  <a:gd name="connsiteY0" fmla="*/ 296648 h 1023752"/>
                  <a:gd name="connsiteX1" fmla="*/ 1589848 w 3217655"/>
                  <a:gd name="connsiteY1" fmla="*/ 1023752 h 1023752"/>
                  <a:gd name="connsiteX2" fmla="*/ 3217655 w 3217655"/>
                  <a:gd name="connsiteY2" fmla="*/ 328180 h 1023752"/>
                  <a:gd name="connsiteX3" fmla="*/ 3203061 w 3217655"/>
                  <a:gd name="connsiteY3" fmla="*/ 152070 h 1023752"/>
                  <a:gd name="connsiteX4" fmla="*/ 3167351 w 3217655"/>
                  <a:gd name="connsiteY4" fmla="*/ 0 h 1023752"/>
                  <a:gd name="connsiteX5" fmla="*/ 1603862 w 3217655"/>
                  <a:gd name="connsiteY5" fmla="*/ 510883 h 1023752"/>
                  <a:gd name="connsiteX6" fmla="*/ 74731 w 3217655"/>
                  <a:gd name="connsiteY6" fmla="*/ 17711 h 1023752"/>
                  <a:gd name="connsiteX7" fmla="*/ 21407 w 3217655"/>
                  <a:gd name="connsiteY7" fmla="*/ 113821 h 1023752"/>
                  <a:gd name="connsiteX8" fmla="*/ 0 w 3217655"/>
                  <a:gd name="connsiteY8" fmla="*/ 296648 h 1023752"/>
                  <a:gd name="connsiteX0" fmla="*/ 0 w 3217655"/>
                  <a:gd name="connsiteY0" fmla="*/ 296648 h 1023752"/>
                  <a:gd name="connsiteX1" fmla="*/ 1589848 w 3217655"/>
                  <a:gd name="connsiteY1" fmla="*/ 1023752 h 1023752"/>
                  <a:gd name="connsiteX2" fmla="*/ 3217655 w 3217655"/>
                  <a:gd name="connsiteY2" fmla="*/ 328180 h 1023752"/>
                  <a:gd name="connsiteX3" fmla="*/ 3203061 w 3217655"/>
                  <a:gd name="connsiteY3" fmla="*/ 152070 h 1023752"/>
                  <a:gd name="connsiteX4" fmla="*/ 3167351 w 3217655"/>
                  <a:gd name="connsiteY4" fmla="*/ 0 h 1023752"/>
                  <a:gd name="connsiteX5" fmla="*/ 1600359 w 3217655"/>
                  <a:gd name="connsiteY5" fmla="*/ 496869 h 1023752"/>
                  <a:gd name="connsiteX6" fmla="*/ 74731 w 3217655"/>
                  <a:gd name="connsiteY6" fmla="*/ 17711 h 1023752"/>
                  <a:gd name="connsiteX7" fmla="*/ 21407 w 3217655"/>
                  <a:gd name="connsiteY7" fmla="*/ 113821 h 1023752"/>
                  <a:gd name="connsiteX8" fmla="*/ 0 w 3217655"/>
                  <a:gd name="connsiteY8" fmla="*/ 296648 h 1023752"/>
                  <a:gd name="connsiteX0" fmla="*/ 0 w 3217655"/>
                  <a:gd name="connsiteY0" fmla="*/ 296648 h 1023752"/>
                  <a:gd name="connsiteX1" fmla="*/ 1190486 w 3217655"/>
                  <a:gd name="connsiteY1" fmla="*/ 846765 h 1023752"/>
                  <a:gd name="connsiteX2" fmla="*/ 1589848 w 3217655"/>
                  <a:gd name="connsiteY2" fmla="*/ 1023752 h 1023752"/>
                  <a:gd name="connsiteX3" fmla="*/ 3217655 w 3217655"/>
                  <a:gd name="connsiteY3" fmla="*/ 328180 h 1023752"/>
                  <a:gd name="connsiteX4" fmla="*/ 3203061 w 3217655"/>
                  <a:gd name="connsiteY4" fmla="*/ 152070 h 1023752"/>
                  <a:gd name="connsiteX5" fmla="*/ 3167351 w 3217655"/>
                  <a:gd name="connsiteY5" fmla="*/ 0 h 1023752"/>
                  <a:gd name="connsiteX6" fmla="*/ 1600359 w 3217655"/>
                  <a:gd name="connsiteY6" fmla="*/ 496869 h 1023752"/>
                  <a:gd name="connsiteX7" fmla="*/ 74731 w 3217655"/>
                  <a:gd name="connsiteY7" fmla="*/ 17711 h 1023752"/>
                  <a:gd name="connsiteX8" fmla="*/ 21407 w 3217655"/>
                  <a:gd name="connsiteY8" fmla="*/ 113821 h 1023752"/>
                  <a:gd name="connsiteX9" fmla="*/ 0 w 3217655"/>
                  <a:gd name="connsiteY9" fmla="*/ 296648 h 1023752"/>
                  <a:gd name="connsiteX0" fmla="*/ 0 w 3217655"/>
                  <a:gd name="connsiteY0" fmla="*/ 296648 h 1023752"/>
                  <a:gd name="connsiteX1" fmla="*/ 552859 w 3217655"/>
                  <a:gd name="connsiteY1" fmla="*/ 626048 h 1023752"/>
                  <a:gd name="connsiteX2" fmla="*/ 1190486 w 3217655"/>
                  <a:gd name="connsiteY2" fmla="*/ 846765 h 1023752"/>
                  <a:gd name="connsiteX3" fmla="*/ 1589848 w 3217655"/>
                  <a:gd name="connsiteY3" fmla="*/ 1023752 h 1023752"/>
                  <a:gd name="connsiteX4" fmla="*/ 3217655 w 3217655"/>
                  <a:gd name="connsiteY4" fmla="*/ 328180 h 1023752"/>
                  <a:gd name="connsiteX5" fmla="*/ 3203061 w 3217655"/>
                  <a:gd name="connsiteY5" fmla="*/ 152070 h 1023752"/>
                  <a:gd name="connsiteX6" fmla="*/ 3167351 w 3217655"/>
                  <a:gd name="connsiteY6" fmla="*/ 0 h 1023752"/>
                  <a:gd name="connsiteX7" fmla="*/ 1600359 w 3217655"/>
                  <a:gd name="connsiteY7" fmla="*/ 496869 h 1023752"/>
                  <a:gd name="connsiteX8" fmla="*/ 74731 w 3217655"/>
                  <a:gd name="connsiteY8" fmla="*/ 17711 h 1023752"/>
                  <a:gd name="connsiteX9" fmla="*/ 21407 w 3217655"/>
                  <a:gd name="connsiteY9" fmla="*/ 113821 h 1023752"/>
                  <a:gd name="connsiteX10" fmla="*/ 0 w 3217655"/>
                  <a:gd name="connsiteY10" fmla="*/ 296648 h 1023752"/>
                  <a:gd name="connsiteX0" fmla="*/ 0 w 3217655"/>
                  <a:gd name="connsiteY0" fmla="*/ 296648 h 1023752"/>
                  <a:gd name="connsiteX1" fmla="*/ 552859 w 3217655"/>
                  <a:gd name="connsiteY1" fmla="*/ 626048 h 1023752"/>
                  <a:gd name="connsiteX2" fmla="*/ 1046845 w 3217655"/>
                  <a:gd name="connsiteY2" fmla="*/ 678600 h 1023752"/>
                  <a:gd name="connsiteX3" fmla="*/ 1190486 w 3217655"/>
                  <a:gd name="connsiteY3" fmla="*/ 846765 h 1023752"/>
                  <a:gd name="connsiteX4" fmla="*/ 1589848 w 3217655"/>
                  <a:gd name="connsiteY4" fmla="*/ 1023752 h 1023752"/>
                  <a:gd name="connsiteX5" fmla="*/ 3217655 w 3217655"/>
                  <a:gd name="connsiteY5" fmla="*/ 328180 h 1023752"/>
                  <a:gd name="connsiteX6" fmla="*/ 3203061 w 3217655"/>
                  <a:gd name="connsiteY6" fmla="*/ 152070 h 1023752"/>
                  <a:gd name="connsiteX7" fmla="*/ 3167351 w 3217655"/>
                  <a:gd name="connsiteY7" fmla="*/ 0 h 1023752"/>
                  <a:gd name="connsiteX8" fmla="*/ 1600359 w 3217655"/>
                  <a:gd name="connsiteY8" fmla="*/ 496869 h 1023752"/>
                  <a:gd name="connsiteX9" fmla="*/ 74731 w 3217655"/>
                  <a:gd name="connsiteY9" fmla="*/ 17711 h 1023752"/>
                  <a:gd name="connsiteX10" fmla="*/ 21407 w 3217655"/>
                  <a:gd name="connsiteY10" fmla="*/ 113821 h 1023752"/>
                  <a:gd name="connsiteX11" fmla="*/ 0 w 3217655"/>
                  <a:gd name="connsiteY11" fmla="*/ 296648 h 1023752"/>
                  <a:gd name="connsiteX0" fmla="*/ 0 w 3217655"/>
                  <a:gd name="connsiteY0" fmla="*/ 296648 h 1023752"/>
                  <a:gd name="connsiteX1" fmla="*/ 342652 w 3217655"/>
                  <a:gd name="connsiteY1" fmla="*/ 412338 h 1023752"/>
                  <a:gd name="connsiteX2" fmla="*/ 552859 w 3217655"/>
                  <a:gd name="connsiteY2" fmla="*/ 626048 h 1023752"/>
                  <a:gd name="connsiteX3" fmla="*/ 1046845 w 3217655"/>
                  <a:gd name="connsiteY3" fmla="*/ 678600 h 1023752"/>
                  <a:gd name="connsiteX4" fmla="*/ 1190486 w 3217655"/>
                  <a:gd name="connsiteY4" fmla="*/ 846765 h 1023752"/>
                  <a:gd name="connsiteX5" fmla="*/ 1589848 w 3217655"/>
                  <a:gd name="connsiteY5" fmla="*/ 1023752 h 1023752"/>
                  <a:gd name="connsiteX6" fmla="*/ 3217655 w 3217655"/>
                  <a:gd name="connsiteY6" fmla="*/ 328180 h 1023752"/>
                  <a:gd name="connsiteX7" fmla="*/ 3203061 w 3217655"/>
                  <a:gd name="connsiteY7" fmla="*/ 152070 h 1023752"/>
                  <a:gd name="connsiteX8" fmla="*/ 3167351 w 3217655"/>
                  <a:gd name="connsiteY8" fmla="*/ 0 h 1023752"/>
                  <a:gd name="connsiteX9" fmla="*/ 1600359 w 3217655"/>
                  <a:gd name="connsiteY9" fmla="*/ 496869 h 1023752"/>
                  <a:gd name="connsiteX10" fmla="*/ 74731 w 3217655"/>
                  <a:gd name="connsiteY10" fmla="*/ 17711 h 1023752"/>
                  <a:gd name="connsiteX11" fmla="*/ 21407 w 3217655"/>
                  <a:gd name="connsiteY11" fmla="*/ 113821 h 1023752"/>
                  <a:gd name="connsiteX12" fmla="*/ 0 w 3217655"/>
                  <a:gd name="connsiteY12" fmla="*/ 296648 h 1023752"/>
                  <a:gd name="connsiteX0" fmla="*/ 0 w 3217655"/>
                  <a:gd name="connsiteY0" fmla="*/ 296648 h 1023752"/>
                  <a:gd name="connsiteX1" fmla="*/ 213024 w 3217655"/>
                  <a:gd name="connsiteY1" fmla="*/ 394820 h 1023752"/>
                  <a:gd name="connsiteX2" fmla="*/ 342652 w 3217655"/>
                  <a:gd name="connsiteY2" fmla="*/ 412338 h 1023752"/>
                  <a:gd name="connsiteX3" fmla="*/ 552859 w 3217655"/>
                  <a:gd name="connsiteY3" fmla="*/ 626048 h 1023752"/>
                  <a:gd name="connsiteX4" fmla="*/ 1046845 w 3217655"/>
                  <a:gd name="connsiteY4" fmla="*/ 678600 h 1023752"/>
                  <a:gd name="connsiteX5" fmla="*/ 1190486 w 3217655"/>
                  <a:gd name="connsiteY5" fmla="*/ 846765 h 1023752"/>
                  <a:gd name="connsiteX6" fmla="*/ 1589848 w 3217655"/>
                  <a:gd name="connsiteY6" fmla="*/ 1023752 h 1023752"/>
                  <a:gd name="connsiteX7" fmla="*/ 3217655 w 3217655"/>
                  <a:gd name="connsiteY7" fmla="*/ 328180 h 1023752"/>
                  <a:gd name="connsiteX8" fmla="*/ 3203061 w 3217655"/>
                  <a:gd name="connsiteY8" fmla="*/ 152070 h 1023752"/>
                  <a:gd name="connsiteX9" fmla="*/ 3167351 w 3217655"/>
                  <a:gd name="connsiteY9" fmla="*/ 0 h 1023752"/>
                  <a:gd name="connsiteX10" fmla="*/ 1600359 w 3217655"/>
                  <a:gd name="connsiteY10" fmla="*/ 496869 h 1023752"/>
                  <a:gd name="connsiteX11" fmla="*/ 74731 w 3217655"/>
                  <a:gd name="connsiteY11" fmla="*/ 17711 h 1023752"/>
                  <a:gd name="connsiteX12" fmla="*/ 21407 w 3217655"/>
                  <a:gd name="connsiteY12" fmla="*/ 113821 h 1023752"/>
                  <a:gd name="connsiteX13" fmla="*/ 0 w 3217655"/>
                  <a:gd name="connsiteY13"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552859 w 3217655"/>
                  <a:gd name="connsiteY3" fmla="*/ 626048 h 1023752"/>
                  <a:gd name="connsiteX4" fmla="*/ 1046845 w 3217655"/>
                  <a:gd name="connsiteY4" fmla="*/ 678600 h 1023752"/>
                  <a:gd name="connsiteX5" fmla="*/ 1190486 w 3217655"/>
                  <a:gd name="connsiteY5" fmla="*/ 846765 h 1023752"/>
                  <a:gd name="connsiteX6" fmla="*/ 1589848 w 3217655"/>
                  <a:gd name="connsiteY6" fmla="*/ 1023752 h 1023752"/>
                  <a:gd name="connsiteX7" fmla="*/ 3217655 w 3217655"/>
                  <a:gd name="connsiteY7" fmla="*/ 328180 h 1023752"/>
                  <a:gd name="connsiteX8" fmla="*/ 3203061 w 3217655"/>
                  <a:gd name="connsiteY8" fmla="*/ 152070 h 1023752"/>
                  <a:gd name="connsiteX9" fmla="*/ 3167351 w 3217655"/>
                  <a:gd name="connsiteY9" fmla="*/ 0 h 1023752"/>
                  <a:gd name="connsiteX10" fmla="*/ 1600359 w 3217655"/>
                  <a:gd name="connsiteY10" fmla="*/ 496869 h 1023752"/>
                  <a:gd name="connsiteX11" fmla="*/ 74731 w 3217655"/>
                  <a:gd name="connsiteY11" fmla="*/ 17711 h 1023752"/>
                  <a:gd name="connsiteX12" fmla="*/ 21407 w 3217655"/>
                  <a:gd name="connsiteY12" fmla="*/ 113821 h 1023752"/>
                  <a:gd name="connsiteX13" fmla="*/ 0 w 3217655"/>
                  <a:gd name="connsiteY13"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552859 w 3217655"/>
                  <a:gd name="connsiteY3" fmla="*/ 626048 h 1023752"/>
                  <a:gd name="connsiteX4" fmla="*/ 756059 w 3217655"/>
                  <a:gd name="connsiteY4" fmla="*/ 661082 h 1023752"/>
                  <a:gd name="connsiteX5" fmla="*/ 1046845 w 3217655"/>
                  <a:gd name="connsiteY5" fmla="*/ 678600 h 1023752"/>
                  <a:gd name="connsiteX6" fmla="*/ 1190486 w 3217655"/>
                  <a:gd name="connsiteY6" fmla="*/ 846765 h 1023752"/>
                  <a:gd name="connsiteX7" fmla="*/ 1589848 w 3217655"/>
                  <a:gd name="connsiteY7" fmla="*/ 1023752 h 1023752"/>
                  <a:gd name="connsiteX8" fmla="*/ 3217655 w 3217655"/>
                  <a:gd name="connsiteY8" fmla="*/ 328180 h 1023752"/>
                  <a:gd name="connsiteX9" fmla="*/ 3203061 w 3217655"/>
                  <a:gd name="connsiteY9" fmla="*/ 152070 h 1023752"/>
                  <a:gd name="connsiteX10" fmla="*/ 3167351 w 3217655"/>
                  <a:gd name="connsiteY10" fmla="*/ 0 h 1023752"/>
                  <a:gd name="connsiteX11" fmla="*/ 1600359 w 3217655"/>
                  <a:gd name="connsiteY11" fmla="*/ 496869 h 1023752"/>
                  <a:gd name="connsiteX12" fmla="*/ 74731 w 3217655"/>
                  <a:gd name="connsiteY12" fmla="*/ 17711 h 1023752"/>
                  <a:gd name="connsiteX13" fmla="*/ 21407 w 3217655"/>
                  <a:gd name="connsiteY13" fmla="*/ 113821 h 1023752"/>
                  <a:gd name="connsiteX14" fmla="*/ 0 w 3217655"/>
                  <a:gd name="connsiteY14"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1046845 w 3217655"/>
                  <a:gd name="connsiteY6" fmla="*/ 678600 h 1023752"/>
                  <a:gd name="connsiteX7" fmla="*/ 1190486 w 3217655"/>
                  <a:gd name="connsiteY7" fmla="*/ 846765 h 1023752"/>
                  <a:gd name="connsiteX8" fmla="*/ 1589848 w 3217655"/>
                  <a:gd name="connsiteY8" fmla="*/ 1023752 h 1023752"/>
                  <a:gd name="connsiteX9" fmla="*/ 3217655 w 3217655"/>
                  <a:gd name="connsiteY9" fmla="*/ 328180 h 1023752"/>
                  <a:gd name="connsiteX10" fmla="*/ 3203061 w 3217655"/>
                  <a:gd name="connsiteY10" fmla="*/ 152070 h 1023752"/>
                  <a:gd name="connsiteX11" fmla="*/ 3167351 w 3217655"/>
                  <a:gd name="connsiteY11" fmla="*/ 0 h 1023752"/>
                  <a:gd name="connsiteX12" fmla="*/ 1600359 w 3217655"/>
                  <a:gd name="connsiteY12" fmla="*/ 496869 h 1023752"/>
                  <a:gd name="connsiteX13" fmla="*/ 74731 w 3217655"/>
                  <a:gd name="connsiteY13" fmla="*/ 17711 h 1023752"/>
                  <a:gd name="connsiteX14" fmla="*/ 21407 w 3217655"/>
                  <a:gd name="connsiteY14" fmla="*/ 113821 h 1023752"/>
                  <a:gd name="connsiteX15" fmla="*/ 0 w 3217655"/>
                  <a:gd name="connsiteY15"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1046845 w 3217655"/>
                  <a:gd name="connsiteY6" fmla="*/ 678600 h 1023752"/>
                  <a:gd name="connsiteX7" fmla="*/ 1190486 w 3217655"/>
                  <a:gd name="connsiteY7" fmla="*/ 846765 h 1023752"/>
                  <a:gd name="connsiteX8" fmla="*/ 1432224 w 3217655"/>
                  <a:gd name="connsiteY8" fmla="*/ 976393 h 1023752"/>
                  <a:gd name="connsiteX9" fmla="*/ 1589848 w 3217655"/>
                  <a:gd name="connsiteY9" fmla="*/ 1023752 h 1023752"/>
                  <a:gd name="connsiteX10" fmla="*/ 3217655 w 3217655"/>
                  <a:gd name="connsiteY10" fmla="*/ 328180 h 1023752"/>
                  <a:gd name="connsiteX11" fmla="*/ 3203061 w 3217655"/>
                  <a:gd name="connsiteY11" fmla="*/ 152070 h 1023752"/>
                  <a:gd name="connsiteX12" fmla="*/ 3167351 w 3217655"/>
                  <a:gd name="connsiteY12" fmla="*/ 0 h 1023752"/>
                  <a:gd name="connsiteX13" fmla="*/ 1600359 w 3217655"/>
                  <a:gd name="connsiteY13" fmla="*/ 496869 h 1023752"/>
                  <a:gd name="connsiteX14" fmla="*/ 74731 w 3217655"/>
                  <a:gd name="connsiteY14" fmla="*/ 17711 h 1023752"/>
                  <a:gd name="connsiteX15" fmla="*/ 21407 w 3217655"/>
                  <a:gd name="connsiteY15" fmla="*/ 113821 h 1023752"/>
                  <a:gd name="connsiteX16" fmla="*/ 0 w 3217655"/>
                  <a:gd name="connsiteY16"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1046845 w 3217655"/>
                  <a:gd name="connsiteY6" fmla="*/ 678600 h 1023752"/>
                  <a:gd name="connsiteX7" fmla="*/ 1190486 w 3217655"/>
                  <a:gd name="connsiteY7" fmla="*/ 846765 h 1023752"/>
                  <a:gd name="connsiteX8" fmla="*/ 1327121 w 3217655"/>
                  <a:gd name="connsiteY8" fmla="*/ 906324 h 1023752"/>
                  <a:gd name="connsiteX9" fmla="*/ 1432224 w 3217655"/>
                  <a:gd name="connsiteY9" fmla="*/ 976393 h 1023752"/>
                  <a:gd name="connsiteX10" fmla="*/ 1589848 w 3217655"/>
                  <a:gd name="connsiteY10" fmla="*/ 1023752 h 1023752"/>
                  <a:gd name="connsiteX11" fmla="*/ 3217655 w 3217655"/>
                  <a:gd name="connsiteY11" fmla="*/ 328180 h 1023752"/>
                  <a:gd name="connsiteX12" fmla="*/ 3203061 w 3217655"/>
                  <a:gd name="connsiteY12" fmla="*/ 152070 h 1023752"/>
                  <a:gd name="connsiteX13" fmla="*/ 3167351 w 3217655"/>
                  <a:gd name="connsiteY13" fmla="*/ 0 h 1023752"/>
                  <a:gd name="connsiteX14" fmla="*/ 1600359 w 3217655"/>
                  <a:gd name="connsiteY14" fmla="*/ 496869 h 1023752"/>
                  <a:gd name="connsiteX15" fmla="*/ 74731 w 3217655"/>
                  <a:gd name="connsiteY15" fmla="*/ 17711 h 1023752"/>
                  <a:gd name="connsiteX16" fmla="*/ 21407 w 3217655"/>
                  <a:gd name="connsiteY16" fmla="*/ 113821 h 1023752"/>
                  <a:gd name="connsiteX17" fmla="*/ 0 w 3217655"/>
                  <a:gd name="connsiteY17"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1046845 w 3217655"/>
                  <a:gd name="connsiteY6" fmla="*/ 678600 h 1023752"/>
                  <a:gd name="connsiteX7" fmla="*/ 1151948 w 3217655"/>
                  <a:gd name="connsiteY7" fmla="*/ 748669 h 1023752"/>
                  <a:gd name="connsiteX8" fmla="*/ 1190486 w 3217655"/>
                  <a:gd name="connsiteY8" fmla="*/ 846765 h 1023752"/>
                  <a:gd name="connsiteX9" fmla="*/ 1327121 w 3217655"/>
                  <a:gd name="connsiteY9" fmla="*/ 906324 h 1023752"/>
                  <a:gd name="connsiteX10" fmla="*/ 1432224 w 3217655"/>
                  <a:gd name="connsiteY10" fmla="*/ 976393 h 1023752"/>
                  <a:gd name="connsiteX11" fmla="*/ 1589848 w 3217655"/>
                  <a:gd name="connsiteY11" fmla="*/ 1023752 h 1023752"/>
                  <a:gd name="connsiteX12" fmla="*/ 3217655 w 3217655"/>
                  <a:gd name="connsiteY12" fmla="*/ 328180 h 1023752"/>
                  <a:gd name="connsiteX13" fmla="*/ 3203061 w 3217655"/>
                  <a:gd name="connsiteY13" fmla="*/ 152070 h 1023752"/>
                  <a:gd name="connsiteX14" fmla="*/ 3167351 w 3217655"/>
                  <a:gd name="connsiteY14" fmla="*/ 0 h 1023752"/>
                  <a:gd name="connsiteX15" fmla="*/ 1600359 w 3217655"/>
                  <a:gd name="connsiteY15" fmla="*/ 496869 h 1023752"/>
                  <a:gd name="connsiteX16" fmla="*/ 74731 w 3217655"/>
                  <a:gd name="connsiteY16" fmla="*/ 17711 h 1023752"/>
                  <a:gd name="connsiteX17" fmla="*/ 21407 w 3217655"/>
                  <a:gd name="connsiteY17" fmla="*/ 113821 h 1023752"/>
                  <a:gd name="connsiteX18" fmla="*/ 0 w 3217655"/>
                  <a:gd name="connsiteY18"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9259 w 3217655"/>
                  <a:gd name="connsiteY6" fmla="*/ 640062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3217655 w 3217655"/>
                  <a:gd name="connsiteY13" fmla="*/ 328180 h 1023752"/>
                  <a:gd name="connsiteX14" fmla="*/ 3203061 w 3217655"/>
                  <a:gd name="connsiteY14" fmla="*/ 152070 h 1023752"/>
                  <a:gd name="connsiteX15" fmla="*/ 3167351 w 3217655"/>
                  <a:gd name="connsiteY15" fmla="*/ 0 h 1023752"/>
                  <a:gd name="connsiteX16" fmla="*/ 1600359 w 3217655"/>
                  <a:gd name="connsiteY16" fmla="*/ 496869 h 1023752"/>
                  <a:gd name="connsiteX17" fmla="*/ 74731 w 3217655"/>
                  <a:gd name="connsiteY17" fmla="*/ 17711 h 1023752"/>
                  <a:gd name="connsiteX18" fmla="*/ 21407 w 3217655"/>
                  <a:gd name="connsiteY18" fmla="*/ 113821 h 1023752"/>
                  <a:gd name="connsiteX19" fmla="*/ 0 w 3217655"/>
                  <a:gd name="connsiteY19"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3217655 w 3217655"/>
                  <a:gd name="connsiteY13" fmla="*/ 328180 h 1023752"/>
                  <a:gd name="connsiteX14" fmla="*/ 3203061 w 3217655"/>
                  <a:gd name="connsiteY14" fmla="*/ 152070 h 1023752"/>
                  <a:gd name="connsiteX15" fmla="*/ 3167351 w 3217655"/>
                  <a:gd name="connsiteY15" fmla="*/ 0 h 1023752"/>
                  <a:gd name="connsiteX16" fmla="*/ 1600359 w 3217655"/>
                  <a:gd name="connsiteY16" fmla="*/ 496869 h 1023752"/>
                  <a:gd name="connsiteX17" fmla="*/ 74731 w 3217655"/>
                  <a:gd name="connsiteY17" fmla="*/ 17711 h 1023752"/>
                  <a:gd name="connsiteX18" fmla="*/ 21407 w 3217655"/>
                  <a:gd name="connsiteY18" fmla="*/ 113821 h 1023752"/>
                  <a:gd name="connsiteX19" fmla="*/ 0 w 3217655"/>
                  <a:gd name="connsiteY19"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2581355 w 3217655"/>
                  <a:gd name="connsiteY13" fmla="*/ 633055 h 1023752"/>
                  <a:gd name="connsiteX14" fmla="*/ 3217655 w 3217655"/>
                  <a:gd name="connsiteY14" fmla="*/ 328180 h 1023752"/>
                  <a:gd name="connsiteX15" fmla="*/ 3203061 w 3217655"/>
                  <a:gd name="connsiteY15" fmla="*/ 152070 h 1023752"/>
                  <a:gd name="connsiteX16" fmla="*/ 3167351 w 3217655"/>
                  <a:gd name="connsiteY16" fmla="*/ 0 h 1023752"/>
                  <a:gd name="connsiteX17" fmla="*/ 1600359 w 3217655"/>
                  <a:gd name="connsiteY17" fmla="*/ 496869 h 1023752"/>
                  <a:gd name="connsiteX18" fmla="*/ 74731 w 3217655"/>
                  <a:gd name="connsiteY18" fmla="*/ 17711 h 1023752"/>
                  <a:gd name="connsiteX19" fmla="*/ 21407 w 3217655"/>
                  <a:gd name="connsiteY19" fmla="*/ 113821 h 1023752"/>
                  <a:gd name="connsiteX20" fmla="*/ 0 w 3217655"/>
                  <a:gd name="connsiteY20"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581355 w 3217655"/>
                  <a:gd name="connsiteY14" fmla="*/ 633055 h 1023752"/>
                  <a:gd name="connsiteX15" fmla="*/ 3217655 w 3217655"/>
                  <a:gd name="connsiteY15" fmla="*/ 328180 h 1023752"/>
                  <a:gd name="connsiteX16" fmla="*/ 3203061 w 3217655"/>
                  <a:gd name="connsiteY16" fmla="*/ 152070 h 1023752"/>
                  <a:gd name="connsiteX17" fmla="*/ 3167351 w 3217655"/>
                  <a:gd name="connsiteY17" fmla="*/ 0 h 1023752"/>
                  <a:gd name="connsiteX18" fmla="*/ 1600359 w 3217655"/>
                  <a:gd name="connsiteY18" fmla="*/ 496869 h 1023752"/>
                  <a:gd name="connsiteX19" fmla="*/ 74731 w 3217655"/>
                  <a:gd name="connsiteY19" fmla="*/ 17711 h 1023752"/>
                  <a:gd name="connsiteX20" fmla="*/ 21407 w 3217655"/>
                  <a:gd name="connsiteY20" fmla="*/ 113821 h 1023752"/>
                  <a:gd name="connsiteX21" fmla="*/ 0 w 3217655"/>
                  <a:gd name="connsiteY21"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290569 w 3217655"/>
                  <a:gd name="connsiteY14" fmla="*/ 654076 h 1023752"/>
                  <a:gd name="connsiteX15" fmla="*/ 2581355 w 3217655"/>
                  <a:gd name="connsiteY15" fmla="*/ 633055 h 1023752"/>
                  <a:gd name="connsiteX16" fmla="*/ 3217655 w 3217655"/>
                  <a:gd name="connsiteY16" fmla="*/ 328180 h 1023752"/>
                  <a:gd name="connsiteX17" fmla="*/ 3203061 w 3217655"/>
                  <a:gd name="connsiteY17" fmla="*/ 152070 h 1023752"/>
                  <a:gd name="connsiteX18" fmla="*/ 3167351 w 3217655"/>
                  <a:gd name="connsiteY18" fmla="*/ 0 h 1023752"/>
                  <a:gd name="connsiteX19" fmla="*/ 1600359 w 3217655"/>
                  <a:gd name="connsiteY19" fmla="*/ 496869 h 1023752"/>
                  <a:gd name="connsiteX20" fmla="*/ 74731 w 3217655"/>
                  <a:gd name="connsiteY20" fmla="*/ 17711 h 1023752"/>
                  <a:gd name="connsiteX21" fmla="*/ 21407 w 3217655"/>
                  <a:gd name="connsiteY21" fmla="*/ 113821 h 1023752"/>
                  <a:gd name="connsiteX22" fmla="*/ 0 w 3217655"/>
                  <a:gd name="connsiteY22"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034817 w 3217655"/>
                  <a:gd name="connsiteY14" fmla="*/ 804724 h 1023752"/>
                  <a:gd name="connsiteX15" fmla="*/ 2290569 w 3217655"/>
                  <a:gd name="connsiteY15" fmla="*/ 654076 h 1023752"/>
                  <a:gd name="connsiteX16" fmla="*/ 2581355 w 3217655"/>
                  <a:gd name="connsiteY16" fmla="*/ 633055 h 1023752"/>
                  <a:gd name="connsiteX17" fmla="*/ 3217655 w 3217655"/>
                  <a:gd name="connsiteY17" fmla="*/ 328180 h 1023752"/>
                  <a:gd name="connsiteX18" fmla="*/ 3203061 w 3217655"/>
                  <a:gd name="connsiteY18" fmla="*/ 152070 h 1023752"/>
                  <a:gd name="connsiteX19" fmla="*/ 3167351 w 3217655"/>
                  <a:gd name="connsiteY19" fmla="*/ 0 h 1023752"/>
                  <a:gd name="connsiteX20" fmla="*/ 1600359 w 3217655"/>
                  <a:gd name="connsiteY20" fmla="*/ 496869 h 1023752"/>
                  <a:gd name="connsiteX21" fmla="*/ 74731 w 3217655"/>
                  <a:gd name="connsiteY21" fmla="*/ 17711 h 1023752"/>
                  <a:gd name="connsiteX22" fmla="*/ 21407 w 3217655"/>
                  <a:gd name="connsiteY22" fmla="*/ 113821 h 1023752"/>
                  <a:gd name="connsiteX23" fmla="*/ 0 w 3217655"/>
                  <a:gd name="connsiteY23"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034817 w 3217655"/>
                  <a:gd name="connsiteY14" fmla="*/ 804724 h 1023752"/>
                  <a:gd name="connsiteX15" fmla="*/ 2290569 w 3217655"/>
                  <a:gd name="connsiteY15" fmla="*/ 654076 h 1023752"/>
                  <a:gd name="connsiteX16" fmla="*/ 2581355 w 3217655"/>
                  <a:gd name="connsiteY16" fmla="*/ 633055 h 1023752"/>
                  <a:gd name="connsiteX17" fmla="*/ 2882652 w 3217655"/>
                  <a:gd name="connsiteY17" fmla="*/ 405331 h 1023752"/>
                  <a:gd name="connsiteX18" fmla="*/ 3217655 w 3217655"/>
                  <a:gd name="connsiteY18" fmla="*/ 328180 h 1023752"/>
                  <a:gd name="connsiteX19" fmla="*/ 3203061 w 3217655"/>
                  <a:gd name="connsiteY19" fmla="*/ 152070 h 1023752"/>
                  <a:gd name="connsiteX20" fmla="*/ 3167351 w 3217655"/>
                  <a:gd name="connsiteY20" fmla="*/ 0 h 1023752"/>
                  <a:gd name="connsiteX21" fmla="*/ 1600359 w 3217655"/>
                  <a:gd name="connsiteY21" fmla="*/ 496869 h 1023752"/>
                  <a:gd name="connsiteX22" fmla="*/ 74731 w 3217655"/>
                  <a:gd name="connsiteY22" fmla="*/ 17711 h 1023752"/>
                  <a:gd name="connsiteX23" fmla="*/ 21407 w 3217655"/>
                  <a:gd name="connsiteY23" fmla="*/ 113821 h 1023752"/>
                  <a:gd name="connsiteX24" fmla="*/ 0 w 3217655"/>
                  <a:gd name="connsiteY24"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034817 w 3217655"/>
                  <a:gd name="connsiteY14" fmla="*/ 804724 h 1023752"/>
                  <a:gd name="connsiteX15" fmla="*/ 2290569 w 3217655"/>
                  <a:gd name="connsiteY15" fmla="*/ 654076 h 1023752"/>
                  <a:gd name="connsiteX16" fmla="*/ 2581355 w 3217655"/>
                  <a:gd name="connsiteY16" fmla="*/ 633055 h 1023752"/>
                  <a:gd name="connsiteX17" fmla="*/ 2882652 w 3217655"/>
                  <a:gd name="connsiteY17" fmla="*/ 405331 h 1023752"/>
                  <a:gd name="connsiteX18" fmla="*/ 3099865 w 3217655"/>
                  <a:gd name="connsiteY18" fmla="*/ 405331 h 1023752"/>
                  <a:gd name="connsiteX19" fmla="*/ 3217655 w 3217655"/>
                  <a:gd name="connsiteY19" fmla="*/ 328180 h 1023752"/>
                  <a:gd name="connsiteX20" fmla="*/ 3203061 w 3217655"/>
                  <a:gd name="connsiteY20" fmla="*/ 152070 h 1023752"/>
                  <a:gd name="connsiteX21" fmla="*/ 3167351 w 3217655"/>
                  <a:gd name="connsiteY21" fmla="*/ 0 h 1023752"/>
                  <a:gd name="connsiteX22" fmla="*/ 1600359 w 3217655"/>
                  <a:gd name="connsiteY22" fmla="*/ 496869 h 1023752"/>
                  <a:gd name="connsiteX23" fmla="*/ 74731 w 3217655"/>
                  <a:gd name="connsiteY23" fmla="*/ 17711 h 1023752"/>
                  <a:gd name="connsiteX24" fmla="*/ 21407 w 3217655"/>
                  <a:gd name="connsiteY24" fmla="*/ 113821 h 1023752"/>
                  <a:gd name="connsiteX25" fmla="*/ 0 w 3217655"/>
                  <a:gd name="connsiteY25"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034817 w 3217655"/>
                  <a:gd name="connsiteY14" fmla="*/ 804724 h 1023752"/>
                  <a:gd name="connsiteX15" fmla="*/ 2290569 w 3217655"/>
                  <a:gd name="connsiteY15" fmla="*/ 654076 h 1023752"/>
                  <a:gd name="connsiteX16" fmla="*/ 2423700 w 3217655"/>
                  <a:gd name="connsiteY16" fmla="*/ 675096 h 1023752"/>
                  <a:gd name="connsiteX17" fmla="*/ 2581355 w 3217655"/>
                  <a:gd name="connsiteY17" fmla="*/ 633055 h 1023752"/>
                  <a:gd name="connsiteX18" fmla="*/ 2882652 w 3217655"/>
                  <a:gd name="connsiteY18" fmla="*/ 405331 h 1023752"/>
                  <a:gd name="connsiteX19" fmla="*/ 3099865 w 3217655"/>
                  <a:gd name="connsiteY19" fmla="*/ 405331 h 1023752"/>
                  <a:gd name="connsiteX20" fmla="*/ 3217655 w 3217655"/>
                  <a:gd name="connsiteY20" fmla="*/ 328180 h 1023752"/>
                  <a:gd name="connsiteX21" fmla="*/ 3203061 w 3217655"/>
                  <a:gd name="connsiteY21" fmla="*/ 152070 h 1023752"/>
                  <a:gd name="connsiteX22" fmla="*/ 3167351 w 3217655"/>
                  <a:gd name="connsiteY22" fmla="*/ 0 h 1023752"/>
                  <a:gd name="connsiteX23" fmla="*/ 1600359 w 3217655"/>
                  <a:gd name="connsiteY23" fmla="*/ 496869 h 1023752"/>
                  <a:gd name="connsiteX24" fmla="*/ 74731 w 3217655"/>
                  <a:gd name="connsiteY24" fmla="*/ 17711 h 1023752"/>
                  <a:gd name="connsiteX25" fmla="*/ 21407 w 3217655"/>
                  <a:gd name="connsiteY25" fmla="*/ 113821 h 1023752"/>
                  <a:gd name="connsiteX26" fmla="*/ 0 w 3217655"/>
                  <a:gd name="connsiteY26"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2034817 w 3217655"/>
                  <a:gd name="connsiteY14" fmla="*/ 804724 h 1023752"/>
                  <a:gd name="connsiteX15" fmla="*/ 2290569 w 3217655"/>
                  <a:gd name="connsiteY15" fmla="*/ 654076 h 1023752"/>
                  <a:gd name="connsiteX16" fmla="*/ 2423700 w 3217655"/>
                  <a:gd name="connsiteY16" fmla="*/ 675096 h 1023752"/>
                  <a:gd name="connsiteX17" fmla="*/ 2581355 w 3217655"/>
                  <a:gd name="connsiteY17" fmla="*/ 633055 h 1023752"/>
                  <a:gd name="connsiteX18" fmla="*/ 2756527 w 3217655"/>
                  <a:gd name="connsiteY18" fmla="*/ 506931 h 1023752"/>
                  <a:gd name="connsiteX19" fmla="*/ 2882652 w 3217655"/>
                  <a:gd name="connsiteY19" fmla="*/ 405331 h 1023752"/>
                  <a:gd name="connsiteX20" fmla="*/ 3099865 w 3217655"/>
                  <a:gd name="connsiteY20" fmla="*/ 405331 h 1023752"/>
                  <a:gd name="connsiteX21" fmla="*/ 3217655 w 3217655"/>
                  <a:gd name="connsiteY21" fmla="*/ 328180 h 1023752"/>
                  <a:gd name="connsiteX22" fmla="*/ 3203061 w 3217655"/>
                  <a:gd name="connsiteY22" fmla="*/ 152070 h 1023752"/>
                  <a:gd name="connsiteX23" fmla="*/ 3167351 w 3217655"/>
                  <a:gd name="connsiteY23" fmla="*/ 0 h 1023752"/>
                  <a:gd name="connsiteX24" fmla="*/ 1600359 w 3217655"/>
                  <a:gd name="connsiteY24" fmla="*/ 496869 h 1023752"/>
                  <a:gd name="connsiteX25" fmla="*/ 74731 w 3217655"/>
                  <a:gd name="connsiteY25" fmla="*/ 17711 h 1023752"/>
                  <a:gd name="connsiteX26" fmla="*/ 21407 w 3217655"/>
                  <a:gd name="connsiteY26" fmla="*/ 113821 h 1023752"/>
                  <a:gd name="connsiteX27" fmla="*/ 0 w 3217655"/>
                  <a:gd name="connsiteY27"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1926210 w 3217655"/>
                  <a:gd name="connsiteY14" fmla="*/ 857276 h 1023752"/>
                  <a:gd name="connsiteX15" fmla="*/ 2034817 w 3217655"/>
                  <a:gd name="connsiteY15" fmla="*/ 804724 h 1023752"/>
                  <a:gd name="connsiteX16" fmla="*/ 2290569 w 3217655"/>
                  <a:gd name="connsiteY16" fmla="*/ 654076 h 1023752"/>
                  <a:gd name="connsiteX17" fmla="*/ 2423700 w 3217655"/>
                  <a:gd name="connsiteY17" fmla="*/ 675096 h 1023752"/>
                  <a:gd name="connsiteX18" fmla="*/ 2581355 w 3217655"/>
                  <a:gd name="connsiteY18" fmla="*/ 633055 h 1023752"/>
                  <a:gd name="connsiteX19" fmla="*/ 2756527 w 3217655"/>
                  <a:gd name="connsiteY19" fmla="*/ 506931 h 1023752"/>
                  <a:gd name="connsiteX20" fmla="*/ 2882652 w 3217655"/>
                  <a:gd name="connsiteY20" fmla="*/ 405331 h 1023752"/>
                  <a:gd name="connsiteX21" fmla="*/ 3099865 w 3217655"/>
                  <a:gd name="connsiteY21" fmla="*/ 405331 h 1023752"/>
                  <a:gd name="connsiteX22" fmla="*/ 3217655 w 3217655"/>
                  <a:gd name="connsiteY22" fmla="*/ 328180 h 1023752"/>
                  <a:gd name="connsiteX23" fmla="*/ 3203061 w 3217655"/>
                  <a:gd name="connsiteY23" fmla="*/ 152070 h 1023752"/>
                  <a:gd name="connsiteX24" fmla="*/ 3167351 w 3217655"/>
                  <a:gd name="connsiteY24" fmla="*/ 0 h 1023752"/>
                  <a:gd name="connsiteX25" fmla="*/ 1600359 w 3217655"/>
                  <a:gd name="connsiteY25" fmla="*/ 496869 h 1023752"/>
                  <a:gd name="connsiteX26" fmla="*/ 74731 w 3217655"/>
                  <a:gd name="connsiteY26" fmla="*/ 17711 h 1023752"/>
                  <a:gd name="connsiteX27" fmla="*/ 21407 w 3217655"/>
                  <a:gd name="connsiteY27" fmla="*/ 113821 h 1023752"/>
                  <a:gd name="connsiteX28" fmla="*/ 0 w 3217655"/>
                  <a:gd name="connsiteY28"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1926210 w 3217655"/>
                  <a:gd name="connsiteY14" fmla="*/ 857276 h 1023752"/>
                  <a:gd name="connsiteX15" fmla="*/ 2034817 w 3217655"/>
                  <a:gd name="connsiteY15" fmla="*/ 804724 h 1023752"/>
                  <a:gd name="connsiteX16" fmla="*/ 2178459 w 3217655"/>
                  <a:gd name="connsiteY16" fmla="*/ 689110 h 1023752"/>
                  <a:gd name="connsiteX17" fmla="*/ 2290569 w 3217655"/>
                  <a:gd name="connsiteY17" fmla="*/ 654076 h 1023752"/>
                  <a:gd name="connsiteX18" fmla="*/ 2423700 w 3217655"/>
                  <a:gd name="connsiteY18" fmla="*/ 675096 h 1023752"/>
                  <a:gd name="connsiteX19" fmla="*/ 2581355 w 3217655"/>
                  <a:gd name="connsiteY19" fmla="*/ 633055 h 1023752"/>
                  <a:gd name="connsiteX20" fmla="*/ 2756527 w 3217655"/>
                  <a:gd name="connsiteY20" fmla="*/ 506931 h 1023752"/>
                  <a:gd name="connsiteX21" fmla="*/ 2882652 w 3217655"/>
                  <a:gd name="connsiteY21" fmla="*/ 405331 h 1023752"/>
                  <a:gd name="connsiteX22" fmla="*/ 3099865 w 3217655"/>
                  <a:gd name="connsiteY22" fmla="*/ 405331 h 1023752"/>
                  <a:gd name="connsiteX23" fmla="*/ 3217655 w 3217655"/>
                  <a:gd name="connsiteY23" fmla="*/ 328180 h 1023752"/>
                  <a:gd name="connsiteX24" fmla="*/ 3203061 w 3217655"/>
                  <a:gd name="connsiteY24" fmla="*/ 152070 h 1023752"/>
                  <a:gd name="connsiteX25" fmla="*/ 3167351 w 3217655"/>
                  <a:gd name="connsiteY25" fmla="*/ 0 h 1023752"/>
                  <a:gd name="connsiteX26" fmla="*/ 1600359 w 3217655"/>
                  <a:gd name="connsiteY26" fmla="*/ 496869 h 1023752"/>
                  <a:gd name="connsiteX27" fmla="*/ 74731 w 3217655"/>
                  <a:gd name="connsiteY27" fmla="*/ 17711 h 1023752"/>
                  <a:gd name="connsiteX28" fmla="*/ 21407 w 3217655"/>
                  <a:gd name="connsiteY28" fmla="*/ 113821 h 1023752"/>
                  <a:gd name="connsiteX29" fmla="*/ 0 w 3217655"/>
                  <a:gd name="connsiteY29"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1926210 w 3217655"/>
                  <a:gd name="connsiteY14" fmla="*/ 857276 h 1023752"/>
                  <a:gd name="connsiteX15" fmla="*/ 2034817 w 3217655"/>
                  <a:gd name="connsiteY15" fmla="*/ 804724 h 1023752"/>
                  <a:gd name="connsiteX16" fmla="*/ 2178459 w 3217655"/>
                  <a:gd name="connsiteY16" fmla="*/ 689110 h 1023752"/>
                  <a:gd name="connsiteX17" fmla="*/ 2290569 w 3217655"/>
                  <a:gd name="connsiteY17" fmla="*/ 629552 h 1023752"/>
                  <a:gd name="connsiteX18" fmla="*/ 2423700 w 3217655"/>
                  <a:gd name="connsiteY18" fmla="*/ 675096 h 1023752"/>
                  <a:gd name="connsiteX19" fmla="*/ 2581355 w 3217655"/>
                  <a:gd name="connsiteY19" fmla="*/ 633055 h 1023752"/>
                  <a:gd name="connsiteX20" fmla="*/ 2756527 w 3217655"/>
                  <a:gd name="connsiteY20" fmla="*/ 506931 h 1023752"/>
                  <a:gd name="connsiteX21" fmla="*/ 2882652 w 3217655"/>
                  <a:gd name="connsiteY21" fmla="*/ 405331 h 1023752"/>
                  <a:gd name="connsiteX22" fmla="*/ 3099865 w 3217655"/>
                  <a:gd name="connsiteY22" fmla="*/ 405331 h 1023752"/>
                  <a:gd name="connsiteX23" fmla="*/ 3217655 w 3217655"/>
                  <a:gd name="connsiteY23" fmla="*/ 328180 h 1023752"/>
                  <a:gd name="connsiteX24" fmla="*/ 3203061 w 3217655"/>
                  <a:gd name="connsiteY24" fmla="*/ 152070 h 1023752"/>
                  <a:gd name="connsiteX25" fmla="*/ 3167351 w 3217655"/>
                  <a:gd name="connsiteY25" fmla="*/ 0 h 1023752"/>
                  <a:gd name="connsiteX26" fmla="*/ 1600359 w 3217655"/>
                  <a:gd name="connsiteY26" fmla="*/ 496869 h 1023752"/>
                  <a:gd name="connsiteX27" fmla="*/ 74731 w 3217655"/>
                  <a:gd name="connsiteY27" fmla="*/ 17711 h 1023752"/>
                  <a:gd name="connsiteX28" fmla="*/ 21407 w 3217655"/>
                  <a:gd name="connsiteY28" fmla="*/ 113821 h 1023752"/>
                  <a:gd name="connsiteX29" fmla="*/ 0 w 3217655"/>
                  <a:gd name="connsiteY29"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842127 w 3217655"/>
                  <a:gd name="connsiteY13" fmla="*/ 927345 h 1023752"/>
                  <a:gd name="connsiteX14" fmla="*/ 1926210 w 3217655"/>
                  <a:gd name="connsiteY14" fmla="*/ 857276 h 1023752"/>
                  <a:gd name="connsiteX15" fmla="*/ 2034817 w 3217655"/>
                  <a:gd name="connsiteY15" fmla="*/ 804724 h 1023752"/>
                  <a:gd name="connsiteX16" fmla="*/ 2178459 w 3217655"/>
                  <a:gd name="connsiteY16" fmla="*/ 689110 h 1023752"/>
                  <a:gd name="connsiteX17" fmla="*/ 2290569 w 3217655"/>
                  <a:gd name="connsiteY17" fmla="*/ 640063 h 1023752"/>
                  <a:gd name="connsiteX18" fmla="*/ 2423700 w 3217655"/>
                  <a:gd name="connsiteY18" fmla="*/ 675096 h 1023752"/>
                  <a:gd name="connsiteX19" fmla="*/ 2581355 w 3217655"/>
                  <a:gd name="connsiteY19" fmla="*/ 633055 h 1023752"/>
                  <a:gd name="connsiteX20" fmla="*/ 2756527 w 3217655"/>
                  <a:gd name="connsiteY20" fmla="*/ 506931 h 1023752"/>
                  <a:gd name="connsiteX21" fmla="*/ 2882652 w 3217655"/>
                  <a:gd name="connsiteY21" fmla="*/ 405331 h 1023752"/>
                  <a:gd name="connsiteX22" fmla="*/ 3099865 w 3217655"/>
                  <a:gd name="connsiteY22" fmla="*/ 405331 h 1023752"/>
                  <a:gd name="connsiteX23" fmla="*/ 3217655 w 3217655"/>
                  <a:gd name="connsiteY23" fmla="*/ 328180 h 1023752"/>
                  <a:gd name="connsiteX24" fmla="*/ 3203061 w 3217655"/>
                  <a:gd name="connsiteY24" fmla="*/ 152070 h 1023752"/>
                  <a:gd name="connsiteX25" fmla="*/ 3167351 w 3217655"/>
                  <a:gd name="connsiteY25" fmla="*/ 0 h 1023752"/>
                  <a:gd name="connsiteX26" fmla="*/ 1600359 w 3217655"/>
                  <a:gd name="connsiteY26" fmla="*/ 496869 h 1023752"/>
                  <a:gd name="connsiteX27" fmla="*/ 74731 w 3217655"/>
                  <a:gd name="connsiteY27" fmla="*/ 17711 h 1023752"/>
                  <a:gd name="connsiteX28" fmla="*/ 21407 w 3217655"/>
                  <a:gd name="connsiteY28" fmla="*/ 113821 h 1023752"/>
                  <a:gd name="connsiteX29" fmla="*/ 0 w 3217655"/>
                  <a:gd name="connsiteY29" fmla="*/ 296648 h 1023752"/>
                  <a:gd name="connsiteX0" fmla="*/ 0 w 3217655"/>
                  <a:gd name="connsiteY0" fmla="*/ 296648 h 1023752"/>
                  <a:gd name="connsiteX1" fmla="*/ 213024 w 3217655"/>
                  <a:gd name="connsiteY1" fmla="*/ 394820 h 1023752"/>
                  <a:gd name="connsiteX2" fmla="*/ 342652 w 3217655"/>
                  <a:gd name="connsiteY2" fmla="*/ 394820 h 1023752"/>
                  <a:gd name="connsiteX3" fmla="*/ 430238 w 3217655"/>
                  <a:gd name="connsiteY3" fmla="*/ 510434 h 1023752"/>
                  <a:gd name="connsiteX4" fmla="*/ 552859 w 3217655"/>
                  <a:gd name="connsiteY4" fmla="*/ 626048 h 1023752"/>
                  <a:gd name="connsiteX5" fmla="*/ 756059 w 3217655"/>
                  <a:gd name="connsiteY5" fmla="*/ 661082 h 1023752"/>
                  <a:gd name="connsiteX6" fmla="*/ 955756 w 3217655"/>
                  <a:gd name="connsiteY6" fmla="*/ 650573 h 1023752"/>
                  <a:gd name="connsiteX7" fmla="*/ 1046845 w 3217655"/>
                  <a:gd name="connsiteY7" fmla="*/ 678600 h 1023752"/>
                  <a:gd name="connsiteX8" fmla="*/ 1151948 w 3217655"/>
                  <a:gd name="connsiteY8" fmla="*/ 748669 h 1023752"/>
                  <a:gd name="connsiteX9" fmla="*/ 1190486 w 3217655"/>
                  <a:gd name="connsiteY9" fmla="*/ 846765 h 1023752"/>
                  <a:gd name="connsiteX10" fmla="*/ 1327121 w 3217655"/>
                  <a:gd name="connsiteY10" fmla="*/ 906324 h 1023752"/>
                  <a:gd name="connsiteX11" fmla="*/ 1432224 w 3217655"/>
                  <a:gd name="connsiteY11" fmla="*/ 976393 h 1023752"/>
                  <a:gd name="connsiteX12" fmla="*/ 1589848 w 3217655"/>
                  <a:gd name="connsiteY12" fmla="*/ 1023752 h 1023752"/>
                  <a:gd name="connsiteX13" fmla="*/ 1719507 w 3217655"/>
                  <a:gd name="connsiteY13" fmla="*/ 972889 h 1023752"/>
                  <a:gd name="connsiteX14" fmla="*/ 1842127 w 3217655"/>
                  <a:gd name="connsiteY14" fmla="*/ 927345 h 1023752"/>
                  <a:gd name="connsiteX15" fmla="*/ 1926210 w 3217655"/>
                  <a:gd name="connsiteY15" fmla="*/ 857276 h 1023752"/>
                  <a:gd name="connsiteX16" fmla="*/ 2034817 w 3217655"/>
                  <a:gd name="connsiteY16" fmla="*/ 804724 h 1023752"/>
                  <a:gd name="connsiteX17" fmla="*/ 2178459 w 3217655"/>
                  <a:gd name="connsiteY17" fmla="*/ 689110 h 1023752"/>
                  <a:gd name="connsiteX18" fmla="*/ 2290569 w 3217655"/>
                  <a:gd name="connsiteY18" fmla="*/ 640063 h 1023752"/>
                  <a:gd name="connsiteX19" fmla="*/ 2423700 w 3217655"/>
                  <a:gd name="connsiteY19" fmla="*/ 675096 h 1023752"/>
                  <a:gd name="connsiteX20" fmla="*/ 2581355 w 3217655"/>
                  <a:gd name="connsiteY20" fmla="*/ 633055 h 1023752"/>
                  <a:gd name="connsiteX21" fmla="*/ 2756527 w 3217655"/>
                  <a:gd name="connsiteY21" fmla="*/ 506931 h 1023752"/>
                  <a:gd name="connsiteX22" fmla="*/ 2882652 w 3217655"/>
                  <a:gd name="connsiteY22" fmla="*/ 405331 h 1023752"/>
                  <a:gd name="connsiteX23" fmla="*/ 3099865 w 3217655"/>
                  <a:gd name="connsiteY23" fmla="*/ 405331 h 1023752"/>
                  <a:gd name="connsiteX24" fmla="*/ 3217655 w 3217655"/>
                  <a:gd name="connsiteY24" fmla="*/ 328180 h 1023752"/>
                  <a:gd name="connsiteX25" fmla="*/ 3203061 w 3217655"/>
                  <a:gd name="connsiteY25" fmla="*/ 152070 h 1023752"/>
                  <a:gd name="connsiteX26" fmla="*/ 3167351 w 3217655"/>
                  <a:gd name="connsiteY26" fmla="*/ 0 h 1023752"/>
                  <a:gd name="connsiteX27" fmla="*/ 1600359 w 3217655"/>
                  <a:gd name="connsiteY27" fmla="*/ 496869 h 1023752"/>
                  <a:gd name="connsiteX28" fmla="*/ 74731 w 3217655"/>
                  <a:gd name="connsiteY28" fmla="*/ 17711 h 1023752"/>
                  <a:gd name="connsiteX29" fmla="*/ 21407 w 3217655"/>
                  <a:gd name="connsiteY29" fmla="*/ 113821 h 1023752"/>
                  <a:gd name="connsiteX30" fmla="*/ 0 w 3217655"/>
                  <a:gd name="connsiteY30"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78921 w 3221845"/>
                  <a:gd name="connsiteY28" fmla="*/ 17711 h 1023752"/>
                  <a:gd name="connsiteX29" fmla="*/ 25597 w 3221845"/>
                  <a:gd name="connsiteY29" fmla="*/ 113821 h 1023752"/>
                  <a:gd name="connsiteX30" fmla="*/ 0 w 3221845"/>
                  <a:gd name="connsiteY30" fmla="*/ 209138 h 1023752"/>
                  <a:gd name="connsiteX31" fmla="*/ 4190 w 3221845"/>
                  <a:gd name="connsiteY31" fmla="*/ 296648 h 1023752"/>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24424 w 3267348"/>
                  <a:gd name="connsiteY28" fmla="*/ 27160 h 1033201"/>
                  <a:gd name="connsiteX29" fmla="*/ 84041 w 3267348"/>
                  <a:gd name="connsiteY29" fmla="*/ 64435 h 1033201"/>
                  <a:gd name="connsiteX30" fmla="*/ 71100 w 3267348"/>
                  <a:gd name="connsiteY30" fmla="*/ 123270 h 1033201"/>
                  <a:gd name="connsiteX31" fmla="*/ 45503 w 3267348"/>
                  <a:gd name="connsiteY31" fmla="*/ 218587 h 1033201"/>
                  <a:gd name="connsiteX32" fmla="*/ 49693 w 3267348"/>
                  <a:gd name="connsiteY32"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315269 w 3267348"/>
                  <a:gd name="connsiteY28" fmla="*/ 85457 h 1033201"/>
                  <a:gd name="connsiteX29" fmla="*/ 124424 w 3267348"/>
                  <a:gd name="connsiteY29" fmla="*/ 27160 h 1033201"/>
                  <a:gd name="connsiteX30" fmla="*/ 84041 w 3267348"/>
                  <a:gd name="connsiteY30" fmla="*/ 64435 h 1033201"/>
                  <a:gd name="connsiteX31" fmla="*/ 71100 w 3267348"/>
                  <a:gd name="connsiteY31" fmla="*/ 123270 h 1033201"/>
                  <a:gd name="connsiteX32" fmla="*/ 45503 w 3267348"/>
                  <a:gd name="connsiteY32" fmla="*/ 218587 h 1033201"/>
                  <a:gd name="connsiteX33" fmla="*/ 49693 w 3267348"/>
                  <a:gd name="connsiteY33"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781227 w 3267348"/>
                  <a:gd name="connsiteY28" fmla="*/ 400767 h 1033201"/>
                  <a:gd name="connsiteX29" fmla="*/ 315269 w 3267348"/>
                  <a:gd name="connsiteY29" fmla="*/ 85457 h 1033201"/>
                  <a:gd name="connsiteX30" fmla="*/ 124424 w 3267348"/>
                  <a:gd name="connsiteY30" fmla="*/ 27160 h 1033201"/>
                  <a:gd name="connsiteX31" fmla="*/ 84041 w 3267348"/>
                  <a:gd name="connsiteY31" fmla="*/ 64435 h 1033201"/>
                  <a:gd name="connsiteX32" fmla="*/ 71100 w 3267348"/>
                  <a:gd name="connsiteY32" fmla="*/ 123270 h 1033201"/>
                  <a:gd name="connsiteX33" fmla="*/ 45503 w 3267348"/>
                  <a:gd name="connsiteY33" fmla="*/ 218587 h 1033201"/>
                  <a:gd name="connsiteX34" fmla="*/ 49693 w 3267348"/>
                  <a:gd name="connsiteY34"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781227 w 3267348"/>
                  <a:gd name="connsiteY29" fmla="*/ 400767 h 1033201"/>
                  <a:gd name="connsiteX30" fmla="*/ 315269 w 3267348"/>
                  <a:gd name="connsiteY30" fmla="*/ 85457 h 1033201"/>
                  <a:gd name="connsiteX31" fmla="*/ 124424 w 3267348"/>
                  <a:gd name="connsiteY31" fmla="*/ 27160 h 1033201"/>
                  <a:gd name="connsiteX32" fmla="*/ 84041 w 3267348"/>
                  <a:gd name="connsiteY32" fmla="*/ 64435 h 1033201"/>
                  <a:gd name="connsiteX33" fmla="*/ 71100 w 3267348"/>
                  <a:gd name="connsiteY33" fmla="*/ 123270 h 1033201"/>
                  <a:gd name="connsiteX34" fmla="*/ 45503 w 3267348"/>
                  <a:gd name="connsiteY34" fmla="*/ 218587 h 1033201"/>
                  <a:gd name="connsiteX35" fmla="*/ 49693 w 3267348"/>
                  <a:gd name="connsiteY35"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781227 w 3267348"/>
                  <a:gd name="connsiteY30" fmla="*/ 400767 h 1033201"/>
                  <a:gd name="connsiteX31" fmla="*/ 315269 w 3267348"/>
                  <a:gd name="connsiteY31" fmla="*/ 85457 h 1033201"/>
                  <a:gd name="connsiteX32" fmla="*/ 124424 w 3267348"/>
                  <a:gd name="connsiteY32" fmla="*/ 27160 h 1033201"/>
                  <a:gd name="connsiteX33" fmla="*/ 84041 w 3267348"/>
                  <a:gd name="connsiteY33" fmla="*/ 64435 h 1033201"/>
                  <a:gd name="connsiteX34" fmla="*/ 71100 w 3267348"/>
                  <a:gd name="connsiteY34" fmla="*/ 123270 h 1033201"/>
                  <a:gd name="connsiteX35" fmla="*/ 45503 w 3267348"/>
                  <a:gd name="connsiteY35" fmla="*/ 218587 h 1033201"/>
                  <a:gd name="connsiteX36" fmla="*/ 49693 w 3267348"/>
                  <a:gd name="connsiteY36"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781227 w 3267348"/>
                  <a:gd name="connsiteY30" fmla="*/ 400767 h 1033201"/>
                  <a:gd name="connsiteX31" fmla="*/ 581531 w 3267348"/>
                  <a:gd name="connsiteY31" fmla="*/ 134505 h 1033201"/>
                  <a:gd name="connsiteX32" fmla="*/ 315269 w 3267348"/>
                  <a:gd name="connsiteY32" fmla="*/ 85457 h 1033201"/>
                  <a:gd name="connsiteX33" fmla="*/ 124424 w 3267348"/>
                  <a:gd name="connsiteY33" fmla="*/ 27160 h 1033201"/>
                  <a:gd name="connsiteX34" fmla="*/ 84041 w 3267348"/>
                  <a:gd name="connsiteY34" fmla="*/ 64435 h 1033201"/>
                  <a:gd name="connsiteX35" fmla="*/ 71100 w 3267348"/>
                  <a:gd name="connsiteY35" fmla="*/ 123270 h 1033201"/>
                  <a:gd name="connsiteX36" fmla="*/ 45503 w 3267348"/>
                  <a:gd name="connsiteY36" fmla="*/ 218587 h 1033201"/>
                  <a:gd name="connsiteX37" fmla="*/ 49693 w 3267348"/>
                  <a:gd name="connsiteY37"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781227 w 3267348"/>
                  <a:gd name="connsiteY30" fmla="*/ 400767 h 1033201"/>
                  <a:gd name="connsiteX31" fmla="*/ 581531 w 3267348"/>
                  <a:gd name="connsiteY31" fmla="*/ 134505 h 1033201"/>
                  <a:gd name="connsiteX32" fmla="*/ 315269 w 3267348"/>
                  <a:gd name="connsiteY32" fmla="*/ 85457 h 1033201"/>
                  <a:gd name="connsiteX33" fmla="*/ 213669 w 3267348"/>
                  <a:gd name="connsiteY33" fmla="*/ 22395 h 1033201"/>
                  <a:gd name="connsiteX34" fmla="*/ 124424 w 3267348"/>
                  <a:gd name="connsiteY34" fmla="*/ 27160 h 1033201"/>
                  <a:gd name="connsiteX35" fmla="*/ 84041 w 3267348"/>
                  <a:gd name="connsiteY35" fmla="*/ 64435 h 1033201"/>
                  <a:gd name="connsiteX36" fmla="*/ 71100 w 3267348"/>
                  <a:gd name="connsiteY36" fmla="*/ 123270 h 1033201"/>
                  <a:gd name="connsiteX37" fmla="*/ 45503 w 3267348"/>
                  <a:gd name="connsiteY37" fmla="*/ 218587 h 1033201"/>
                  <a:gd name="connsiteX38" fmla="*/ 49693 w 3267348"/>
                  <a:gd name="connsiteY38"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781227 w 3267348"/>
                  <a:gd name="connsiteY30" fmla="*/ 400767 h 1033201"/>
                  <a:gd name="connsiteX31" fmla="*/ 581531 w 3267348"/>
                  <a:gd name="connsiteY31" fmla="*/ 134505 h 1033201"/>
                  <a:gd name="connsiteX32" fmla="*/ 406358 w 3267348"/>
                  <a:gd name="connsiteY32" fmla="*/ 74946 h 1033201"/>
                  <a:gd name="connsiteX33" fmla="*/ 315269 w 3267348"/>
                  <a:gd name="connsiteY33" fmla="*/ 85457 h 1033201"/>
                  <a:gd name="connsiteX34" fmla="*/ 213669 w 3267348"/>
                  <a:gd name="connsiteY34" fmla="*/ 22395 h 1033201"/>
                  <a:gd name="connsiteX35" fmla="*/ 124424 w 3267348"/>
                  <a:gd name="connsiteY35" fmla="*/ 27160 h 1033201"/>
                  <a:gd name="connsiteX36" fmla="*/ 84041 w 3267348"/>
                  <a:gd name="connsiteY36" fmla="*/ 64435 h 1033201"/>
                  <a:gd name="connsiteX37" fmla="*/ 71100 w 3267348"/>
                  <a:gd name="connsiteY37" fmla="*/ 123270 h 1033201"/>
                  <a:gd name="connsiteX38" fmla="*/ 45503 w 3267348"/>
                  <a:gd name="connsiteY38" fmla="*/ 218587 h 1033201"/>
                  <a:gd name="connsiteX39" fmla="*/ 49693 w 3267348"/>
                  <a:gd name="connsiteY39"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781227 w 3267348"/>
                  <a:gd name="connsiteY30" fmla="*/ 400767 h 1033201"/>
                  <a:gd name="connsiteX31" fmla="*/ 651600 w 3267348"/>
                  <a:gd name="connsiteY31" fmla="*/ 267636 h 1033201"/>
                  <a:gd name="connsiteX32" fmla="*/ 581531 w 3267348"/>
                  <a:gd name="connsiteY32" fmla="*/ 134505 h 1033201"/>
                  <a:gd name="connsiteX33" fmla="*/ 406358 w 3267348"/>
                  <a:gd name="connsiteY33" fmla="*/ 74946 h 1033201"/>
                  <a:gd name="connsiteX34" fmla="*/ 315269 w 3267348"/>
                  <a:gd name="connsiteY34" fmla="*/ 85457 h 1033201"/>
                  <a:gd name="connsiteX35" fmla="*/ 213669 w 3267348"/>
                  <a:gd name="connsiteY35" fmla="*/ 22395 h 1033201"/>
                  <a:gd name="connsiteX36" fmla="*/ 124424 w 3267348"/>
                  <a:gd name="connsiteY36" fmla="*/ 27160 h 1033201"/>
                  <a:gd name="connsiteX37" fmla="*/ 84041 w 3267348"/>
                  <a:gd name="connsiteY37" fmla="*/ 64435 h 1033201"/>
                  <a:gd name="connsiteX38" fmla="*/ 71100 w 3267348"/>
                  <a:gd name="connsiteY38" fmla="*/ 123270 h 1033201"/>
                  <a:gd name="connsiteX39" fmla="*/ 45503 w 3267348"/>
                  <a:gd name="connsiteY39" fmla="*/ 218587 h 1033201"/>
                  <a:gd name="connsiteX40" fmla="*/ 49693 w 3267348"/>
                  <a:gd name="connsiteY40"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124565 w 3267348"/>
                  <a:gd name="connsiteY29" fmla="*/ 323691 h 1033201"/>
                  <a:gd name="connsiteX30" fmla="*/ 959903 w 3267348"/>
                  <a:gd name="connsiteY30" fmla="*/ 397263 h 1033201"/>
                  <a:gd name="connsiteX31" fmla="*/ 781227 w 3267348"/>
                  <a:gd name="connsiteY31" fmla="*/ 400767 h 1033201"/>
                  <a:gd name="connsiteX32" fmla="*/ 651600 w 3267348"/>
                  <a:gd name="connsiteY32" fmla="*/ 267636 h 1033201"/>
                  <a:gd name="connsiteX33" fmla="*/ 581531 w 3267348"/>
                  <a:gd name="connsiteY33" fmla="*/ 134505 h 1033201"/>
                  <a:gd name="connsiteX34" fmla="*/ 406358 w 3267348"/>
                  <a:gd name="connsiteY34" fmla="*/ 74946 h 1033201"/>
                  <a:gd name="connsiteX35" fmla="*/ 315269 w 3267348"/>
                  <a:gd name="connsiteY35" fmla="*/ 85457 h 1033201"/>
                  <a:gd name="connsiteX36" fmla="*/ 213669 w 3267348"/>
                  <a:gd name="connsiteY36" fmla="*/ 22395 h 1033201"/>
                  <a:gd name="connsiteX37" fmla="*/ 124424 w 3267348"/>
                  <a:gd name="connsiteY37" fmla="*/ 27160 h 1033201"/>
                  <a:gd name="connsiteX38" fmla="*/ 84041 w 3267348"/>
                  <a:gd name="connsiteY38" fmla="*/ 64435 h 1033201"/>
                  <a:gd name="connsiteX39" fmla="*/ 71100 w 3267348"/>
                  <a:gd name="connsiteY39" fmla="*/ 123270 h 1033201"/>
                  <a:gd name="connsiteX40" fmla="*/ 45503 w 3267348"/>
                  <a:gd name="connsiteY40" fmla="*/ 218587 h 1033201"/>
                  <a:gd name="connsiteX41" fmla="*/ 49693 w 3267348"/>
                  <a:gd name="connsiteY41"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254193 w 3267348"/>
                  <a:gd name="connsiteY29" fmla="*/ 463829 h 1033201"/>
                  <a:gd name="connsiteX30" fmla="*/ 1124565 w 3267348"/>
                  <a:gd name="connsiteY30" fmla="*/ 323691 h 1033201"/>
                  <a:gd name="connsiteX31" fmla="*/ 959903 w 3267348"/>
                  <a:gd name="connsiteY31" fmla="*/ 397263 h 1033201"/>
                  <a:gd name="connsiteX32" fmla="*/ 781227 w 3267348"/>
                  <a:gd name="connsiteY32" fmla="*/ 400767 h 1033201"/>
                  <a:gd name="connsiteX33" fmla="*/ 651600 w 3267348"/>
                  <a:gd name="connsiteY33" fmla="*/ 267636 h 1033201"/>
                  <a:gd name="connsiteX34" fmla="*/ 581531 w 3267348"/>
                  <a:gd name="connsiteY34" fmla="*/ 134505 h 1033201"/>
                  <a:gd name="connsiteX35" fmla="*/ 406358 w 3267348"/>
                  <a:gd name="connsiteY35" fmla="*/ 74946 h 1033201"/>
                  <a:gd name="connsiteX36" fmla="*/ 315269 w 3267348"/>
                  <a:gd name="connsiteY36" fmla="*/ 85457 h 1033201"/>
                  <a:gd name="connsiteX37" fmla="*/ 213669 w 3267348"/>
                  <a:gd name="connsiteY37" fmla="*/ 22395 h 1033201"/>
                  <a:gd name="connsiteX38" fmla="*/ 124424 w 3267348"/>
                  <a:gd name="connsiteY38" fmla="*/ 27160 h 1033201"/>
                  <a:gd name="connsiteX39" fmla="*/ 84041 w 3267348"/>
                  <a:gd name="connsiteY39" fmla="*/ 64435 h 1033201"/>
                  <a:gd name="connsiteX40" fmla="*/ 71100 w 3267348"/>
                  <a:gd name="connsiteY40" fmla="*/ 123270 h 1033201"/>
                  <a:gd name="connsiteX41" fmla="*/ 45503 w 3267348"/>
                  <a:gd name="connsiteY41" fmla="*/ 218587 h 1033201"/>
                  <a:gd name="connsiteX42" fmla="*/ 49693 w 3267348"/>
                  <a:gd name="connsiteY42"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254193 w 3267348"/>
                  <a:gd name="connsiteY29" fmla="*/ 463829 h 1033201"/>
                  <a:gd name="connsiteX30" fmla="*/ 1124565 w 3267348"/>
                  <a:gd name="connsiteY30" fmla="*/ 323691 h 1033201"/>
                  <a:gd name="connsiteX31" fmla="*/ 959903 w 3267348"/>
                  <a:gd name="connsiteY31" fmla="*/ 397263 h 1033201"/>
                  <a:gd name="connsiteX32" fmla="*/ 781227 w 3267348"/>
                  <a:gd name="connsiteY32" fmla="*/ 400767 h 1033201"/>
                  <a:gd name="connsiteX33" fmla="*/ 651600 w 3267348"/>
                  <a:gd name="connsiteY33" fmla="*/ 267636 h 1033201"/>
                  <a:gd name="connsiteX34" fmla="*/ 581531 w 3267348"/>
                  <a:gd name="connsiteY34" fmla="*/ 134505 h 1033201"/>
                  <a:gd name="connsiteX35" fmla="*/ 406358 w 3267348"/>
                  <a:gd name="connsiteY35" fmla="*/ 74946 h 1033201"/>
                  <a:gd name="connsiteX36" fmla="*/ 315269 w 3267348"/>
                  <a:gd name="connsiteY36" fmla="*/ 85457 h 1033201"/>
                  <a:gd name="connsiteX37" fmla="*/ 213669 w 3267348"/>
                  <a:gd name="connsiteY37" fmla="*/ 22395 h 1033201"/>
                  <a:gd name="connsiteX38" fmla="*/ 124424 w 3267348"/>
                  <a:gd name="connsiteY38" fmla="*/ 27160 h 1033201"/>
                  <a:gd name="connsiteX39" fmla="*/ 84041 w 3267348"/>
                  <a:gd name="connsiteY39" fmla="*/ 64435 h 1033201"/>
                  <a:gd name="connsiteX40" fmla="*/ 71100 w 3267348"/>
                  <a:gd name="connsiteY40" fmla="*/ 123270 h 1033201"/>
                  <a:gd name="connsiteX41" fmla="*/ 45503 w 3267348"/>
                  <a:gd name="connsiteY41" fmla="*/ 218587 h 1033201"/>
                  <a:gd name="connsiteX42" fmla="*/ 49693 w 3267348"/>
                  <a:gd name="connsiteY42" fmla="*/ 306097 h 1033201"/>
                  <a:gd name="connsiteX0" fmla="*/ 49693 w 3267348"/>
                  <a:gd name="connsiteY0" fmla="*/ 306097 h 1033201"/>
                  <a:gd name="connsiteX1" fmla="*/ 262717 w 3267348"/>
                  <a:gd name="connsiteY1" fmla="*/ 404269 h 1033201"/>
                  <a:gd name="connsiteX2" fmla="*/ 392345 w 3267348"/>
                  <a:gd name="connsiteY2" fmla="*/ 404269 h 1033201"/>
                  <a:gd name="connsiteX3" fmla="*/ 479931 w 3267348"/>
                  <a:gd name="connsiteY3" fmla="*/ 519883 h 1033201"/>
                  <a:gd name="connsiteX4" fmla="*/ 602552 w 3267348"/>
                  <a:gd name="connsiteY4" fmla="*/ 635497 h 1033201"/>
                  <a:gd name="connsiteX5" fmla="*/ 805752 w 3267348"/>
                  <a:gd name="connsiteY5" fmla="*/ 670531 h 1033201"/>
                  <a:gd name="connsiteX6" fmla="*/ 1005449 w 3267348"/>
                  <a:gd name="connsiteY6" fmla="*/ 660022 h 1033201"/>
                  <a:gd name="connsiteX7" fmla="*/ 1096538 w 3267348"/>
                  <a:gd name="connsiteY7" fmla="*/ 688049 h 1033201"/>
                  <a:gd name="connsiteX8" fmla="*/ 1201641 w 3267348"/>
                  <a:gd name="connsiteY8" fmla="*/ 758118 h 1033201"/>
                  <a:gd name="connsiteX9" fmla="*/ 1240179 w 3267348"/>
                  <a:gd name="connsiteY9" fmla="*/ 856214 h 1033201"/>
                  <a:gd name="connsiteX10" fmla="*/ 1376814 w 3267348"/>
                  <a:gd name="connsiteY10" fmla="*/ 915773 h 1033201"/>
                  <a:gd name="connsiteX11" fmla="*/ 1481917 w 3267348"/>
                  <a:gd name="connsiteY11" fmla="*/ 985842 h 1033201"/>
                  <a:gd name="connsiteX12" fmla="*/ 1639541 w 3267348"/>
                  <a:gd name="connsiteY12" fmla="*/ 1033201 h 1033201"/>
                  <a:gd name="connsiteX13" fmla="*/ 1769200 w 3267348"/>
                  <a:gd name="connsiteY13" fmla="*/ 982338 h 1033201"/>
                  <a:gd name="connsiteX14" fmla="*/ 1891820 w 3267348"/>
                  <a:gd name="connsiteY14" fmla="*/ 936794 h 1033201"/>
                  <a:gd name="connsiteX15" fmla="*/ 1975903 w 3267348"/>
                  <a:gd name="connsiteY15" fmla="*/ 866725 h 1033201"/>
                  <a:gd name="connsiteX16" fmla="*/ 2084510 w 3267348"/>
                  <a:gd name="connsiteY16" fmla="*/ 814173 h 1033201"/>
                  <a:gd name="connsiteX17" fmla="*/ 2228152 w 3267348"/>
                  <a:gd name="connsiteY17" fmla="*/ 698559 h 1033201"/>
                  <a:gd name="connsiteX18" fmla="*/ 2340262 w 3267348"/>
                  <a:gd name="connsiteY18" fmla="*/ 649512 h 1033201"/>
                  <a:gd name="connsiteX19" fmla="*/ 2473393 w 3267348"/>
                  <a:gd name="connsiteY19" fmla="*/ 684545 h 1033201"/>
                  <a:gd name="connsiteX20" fmla="*/ 2631048 w 3267348"/>
                  <a:gd name="connsiteY20" fmla="*/ 642504 h 1033201"/>
                  <a:gd name="connsiteX21" fmla="*/ 2806220 w 3267348"/>
                  <a:gd name="connsiteY21" fmla="*/ 516380 h 1033201"/>
                  <a:gd name="connsiteX22" fmla="*/ 2932345 w 3267348"/>
                  <a:gd name="connsiteY22" fmla="*/ 414780 h 1033201"/>
                  <a:gd name="connsiteX23" fmla="*/ 3149558 w 3267348"/>
                  <a:gd name="connsiteY23" fmla="*/ 414780 h 1033201"/>
                  <a:gd name="connsiteX24" fmla="*/ 3267348 w 3267348"/>
                  <a:gd name="connsiteY24" fmla="*/ 337629 h 1033201"/>
                  <a:gd name="connsiteX25" fmla="*/ 3252754 w 3267348"/>
                  <a:gd name="connsiteY25" fmla="*/ 161519 h 1033201"/>
                  <a:gd name="connsiteX26" fmla="*/ 3217044 w 3267348"/>
                  <a:gd name="connsiteY26" fmla="*/ 9449 h 1033201"/>
                  <a:gd name="connsiteX27" fmla="*/ 1650052 w 3267348"/>
                  <a:gd name="connsiteY27" fmla="*/ 506318 h 1033201"/>
                  <a:gd name="connsiteX28" fmla="*/ 1436372 w 3267348"/>
                  <a:gd name="connsiteY28" fmla="*/ 593457 h 1033201"/>
                  <a:gd name="connsiteX29" fmla="*/ 1254193 w 3267348"/>
                  <a:gd name="connsiteY29" fmla="*/ 463829 h 1033201"/>
                  <a:gd name="connsiteX30" fmla="*/ 1124565 w 3267348"/>
                  <a:gd name="connsiteY30" fmla="*/ 323691 h 1033201"/>
                  <a:gd name="connsiteX31" fmla="*/ 959903 w 3267348"/>
                  <a:gd name="connsiteY31" fmla="*/ 397263 h 1033201"/>
                  <a:gd name="connsiteX32" fmla="*/ 781227 w 3267348"/>
                  <a:gd name="connsiteY32" fmla="*/ 400767 h 1033201"/>
                  <a:gd name="connsiteX33" fmla="*/ 651600 w 3267348"/>
                  <a:gd name="connsiteY33" fmla="*/ 267636 h 1033201"/>
                  <a:gd name="connsiteX34" fmla="*/ 581531 w 3267348"/>
                  <a:gd name="connsiteY34" fmla="*/ 134505 h 1033201"/>
                  <a:gd name="connsiteX35" fmla="*/ 406358 w 3267348"/>
                  <a:gd name="connsiteY35" fmla="*/ 74946 h 1033201"/>
                  <a:gd name="connsiteX36" fmla="*/ 315269 w 3267348"/>
                  <a:gd name="connsiteY36" fmla="*/ 85457 h 1033201"/>
                  <a:gd name="connsiteX37" fmla="*/ 213669 w 3267348"/>
                  <a:gd name="connsiteY37" fmla="*/ 22395 h 1033201"/>
                  <a:gd name="connsiteX38" fmla="*/ 124424 w 3267348"/>
                  <a:gd name="connsiteY38" fmla="*/ 27160 h 1033201"/>
                  <a:gd name="connsiteX39" fmla="*/ 84041 w 3267348"/>
                  <a:gd name="connsiteY39" fmla="*/ 64435 h 1033201"/>
                  <a:gd name="connsiteX40" fmla="*/ 71100 w 3267348"/>
                  <a:gd name="connsiteY40" fmla="*/ 123270 h 1033201"/>
                  <a:gd name="connsiteX41" fmla="*/ 45503 w 3267348"/>
                  <a:gd name="connsiteY41" fmla="*/ 218587 h 1033201"/>
                  <a:gd name="connsiteX42" fmla="*/ 49693 w 3267348"/>
                  <a:gd name="connsiteY42" fmla="*/ 306097 h 1033201"/>
                  <a:gd name="connsiteX0" fmla="*/ 31161 w 3248816"/>
                  <a:gd name="connsiteY0" fmla="*/ 296648 h 1023752"/>
                  <a:gd name="connsiteX1" fmla="*/ 244185 w 3248816"/>
                  <a:gd name="connsiteY1" fmla="*/ 394820 h 1023752"/>
                  <a:gd name="connsiteX2" fmla="*/ 373813 w 3248816"/>
                  <a:gd name="connsiteY2" fmla="*/ 394820 h 1023752"/>
                  <a:gd name="connsiteX3" fmla="*/ 461399 w 3248816"/>
                  <a:gd name="connsiteY3" fmla="*/ 510434 h 1023752"/>
                  <a:gd name="connsiteX4" fmla="*/ 584020 w 3248816"/>
                  <a:gd name="connsiteY4" fmla="*/ 626048 h 1023752"/>
                  <a:gd name="connsiteX5" fmla="*/ 787220 w 3248816"/>
                  <a:gd name="connsiteY5" fmla="*/ 661082 h 1023752"/>
                  <a:gd name="connsiteX6" fmla="*/ 986917 w 3248816"/>
                  <a:gd name="connsiteY6" fmla="*/ 650573 h 1023752"/>
                  <a:gd name="connsiteX7" fmla="*/ 1078006 w 3248816"/>
                  <a:gd name="connsiteY7" fmla="*/ 678600 h 1023752"/>
                  <a:gd name="connsiteX8" fmla="*/ 1183109 w 3248816"/>
                  <a:gd name="connsiteY8" fmla="*/ 748669 h 1023752"/>
                  <a:gd name="connsiteX9" fmla="*/ 1221647 w 3248816"/>
                  <a:gd name="connsiteY9" fmla="*/ 846765 h 1023752"/>
                  <a:gd name="connsiteX10" fmla="*/ 1358282 w 3248816"/>
                  <a:gd name="connsiteY10" fmla="*/ 906324 h 1023752"/>
                  <a:gd name="connsiteX11" fmla="*/ 1463385 w 3248816"/>
                  <a:gd name="connsiteY11" fmla="*/ 976393 h 1023752"/>
                  <a:gd name="connsiteX12" fmla="*/ 1621009 w 3248816"/>
                  <a:gd name="connsiteY12" fmla="*/ 1023752 h 1023752"/>
                  <a:gd name="connsiteX13" fmla="*/ 1750668 w 3248816"/>
                  <a:gd name="connsiteY13" fmla="*/ 972889 h 1023752"/>
                  <a:gd name="connsiteX14" fmla="*/ 1873288 w 3248816"/>
                  <a:gd name="connsiteY14" fmla="*/ 927345 h 1023752"/>
                  <a:gd name="connsiteX15" fmla="*/ 1957371 w 3248816"/>
                  <a:gd name="connsiteY15" fmla="*/ 857276 h 1023752"/>
                  <a:gd name="connsiteX16" fmla="*/ 2065978 w 3248816"/>
                  <a:gd name="connsiteY16" fmla="*/ 804724 h 1023752"/>
                  <a:gd name="connsiteX17" fmla="*/ 2209620 w 3248816"/>
                  <a:gd name="connsiteY17" fmla="*/ 689110 h 1023752"/>
                  <a:gd name="connsiteX18" fmla="*/ 2321730 w 3248816"/>
                  <a:gd name="connsiteY18" fmla="*/ 640063 h 1023752"/>
                  <a:gd name="connsiteX19" fmla="*/ 2454861 w 3248816"/>
                  <a:gd name="connsiteY19" fmla="*/ 675096 h 1023752"/>
                  <a:gd name="connsiteX20" fmla="*/ 2612516 w 3248816"/>
                  <a:gd name="connsiteY20" fmla="*/ 633055 h 1023752"/>
                  <a:gd name="connsiteX21" fmla="*/ 2787688 w 3248816"/>
                  <a:gd name="connsiteY21" fmla="*/ 506931 h 1023752"/>
                  <a:gd name="connsiteX22" fmla="*/ 2913813 w 3248816"/>
                  <a:gd name="connsiteY22" fmla="*/ 405331 h 1023752"/>
                  <a:gd name="connsiteX23" fmla="*/ 3131026 w 3248816"/>
                  <a:gd name="connsiteY23" fmla="*/ 405331 h 1023752"/>
                  <a:gd name="connsiteX24" fmla="*/ 3248816 w 3248816"/>
                  <a:gd name="connsiteY24" fmla="*/ 328180 h 1023752"/>
                  <a:gd name="connsiteX25" fmla="*/ 3234222 w 3248816"/>
                  <a:gd name="connsiteY25" fmla="*/ 152070 h 1023752"/>
                  <a:gd name="connsiteX26" fmla="*/ 3198512 w 3248816"/>
                  <a:gd name="connsiteY26" fmla="*/ 0 h 1023752"/>
                  <a:gd name="connsiteX27" fmla="*/ 1631520 w 3248816"/>
                  <a:gd name="connsiteY27" fmla="*/ 496869 h 1023752"/>
                  <a:gd name="connsiteX28" fmla="*/ 1417840 w 3248816"/>
                  <a:gd name="connsiteY28" fmla="*/ 584008 h 1023752"/>
                  <a:gd name="connsiteX29" fmla="*/ 1235661 w 3248816"/>
                  <a:gd name="connsiteY29" fmla="*/ 454380 h 1023752"/>
                  <a:gd name="connsiteX30" fmla="*/ 1106033 w 3248816"/>
                  <a:gd name="connsiteY30" fmla="*/ 314242 h 1023752"/>
                  <a:gd name="connsiteX31" fmla="*/ 941371 w 3248816"/>
                  <a:gd name="connsiteY31" fmla="*/ 387814 h 1023752"/>
                  <a:gd name="connsiteX32" fmla="*/ 762695 w 3248816"/>
                  <a:gd name="connsiteY32" fmla="*/ 391318 h 1023752"/>
                  <a:gd name="connsiteX33" fmla="*/ 633068 w 3248816"/>
                  <a:gd name="connsiteY33" fmla="*/ 258187 h 1023752"/>
                  <a:gd name="connsiteX34" fmla="*/ 562999 w 3248816"/>
                  <a:gd name="connsiteY34" fmla="*/ 125056 h 1023752"/>
                  <a:gd name="connsiteX35" fmla="*/ 387826 w 3248816"/>
                  <a:gd name="connsiteY35" fmla="*/ 65497 h 1023752"/>
                  <a:gd name="connsiteX36" fmla="*/ 296737 w 3248816"/>
                  <a:gd name="connsiteY36" fmla="*/ 76008 h 1023752"/>
                  <a:gd name="connsiteX37" fmla="*/ 195137 w 3248816"/>
                  <a:gd name="connsiteY37" fmla="*/ 12946 h 1023752"/>
                  <a:gd name="connsiteX38" fmla="*/ 105892 w 3248816"/>
                  <a:gd name="connsiteY38" fmla="*/ 17711 h 1023752"/>
                  <a:gd name="connsiteX39" fmla="*/ 65509 w 3248816"/>
                  <a:gd name="connsiteY39" fmla="*/ 54986 h 1023752"/>
                  <a:gd name="connsiteX40" fmla="*/ 52568 w 3248816"/>
                  <a:gd name="connsiteY40" fmla="*/ 113821 h 1023752"/>
                  <a:gd name="connsiteX41" fmla="*/ 26971 w 3248816"/>
                  <a:gd name="connsiteY41" fmla="*/ 209138 h 1023752"/>
                  <a:gd name="connsiteX42" fmla="*/ 31161 w 3248816"/>
                  <a:gd name="connsiteY42"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390869 w 3221845"/>
                  <a:gd name="connsiteY28" fmla="*/ 584008 h 1023752"/>
                  <a:gd name="connsiteX29" fmla="*/ 1208690 w 3221845"/>
                  <a:gd name="connsiteY29" fmla="*/ 454380 h 1023752"/>
                  <a:gd name="connsiteX30" fmla="*/ 1079062 w 3221845"/>
                  <a:gd name="connsiteY30" fmla="*/ 314242 h 1023752"/>
                  <a:gd name="connsiteX31" fmla="*/ 914400 w 3221845"/>
                  <a:gd name="connsiteY31" fmla="*/ 387814 h 1023752"/>
                  <a:gd name="connsiteX32" fmla="*/ 735724 w 3221845"/>
                  <a:gd name="connsiteY32" fmla="*/ 391318 h 1023752"/>
                  <a:gd name="connsiteX33" fmla="*/ 606097 w 3221845"/>
                  <a:gd name="connsiteY33" fmla="*/ 258187 h 1023752"/>
                  <a:gd name="connsiteX34" fmla="*/ 536028 w 3221845"/>
                  <a:gd name="connsiteY34" fmla="*/ 125056 h 1023752"/>
                  <a:gd name="connsiteX35" fmla="*/ 360855 w 3221845"/>
                  <a:gd name="connsiteY35" fmla="*/ 65497 h 1023752"/>
                  <a:gd name="connsiteX36" fmla="*/ 269766 w 3221845"/>
                  <a:gd name="connsiteY36" fmla="*/ 76008 h 1023752"/>
                  <a:gd name="connsiteX37" fmla="*/ 168166 w 3221845"/>
                  <a:gd name="connsiteY37" fmla="*/ 12946 h 1023752"/>
                  <a:gd name="connsiteX38" fmla="*/ 78921 w 3221845"/>
                  <a:gd name="connsiteY38" fmla="*/ 17711 h 1023752"/>
                  <a:gd name="connsiteX39" fmla="*/ 38538 w 3221845"/>
                  <a:gd name="connsiteY39" fmla="*/ 54986 h 1023752"/>
                  <a:gd name="connsiteX40" fmla="*/ 25597 w 3221845"/>
                  <a:gd name="connsiteY40" fmla="*/ 113821 h 1023752"/>
                  <a:gd name="connsiteX41" fmla="*/ 0 w 3221845"/>
                  <a:gd name="connsiteY41" fmla="*/ 209138 h 1023752"/>
                  <a:gd name="connsiteX42" fmla="*/ 4190 w 3221845"/>
                  <a:gd name="connsiteY42"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390869 w 3221845"/>
                  <a:gd name="connsiteY28" fmla="*/ 584008 h 1023752"/>
                  <a:gd name="connsiteX29" fmla="*/ 1208690 w 3221845"/>
                  <a:gd name="connsiteY29" fmla="*/ 454380 h 1023752"/>
                  <a:gd name="connsiteX30" fmla="*/ 1079062 w 3221845"/>
                  <a:gd name="connsiteY30" fmla="*/ 314242 h 1023752"/>
                  <a:gd name="connsiteX31" fmla="*/ 914400 w 3221845"/>
                  <a:gd name="connsiteY31" fmla="*/ 387814 h 1023752"/>
                  <a:gd name="connsiteX32" fmla="*/ 735724 w 3221845"/>
                  <a:gd name="connsiteY32" fmla="*/ 391318 h 1023752"/>
                  <a:gd name="connsiteX33" fmla="*/ 606097 w 3221845"/>
                  <a:gd name="connsiteY33" fmla="*/ 258187 h 1023752"/>
                  <a:gd name="connsiteX34" fmla="*/ 536028 w 3221845"/>
                  <a:gd name="connsiteY34" fmla="*/ 125056 h 1023752"/>
                  <a:gd name="connsiteX35" fmla="*/ 360855 w 3221845"/>
                  <a:gd name="connsiteY35" fmla="*/ 65497 h 1023752"/>
                  <a:gd name="connsiteX36" fmla="*/ 269766 w 3221845"/>
                  <a:gd name="connsiteY36" fmla="*/ 76008 h 1023752"/>
                  <a:gd name="connsiteX37" fmla="*/ 168166 w 3221845"/>
                  <a:gd name="connsiteY37" fmla="*/ 12946 h 1023752"/>
                  <a:gd name="connsiteX38" fmla="*/ 78921 w 3221845"/>
                  <a:gd name="connsiteY38" fmla="*/ 17711 h 1023752"/>
                  <a:gd name="connsiteX39" fmla="*/ 38538 w 3221845"/>
                  <a:gd name="connsiteY39" fmla="*/ 54986 h 1023752"/>
                  <a:gd name="connsiteX40" fmla="*/ 25597 w 3221845"/>
                  <a:gd name="connsiteY40" fmla="*/ 113821 h 1023752"/>
                  <a:gd name="connsiteX41" fmla="*/ 0 w 3221845"/>
                  <a:gd name="connsiteY41" fmla="*/ 209138 h 1023752"/>
                  <a:gd name="connsiteX42" fmla="*/ 4190 w 3221845"/>
                  <a:gd name="connsiteY42"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390869 w 3221845"/>
                  <a:gd name="connsiteY28" fmla="*/ 584008 h 1023752"/>
                  <a:gd name="connsiteX29" fmla="*/ 1208690 w 3221845"/>
                  <a:gd name="connsiteY29" fmla="*/ 454380 h 1023752"/>
                  <a:gd name="connsiteX30" fmla="*/ 1079062 w 3221845"/>
                  <a:gd name="connsiteY30" fmla="*/ 314242 h 1023752"/>
                  <a:gd name="connsiteX31" fmla="*/ 914400 w 3221845"/>
                  <a:gd name="connsiteY31" fmla="*/ 387814 h 1023752"/>
                  <a:gd name="connsiteX32" fmla="*/ 735724 w 3221845"/>
                  <a:gd name="connsiteY32" fmla="*/ 391318 h 1023752"/>
                  <a:gd name="connsiteX33" fmla="*/ 606097 w 3221845"/>
                  <a:gd name="connsiteY33" fmla="*/ 258187 h 1023752"/>
                  <a:gd name="connsiteX34" fmla="*/ 581573 w 3221845"/>
                  <a:gd name="connsiteY34" fmla="*/ 191620 h 1023752"/>
                  <a:gd name="connsiteX35" fmla="*/ 536028 w 3221845"/>
                  <a:gd name="connsiteY35" fmla="*/ 125056 h 1023752"/>
                  <a:gd name="connsiteX36" fmla="*/ 360855 w 3221845"/>
                  <a:gd name="connsiteY36" fmla="*/ 65497 h 1023752"/>
                  <a:gd name="connsiteX37" fmla="*/ 269766 w 3221845"/>
                  <a:gd name="connsiteY37" fmla="*/ 76008 h 1023752"/>
                  <a:gd name="connsiteX38" fmla="*/ 168166 w 3221845"/>
                  <a:gd name="connsiteY38" fmla="*/ 12946 h 1023752"/>
                  <a:gd name="connsiteX39" fmla="*/ 78921 w 3221845"/>
                  <a:gd name="connsiteY39" fmla="*/ 17711 h 1023752"/>
                  <a:gd name="connsiteX40" fmla="*/ 38538 w 3221845"/>
                  <a:gd name="connsiteY40" fmla="*/ 54986 h 1023752"/>
                  <a:gd name="connsiteX41" fmla="*/ 25597 w 3221845"/>
                  <a:gd name="connsiteY41" fmla="*/ 113821 h 1023752"/>
                  <a:gd name="connsiteX42" fmla="*/ 0 w 3221845"/>
                  <a:gd name="connsiteY42" fmla="*/ 209138 h 1023752"/>
                  <a:gd name="connsiteX43" fmla="*/ 4190 w 3221845"/>
                  <a:gd name="connsiteY43"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390869 w 3221845"/>
                  <a:gd name="connsiteY28" fmla="*/ 584008 h 1023752"/>
                  <a:gd name="connsiteX29" fmla="*/ 1208690 w 3221845"/>
                  <a:gd name="connsiteY29" fmla="*/ 454380 h 1023752"/>
                  <a:gd name="connsiteX30" fmla="*/ 1079062 w 3221845"/>
                  <a:gd name="connsiteY30" fmla="*/ 314242 h 1023752"/>
                  <a:gd name="connsiteX31" fmla="*/ 914400 w 3221845"/>
                  <a:gd name="connsiteY31" fmla="*/ 387814 h 1023752"/>
                  <a:gd name="connsiteX32" fmla="*/ 735724 w 3221845"/>
                  <a:gd name="connsiteY32" fmla="*/ 391318 h 1023752"/>
                  <a:gd name="connsiteX33" fmla="*/ 658649 w 3221845"/>
                  <a:gd name="connsiteY33" fmla="*/ 338765 h 1023752"/>
                  <a:gd name="connsiteX34" fmla="*/ 606097 w 3221845"/>
                  <a:gd name="connsiteY34" fmla="*/ 258187 h 1023752"/>
                  <a:gd name="connsiteX35" fmla="*/ 581573 w 3221845"/>
                  <a:gd name="connsiteY35" fmla="*/ 191620 h 1023752"/>
                  <a:gd name="connsiteX36" fmla="*/ 536028 w 3221845"/>
                  <a:gd name="connsiteY36" fmla="*/ 125056 h 1023752"/>
                  <a:gd name="connsiteX37" fmla="*/ 360855 w 3221845"/>
                  <a:gd name="connsiteY37" fmla="*/ 65497 h 1023752"/>
                  <a:gd name="connsiteX38" fmla="*/ 269766 w 3221845"/>
                  <a:gd name="connsiteY38" fmla="*/ 76008 h 1023752"/>
                  <a:gd name="connsiteX39" fmla="*/ 168166 w 3221845"/>
                  <a:gd name="connsiteY39" fmla="*/ 12946 h 1023752"/>
                  <a:gd name="connsiteX40" fmla="*/ 78921 w 3221845"/>
                  <a:gd name="connsiteY40" fmla="*/ 17711 h 1023752"/>
                  <a:gd name="connsiteX41" fmla="*/ 38538 w 3221845"/>
                  <a:gd name="connsiteY41" fmla="*/ 54986 h 1023752"/>
                  <a:gd name="connsiteX42" fmla="*/ 25597 w 3221845"/>
                  <a:gd name="connsiteY42" fmla="*/ 113821 h 1023752"/>
                  <a:gd name="connsiteX43" fmla="*/ 0 w 3221845"/>
                  <a:gd name="connsiteY43" fmla="*/ 209138 h 1023752"/>
                  <a:gd name="connsiteX44" fmla="*/ 4190 w 3221845"/>
                  <a:gd name="connsiteY44"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390869 w 3221845"/>
                  <a:gd name="connsiteY28" fmla="*/ 584008 h 1023752"/>
                  <a:gd name="connsiteX29" fmla="*/ 1208690 w 3221845"/>
                  <a:gd name="connsiteY29" fmla="*/ 454380 h 1023752"/>
                  <a:gd name="connsiteX30" fmla="*/ 1079062 w 3221845"/>
                  <a:gd name="connsiteY30" fmla="*/ 314242 h 1023752"/>
                  <a:gd name="connsiteX31" fmla="*/ 914400 w 3221845"/>
                  <a:gd name="connsiteY31" fmla="*/ 387814 h 1023752"/>
                  <a:gd name="connsiteX32" fmla="*/ 735724 w 3221845"/>
                  <a:gd name="connsiteY32" fmla="*/ 391318 h 1023752"/>
                  <a:gd name="connsiteX33" fmla="*/ 658649 w 3221845"/>
                  <a:gd name="connsiteY33" fmla="*/ 338765 h 1023752"/>
                  <a:gd name="connsiteX34" fmla="*/ 606097 w 3221845"/>
                  <a:gd name="connsiteY34" fmla="*/ 258187 h 1023752"/>
                  <a:gd name="connsiteX35" fmla="*/ 581573 w 3221845"/>
                  <a:gd name="connsiteY35" fmla="*/ 191620 h 1023752"/>
                  <a:gd name="connsiteX36" fmla="*/ 536028 w 3221845"/>
                  <a:gd name="connsiteY36" fmla="*/ 125056 h 1023752"/>
                  <a:gd name="connsiteX37" fmla="*/ 360855 w 3221845"/>
                  <a:gd name="connsiteY37" fmla="*/ 65497 h 1023752"/>
                  <a:gd name="connsiteX38" fmla="*/ 269766 w 3221845"/>
                  <a:gd name="connsiteY38" fmla="*/ 76008 h 1023752"/>
                  <a:gd name="connsiteX39" fmla="*/ 168166 w 3221845"/>
                  <a:gd name="connsiteY39" fmla="*/ 12946 h 1023752"/>
                  <a:gd name="connsiteX40" fmla="*/ 78921 w 3221845"/>
                  <a:gd name="connsiteY40" fmla="*/ 17711 h 1023752"/>
                  <a:gd name="connsiteX41" fmla="*/ 38538 w 3221845"/>
                  <a:gd name="connsiteY41" fmla="*/ 54986 h 1023752"/>
                  <a:gd name="connsiteX42" fmla="*/ 25597 w 3221845"/>
                  <a:gd name="connsiteY42" fmla="*/ 113821 h 1023752"/>
                  <a:gd name="connsiteX43" fmla="*/ 0 w 3221845"/>
                  <a:gd name="connsiteY43" fmla="*/ 209138 h 1023752"/>
                  <a:gd name="connsiteX44" fmla="*/ 4190 w 3221845"/>
                  <a:gd name="connsiteY44"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502980 w 3221845"/>
                  <a:gd name="connsiteY28" fmla="*/ 545469 h 1023752"/>
                  <a:gd name="connsiteX29" fmla="*/ 1390869 w 3221845"/>
                  <a:gd name="connsiteY29" fmla="*/ 584008 h 1023752"/>
                  <a:gd name="connsiteX30" fmla="*/ 1208690 w 3221845"/>
                  <a:gd name="connsiteY30" fmla="*/ 454380 h 1023752"/>
                  <a:gd name="connsiteX31" fmla="*/ 1079062 w 3221845"/>
                  <a:gd name="connsiteY31" fmla="*/ 314242 h 1023752"/>
                  <a:gd name="connsiteX32" fmla="*/ 914400 w 3221845"/>
                  <a:gd name="connsiteY32" fmla="*/ 387814 h 1023752"/>
                  <a:gd name="connsiteX33" fmla="*/ 735724 w 3221845"/>
                  <a:gd name="connsiteY33" fmla="*/ 391318 h 1023752"/>
                  <a:gd name="connsiteX34" fmla="*/ 658649 w 3221845"/>
                  <a:gd name="connsiteY34" fmla="*/ 338765 h 1023752"/>
                  <a:gd name="connsiteX35" fmla="*/ 606097 w 3221845"/>
                  <a:gd name="connsiteY35" fmla="*/ 258187 h 1023752"/>
                  <a:gd name="connsiteX36" fmla="*/ 581573 w 3221845"/>
                  <a:gd name="connsiteY36" fmla="*/ 191620 h 1023752"/>
                  <a:gd name="connsiteX37" fmla="*/ 536028 w 3221845"/>
                  <a:gd name="connsiteY37" fmla="*/ 125056 h 1023752"/>
                  <a:gd name="connsiteX38" fmla="*/ 360855 w 3221845"/>
                  <a:gd name="connsiteY38" fmla="*/ 65497 h 1023752"/>
                  <a:gd name="connsiteX39" fmla="*/ 269766 w 3221845"/>
                  <a:gd name="connsiteY39" fmla="*/ 76008 h 1023752"/>
                  <a:gd name="connsiteX40" fmla="*/ 168166 w 3221845"/>
                  <a:gd name="connsiteY40" fmla="*/ 12946 h 1023752"/>
                  <a:gd name="connsiteX41" fmla="*/ 78921 w 3221845"/>
                  <a:gd name="connsiteY41" fmla="*/ 17711 h 1023752"/>
                  <a:gd name="connsiteX42" fmla="*/ 38538 w 3221845"/>
                  <a:gd name="connsiteY42" fmla="*/ 54986 h 1023752"/>
                  <a:gd name="connsiteX43" fmla="*/ 25597 w 3221845"/>
                  <a:gd name="connsiteY43" fmla="*/ 113821 h 1023752"/>
                  <a:gd name="connsiteX44" fmla="*/ 0 w 3221845"/>
                  <a:gd name="connsiteY44" fmla="*/ 209138 h 1023752"/>
                  <a:gd name="connsiteX45" fmla="*/ 4190 w 3221845"/>
                  <a:gd name="connsiteY45"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502980 w 3221845"/>
                  <a:gd name="connsiteY28" fmla="*/ 545469 h 1023752"/>
                  <a:gd name="connsiteX29" fmla="*/ 1390869 w 3221845"/>
                  <a:gd name="connsiteY29" fmla="*/ 584008 h 1023752"/>
                  <a:gd name="connsiteX30" fmla="*/ 1275255 w 3221845"/>
                  <a:gd name="connsiteY30" fmla="*/ 531455 h 1023752"/>
                  <a:gd name="connsiteX31" fmla="*/ 1208690 w 3221845"/>
                  <a:gd name="connsiteY31" fmla="*/ 454380 h 1023752"/>
                  <a:gd name="connsiteX32" fmla="*/ 1079062 w 3221845"/>
                  <a:gd name="connsiteY32" fmla="*/ 314242 h 1023752"/>
                  <a:gd name="connsiteX33" fmla="*/ 914400 w 3221845"/>
                  <a:gd name="connsiteY33" fmla="*/ 387814 h 1023752"/>
                  <a:gd name="connsiteX34" fmla="*/ 735724 w 3221845"/>
                  <a:gd name="connsiteY34" fmla="*/ 391318 h 1023752"/>
                  <a:gd name="connsiteX35" fmla="*/ 658649 w 3221845"/>
                  <a:gd name="connsiteY35" fmla="*/ 338765 h 1023752"/>
                  <a:gd name="connsiteX36" fmla="*/ 606097 w 3221845"/>
                  <a:gd name="connsiteY36" fmla="*/ 258187 h 1023752"/>
                  <a:gd name="connsiteX37" fmla="*/ 581573 w 3221845"/>
                  <a:gd name="connsiteY37" fmla="*/ 191620 h 1023752"/>
                  <a:gd name="connsiteX38" fmla="*/ 536028 w 3221845"/>
                  <a:gd name="connsiteY38" fmla="*/ 125056 h 1023752"/>
                  <a:gd name="connsiteX39" fmla="*/ 360855 w 3221845"/>
                  <a:gd name="connsiteY39" fmla="*/ 65497 h 1023752"/>
                  <a:gd name="connsiteX40" fmla="*/ 269766 w 3221845"/>
                  <a:gd name="connsiteY40" fmla="*/ 76008 h 1023752"/>
                  <a:gd name="connsiteX41" fmla="*/ 168166 w 3221845"/>
                  <a:gd name="connsiteY41" fmla="*/ 12946 h 1023752"/>
                  <a:gd name="connsiteX42" fmla="*/ 78921 w 3221845"/>
                  <a:gd name="connsiteY42" fmla="*/ 17711 h 1023752"/>
                  <a:gd name="connsiteX43" fmla="*/ 38538 w 3221845"/>
                  <a:gd name="connsiteY43" fmla="*/ 54986 h 1023752"/>
                  <a:gd name="connsiteX44" fmla="*/ 25597 w 3221845"/>
                  <a:gd name="connsiteY44" fmla="*/ 113821 h 1023752"/>
                  <a:gd name="connsiteX45" fmla="*/ 0 w 3221845"/>
                  <a:gd name="connsiteY45" fmla="*/ 209138 h 1023752"/>
                  <a:gd name="connsiteX46" fmla="*/ 4190 w 3221845"/>
                  <a:gd name="connsiteY46"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1604549 w 3221845"/>
                  <a:gd name="connsiteY27" fmla="*/ 496869 h 1023752"/>
                  <a:gd name="connsiteX28" fmla="*/ 1502980 w 3221845"/>
                  <a:gd name="connsiteY28" fmla="*/ 545469 h 1023752"/>
                  <a:gd name="connsiteX29" fmla="*/ 1390869 w 3221845"/>
                  <a:gd name="connsiteY29" fmla="*/ 584008 h 1023752"/>
                  <a:gd name="connsiteX30" fmla="*/ 1275255 w 3221845"/>
                  <a:gd name="connsiteY30" fmla="*/ 531455 h 1023752"/>
                  <a:gd name="connsiteX31" fmla="*/ 1208690 w 3221845"/>
                  <a:gd name="connsiteY31" fmla="*/ 454380 h 1023752"/>
                  <a:gd name="connsiteX32" fmla="*/ 1145628 w 3221845"/>
                  <a:gd name="connsiteY32" fmla="*/ 394820 h 1023752"/>
                  <a:gd name="connsiteX33" fmla="*/ 1079062 w 3221845"/>
                  <a:gd name="connsiteY33" fmla="*/ 314242 h 1023752"/>
                  <a:gd name="connsiteX34" fmla="*/ 914400 w 3221845"/>
                  <a:gd name="connsiteY34" fmla="*/ 387814 h 1023752"/>
                  <a:gd name="connsiteX35" fmla="*/ 735724 w 3221845"/>
                  <a:gd name="connsiteY35" fmla="*/ 391318 h 1023752"/>
                  <a:gd name="connsiteX36" fmla="*/ 658649 w 3221845"/>
                  <a:gd name="connsiteY36" fmla="*/ 338765 h 1023752"/>
                  <a:gd name="connsiteX37" fmla="*/ 606097 w 3221845"/>
                  <a:gd name="connsiteY37" fmla="*/ 258187 h 1023752"/>
                  <a:gd name="connsiteX38" fmla="*/ 581573 w 3221845"/>
                  <a:gd name="connsiteY38" fmla="*/ 191620 h 1023752"/>
                  <a:gd name="connsiteX39" fmla="*/ 536028 w 3221845"/>
                  <a:gd name="connsiteY39" fmla="*/ 125056 h 1023752"/>
                  <a:gd name="connsiteX40" fmla="*/ 360855 w 3221845"/>
                  <a:gd name="connsiteY40" fmla="*/ 65497 h 1023752"/>
                  <a:gd name="connsiteX41" fmla="*/ 269766 w 3221845"/>
                  <a:gd name="connsiteY41" fmla="*/ 76008 h 1023752"/>
                  <a:gd name="connsiteX42" fmla="*/ 168166 w 3221845"/>
                  <a:gd name="connsiteY42" fmla="*/ 12946 h 1023752"/>
                  <a:gd name="connsiteX43" fmla="*/ 78921 w 3221845"/>
                  <a:gd name="connsiteY43" fmla="*/ 17711 h 1023752"/>
                  <a:gd name="connsiteX44" fmla="*/ 38538 w 3221845"/>
                  <a:gd name="connsiteY44" fmla="*/ 54986 h 1023752"/>
                  <a:gd name="connsiteX45" fmla="*/ 25597 w 3221845"/>
                  <a:gd name="connsiteY45" fmla="*/ 113821 h 1023752"/>
                  <a:gd name="connsiteX46" fmla="*/ 0 w 3221845"/>
                  <a:gd name="connsiteY46" fmla="*/ 209138 h 1023752"/>
                  <a:gd name="connsiteX47" fmla="*/ 4190 w 3221845"/>
                  <a:gd name="connsiteY47" fmla="*/ 296648 h 1023752"/>
                  <a:gd name="connsiteX0" fmla="*/ 4190 w 3221845"/>
                  <a:gd name="connsiteY0" fmla="*/ 296648 h 1023752"/>
                  <a:gd name="connsiteX1" fmla="*/ 217214 w 3221845"/>
                  <a:gd name="connsiteY1" fmla="*/ 394820 h 1023752"/>
                  <a:gd name="connsiteX2" fmla="*/ 346842 w 3221845"/>
                  <a:gd name="connsiteY2" fmla="*/ 394820 h 1023752"/>
                  <a:gd name="connsiteX3" fmla="*/ 434428 w 3221845"/>
                  <a:gd name="connsiteY3" fmla="*/ 510434 h 1023752"/>
                  <a:gd name="connsiteX4" fmla="*/ 557049 w 3221845"/>
                  <a:gd name="connsiteY4" fmla="*/ 626048 h 1023752"/>
                  <a:gd name="connsiteX5" fmla="*/ 760249 w 3221845"/>
                  <a:gd name="connsiteY5" fmla="*/ 661082 h 1023752"/>
                  <a:gd name="connsiteX6" fmla="*/ 959946 w 3221845"/>
                  <a:gd name="connsiteY6" fmla="*/ 650573 h 1023752"/>
                  <a:gd name="connsiteX7" fmla="*/ 1051035 w 3221845"/>
                  <a:gd name="connsiteY7" fmla="*/ 678600 h 1023752"/>
                  <a:gd name="connsiteX8" fmla="*/ 1156138 w 3221845"/>
                  <a:gd name="connsiteY8" fmla="*/ 748669 h 1023752"/>
                  <a:gd name="connsiteX9" fmla="*/ 1194676 w 3221845"/>
                  <a:gd name="connsiteY9" fmla="*/ 846765 h 1023752"/>
                  <a:gd name="connsiteX10" fmla="*/ 1331311 w 3221845"/>
                  <a:gd name="connsiteY10" fmla="*/ 906324 h 1023752"/>
                  <a:gd name="connsiteX11" fmla="*/ 1436414 w 3221845"/>
                  <a:gd name="connsiteY11" fmla="*/ 976393 h 1023752"/>
                  <a:gd name="connsiteX12" fmla="*/ 1594038 w 3221845"/>
                  <a:gd name="connsiteY12" fmla="*/ 1023752 h 1023752"/>
                  <a:gd name="connsiteX13" fmla="*/ 1723697 w 3221845"/>
                  <a:gd name="connsiteY13" fmla="*/ 972889 h 1023752"/>
                  <a:gd name="connsiteX14" fmla="*/ 1846317 w 3221845"/>
                  <a:gd name="connsiteY14" fmla="*/ 927345 h 1023752"/>
                  <a:gd name="connsiteX15" fmla="*/ 1930400 w 3221845"/>
                  <a:gd name="connsiteY15" fmla="*/ 857276 h 1023752"/>
                  <a:gd name="connsiteX16" fmla="*/ 2039007 w 3221845"/>
                  <a:gd name="connsiteY16" fmla="*/ 804724 h 1023752"/>
                  <a:gd name="connsiteX17" fmla="*/ 2182649 w 3221845"/>
                  <a:gd name="connsiteY17" fmla="*/ 689110 h 1023752"/>
                  <a:gd name="connsiteX18" fmla="*/ 2294759 w 3221845"/>
                  <a:gd name="connsiteY18" fmla="*/ 640063 h 1023752"/>
                  <a:gd name="connsiteX19" fmla="*/ 2427890 w 3221845"/>
                  <a:gd name="connsiteY19" fmla="*/ 675096 h 1023752"/>
                  <a:gd name="connsiteX20" fmla="*/ 2585545 w 3221845"/>
                  <a:gd name="connsiteY20" fmla="*/ 633055 h 1023752"/>
                  <a:gd name="connsiteX21" fmla="*/ 2760717 w 3221845"/>
                  <a:gd name="connsiteY21" fmla="*/ 506931 h 1023752"/>
                  <a:gd name="connsiteX22" fmla="*/ 2886842 w 3221845"/>
                  <a:gd name="connsiteY22" fmla="*/ 405331 h 1023752"/>
                  <a:gd name="connsiteX23" fmla="*/ 3104055 w 3221845"/>
                  <a:gd name="connsiteY23" fmla="*/ 405331 h 1023752"/>
                  <a:gd name="connsiteX24" fmla="*/ 3221845 w 3221845"/>
                  <a:gd name="connsiteY24" fmla="*/ 328180 h 1023752"/>
                  <a:gd name="connsiteX25" fmla="*/ 3207251 w 3221845"/>
                  <a:gd name="connsiteY25" fmla="*/ 152070 h 1023752"/>
                  <a:gd name="connsiteX26" fmla="*/ 3171541 w 3221845"/>
                  <a:gd name="connsiteY26" fmla="*/ 0 h 1023752"/>
                  <a:gd name="connsiteX27" fmla="*/ 2123090 w 3221845"/>
                  <a:gd name="connsiteY27" fmla="*/ 317745 h 1023752"/>
                  <a:gd name="connsiteX28" fmla="*/ 1604549 w 3221845"/>
                  <a:gd name="connsiteY28" fmla="*/ 496869 h 1023752"/>
                  <a:gd name="connsiteX29" fmla="*/ 1502980 w 3221845"/>
                  <a:gd name="connsiteY29" fmla="*/ 545469 h 1023752"/>
                  <a:gd name="connsiteX30" fmla="*/ 1390869 w 3221845"/>
                  <a:gd name="connsiteY30" fmla="*/ 584008 h 1023752"/>
                  <a:gd name="connsiteX31" fmla="*/ 1275255 w 3221845"/>
                  <a:gd name="connsiteY31" fmla="*/ 531455 h 1023752"/>
                  <a:gd name="connsiteX32" fmla="*/ 1208690 w 3221845"/>
                  <a:gd name="connsiteY32" fmla="*/ 454380 h 1023752"/>
                  <a:gd name="connsiteX33" fmla="*/ 1145628 w 3221845"/>
                  <a:gd name="connsiteY33" fmla="*/ 394820 h 1023752"/>
                  <a:gd name="connsiteX34" fmla="*/ 1079062 w 3221845"/>
                  <a:gd name="connsiteY34" fmla="*/ 314242 h 1023752"/>
                  <a:gd name="connsiteX35" fmla="*/ 914400 w 3221845"/>
                  <a:gd name="connsiteY35" fmla="*/ 387814 h 1023752"/>
                  <a:gd name="connsiteX36" fmla="*/ 735724 w 3221845"/>
                  <a:gd name="connsiteY36" fmla="*/ 391318 h 1023752"/>
                  <a:gd name="connsiteX37" fmla="*/ 658649 w 3221845"/>
                  <a:gd name="connsiteY37" fmla="*/ 338765 h 1023752"/>
                  <a:gd name="connsiteX38" fmla="*/ 606097 w 3221845"/>
                  <a:gd name="connsiteY38" fmla="*/ 258187 h 1023752"/>
                  <a:gd name="connsiteX39" fmla="*/ 581573 w 3221845"/>
                  <a:gd name="connsiteY39" fmla="*/ 191620 h 1023752"/>
                  <a:gd name="connsiteX40" fmla="*/ 536028 w 3221845"/>
                  <a:gd name="connsiteY40" fmla="*/ 125056 h 1023752"/>
                  <a:gd name="connsiteX41" fmla="*/ 360855 w 3221845"/>
                  <a:gd name="connsiteY41" fmla="*/ 65497 h 1023752"/>
                  <a:gd name="connsiteX42" fmla="*/ 269766 w 3221845"/>
                  <a:gd name="connsiteY42" fmla="*/ 76008 h 1023752"/>
                  <a:gd name="connsiteX43" fmla="*/ 168166 w 3221845"/>
                  <a:gd name="connsiteY43" fmla="*/ 12946 h 1023752"/>
                  <a:gd name="connsiteX44" fmla="*/ 78921 w 3221845"/>
                  <a:gd name="connsiteY44" fmla="*/ 17711 h 1023752"/>
                  <a:gd name="connsiteX45" fmla="*/ 38538 w 3221845"/>
                  <a:gd name="connsiteY45" fmla="*/ 54986 h 1023752"/>
                  <a:gd name="connsiteX46" fmla="*/ 25597 w 3221845"/>
                  <a:gd name="connsiteY46" fmla="*/ 113821 h 1023752"/>
                  <a:gd name="connsiteX47" fmla="*/ 0 w 3221845"/>
                  <a:gd name="connsiteY47" fmla="*/ 209138 h 1023752"/>
                  <a:gd name="connsiteX48" fmla="*/ 4190 w 3221845"/>
                  <a:gd name="connsiteY48" fmla="*/ 296648 h 1023752"/>
                  <a:gd name="connsiteX0" fmla="*/ 4190 w 3221845"/>
                  <a:gd name="connsiteY0" fmla="*/ 296669 h 1023773"/>
                  <a:gd name="connsiteX1" fmla="*/ 217214 w 3221845"/>
                  <a:gd name="connsiteY1" fmla="*/ 394841 h 1023773"/>
                  <a:gd name="connsiteX2" fmla="*/ 346842 w 3221845"/>
                  <a:gd name="connsiteY2" fmla="*/ 394841 h 1023773"/>
                  <a:gd name="connsiteX3" fmla="*/ 434428 w 3221845"/>
                  <a:gd name="connsiteY3" fmla="*/ 510455 h 1023773"/>
                  <a:gd name="connsiteX4" fmla="*/ 557049 w 3221845"/>
                  <a:gd name="connsiteY4" fmla="*/ 626069 h 1023773"/>
                  <a:gd name="connsiteX5" fmla="*/ 760249 w 3221845"/>
                  <a:gd name="connsiteY5" fmla="*/ 661103 h 1023773"/>
                  <a:gd name="connsiteX6" fmla="*/ 959946 w 3221845"/>
                  <a:gd name="connsiteY6" fmla="*/ 650594 h 1023773"/>
                  <a:gd name="connsiteX7" fmla="*/ 1051035 w 3221845"/>
                  <a:gd name="connsiteY7" fmla="*/ 678621 h 1023773"/>
                  <a:gd name="connsiteX8" fmla="*/ 1156138 w 3221845"/>
                  <a:gd name="connsiteY8" fmla="*/ 748690 h 1023773"/>
                  <a:gd name="connsiteX9" fmla="*/ 1194676 w 3221845"/>
                  <a:gd name="connsiteY9" fmla="*/ 846786 h 1023773"/>
                  <a:gd name="connsiteX10" fmla="*/ 1331311 w 3221845"/>
                  <a:gd name="connsiteY10" fmla="*/ 906345 h 1023773"/>
                  <a:gd name="connsiteX11" fmla="*/ 1436414 w 3221845"/>
                  <a:gd name="connsiteY11" fmla="*/ 976414 h 1023773"/>
                  <a:gd name="connsiteX12" fmla="*/ 1594038 w 3221845"/>
                  <a:gd name="connsiteY12" fmla="*/ 1023773 h 1023773"/>
                  <a:gd name="connsiteX13" fmla="*/ 1723697 w 3221845"/>
                  <a:gd name="connsiteY13" fmla="*/ 972910 h 1023773"/>
                  <a:gd name="connsiteX14" fmla="*/ 1846317 w 3221845"/>
                  <a:gd name="connsiteY14" fmla="*/ 927366 h 1023773"/>
                  <a:gd name="connsiteX15" fmla="*/ 1930400 w 3221845"/>
                  <a:gd name="connsiteY15" fmla="*/ 857297 h 1023773"/>
                  <a:gd name="connsiteX16" fmla="*/ 2039007 w 3221845"/>
                  <a:gd name="connsiteY16" fmla="*/ 804745 h 1023773"/>
                  <a:gd name="connsiteX17" fmla="*/ 2182649 w 3221845"/>
                  <a:gd name="connsiteY17" fmla="*/ 689131 h 1023773"/>
                  <a:gd name="connsiteX18" fmla="*/ 2294759 w 3221845"/>
                  <a:gd name="connsiteY18" fmla="*/ 640084 h 1023773"/>
                  <a:gd name="connsiteX19" fmla="*/ 2427890 w 3221845"/>
                  <a:gd name="connsiteY19" fmla="*/ 675117 h 1023773"/>
                  <a:gd name="connsiteX20" fmla="*/ 2585545 w 3221845"/>
                  <a:gd name="connsiteY20" fmla="*/ 633076 h 1023773"/>
                  <a:gd name="connsiteX21" fmla="*/ 2760717 w 3221845"/>
                  <a:gd name="connsiteY21" fmla="*/ 506952 h 1023773"/>
                  <a:gd name="connsiteX22" fmla="*/ 2886842 w 3221845"/>
                  <a:gd name="connsiteY22" fmla="*/ 405352 h 1023773"/>
                  <a:gd name="connsiteX23" fmla="*/ 3104055 w 3221845"/>
                  <a:gd name="connsiteY23" fmla="*/ 405352 h 1023773"/>
                  <a:gd name="connsiteX24" fmla="*/ 3221845 w 3221845"/>
                  <a:gd name="connsiteY24" fmla="*/ 328201 h 1023773"/>
                  <a:gd name="connsiteX25" fmla="*/ 3207251 w 3221845"/>
                  <a:gd name="connsiteY25" fmla="*/ 152091 h 1023773"/>
                  <a:gd name="connsiteX26" fmla="*/ 3171541 w 3221845"/>
                  <a:gd name="connsiteY26" fmla="*/ 21 h 1023773"/>
                  <a:gd name="connsiteX27" fmla="*/ 2704662 w 3221845"/>
                  <a:gd name="connsiteY27" fmla="*/ 139090 h 1023773"/>
                  <a:gd name="connsiteX28" fmla="*/ 2123090 w 3221845"/>
                  <a:gd name="connsiteY28" fmla="*/ 317766 h 1023773"/>
                  <a:gd name="connsiteX29" fmla="*/ 1604549 w 3221845"/>
                  <a:gd name="connsiteY29" fmla="*/ 496890 h 1023773"/>
                  <a:gd name="connsiteX30" fmla="*/ 1502980 w 3221845"/>
                  <a:gd name="connsiteY30" fmla="*/ 545490 h 1023773"/>
                  <a:gd name="connsiteX31" fmla="*/ 1390869 w 3221845"/>
                  <a:gd name="connsiteY31" fmla="*/ 584029 h 1023773"/>
                  <a:gd name="connsiteX32" fmla="*/ 1275255 w 3221845"/>
                  <a:gd name="connsiteY32" fmla="*/ 531476 h 1023773"/>
                  <a:gd name="connsiteX33" fmla="*/ 1208690 w 3221845"/>
                  <a:gd name="connsiteY33" fmla="*/ 454401 h 1023773"/>
                  <a:gd name="connsiteX34" fmla="*/ 1145628 w 3221845"/>
                  <a:gd name="connsiteY34" fmla="*/ 394841 h 1023773"/>
                  <a:gd name="connsiteX35" fmla="*/ 1079062 w 3221845"/>
                  <a:gd name="connsiteY35" fmla="*/ 314263 h 1023773"/>
                  <a:gd name="connsiteX36" fmla="*/ 914400 w 3221845"/>
                  <a:gd name="connsiteY36" fmla="*/ 387835 h 1023773"/>
                  <a:gd name="connsiteX37" fmla="*/ 735724 w 3221845"/>
                  <a:gd name="connsiteY37" fmla="*/ 391339 h 1023773"/>
                  <a:gd name="connsiteX38" fmla="*/ 658649 w 3221845"/>
                  <a:gd name="connsiteY38" fmla="*/ 338786 h 1023773"/>
                  <a:gd name="connsiteX39" fmla="*/ 606097 w 3221845"/>
                  <a:gd name="connsiteY39" fmla="*/ 258208 h 1023773"/>
                  <a:gd name="connsiteX40" fmla="*/ 581573 w 3221845"/>
                  <a:gd name="connsiteY40" fmla="*/ 191641 h 1023773"/>
                  <a:gd name="connsiteX41" fmla="*/ 536028 w 3221845"/>
                  <a:gd name="connsiteY41" fmla="*/ 125077 h 1023773"/>
                  <a:gd name="connsiteX42" fmla="*/ 360855 w 3221845"/>
                  <a:gd name="connsiteY42" fmla="*/ 65518 h 1023773"/>
                  <a:gd name="connsiteX43" fmla="*/ 269766 w 3221845"/>
                  <a:gd name="connsiteY43" fmla="*/ 76029 h 1023773"/>
                  <a:gd name="connsiteX44" fmla="*/ 168166 w 3221845"/>
                  <a:gd name="connsiteY44" fmla="*/ 12967 h 1023773"/>
                  <a:gd name="connsiteX45" fmla="*/ 78921 w 3221845"/>
                  <a:gd name="connsiteY45" fmla="*/ 17732 h 1023773"/>
                  <a:gd name="connsiteX46" fmla="*/ 38538 w 3221845"/>
                  <a:gd name="connsiteY46" fmla="*/ 55007 h 1023773"/>
                  <a:gd name="connsiteX47" fmla="*/ 25597 w 3221845"/>
                  <a:gd name="connsiteY47" fmla="*/ 113842 h 1023773"/>
                  <a:gd name="connsiteX48" fmla="*/ 0 w 3221845"/>
                  <a:gd name="connsiteY48" fmla="*/ 209159 h 1023773"/>
                  <a:gd name="connsiteX49" fmla="*/ 4190 w 3221845"/>
                  <a:gd name="connsiteY49" fmla="*/ 296669 h 1023773"/>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123090 w 3221845"/>
                  <a:gd name="connsiteY29" fmla="*/ 322288 h 1028295"/>
                  <a:gd name="connsiteX30" fmla="*/ 1604549 w 3221845"/>
                  <a:gd name="connsiteY30" fmla="*/ 501412 h 1028295"/>
                  <a:gd name="connsiteX31" fmla="*/ 1502980 w 3221845"/>
                  <a:gd name="connsiteY31" fmla="*/ 550012 h 1028295"/>
                  <a:gd name="connsiteX32" fmla="*/ 1390869 w 3221845"/>
                  <a:gd name="connsiteY32" fmla="*/ 588551 h 1028295"/>
                  <a:gd name="connsiteX33" fmla="*/ 1275255 w 3221845"/>
                  <a:gd name="connsiteY33" fmla="*/ 535998 h 1028295"/>
                  <a:gd name="connsiteX34" fmla="*/ 1208690 w 3221845"/>
                  <a:gd name="connsiteY34" fmla="*/ 458923 h 1028295"/>
                  <a:gd name="connsiteX35" fmla="*/ 1145628 w 3221845"/>
                  <a:gd name="connsiteY35" fmla="*/ 399363 h 1028295"/>
                  <a:gd name="connsiteX36" fmla="*/ 1079062 w 3221845"/>
                  <a:gd name="connsiteY36" fmla="*/ 318785 h 1028295"/>
                  <a:gd name="connsiteX37" fmla="*/ 914400 w 3221845"/>
                  <a:gd name="connsiteY37" fmla="*/ 392357 h 1028295"/>
                  <a:gd name="connsiteX38" fmla="*/ 735724 w 3221845"/>
                  <a:gd name="connsiteY38" fmla="*/ 395861 h 1028295"/>
                  <a:gd name="connsiteX39" fmla="*/ 658649 w 3221845"/>
                  <a:gd name="connsiteY39" fmla="*/ 343308 h 1028295"/>
                  <a:gd name="connsiteX40" fmla="*/ 606097 w 3221845"/>
                  <a:gd name="connsiteY40" fmla="*/ 262730 h 1028295"/>
                  <a:gd name="connsiteX41" fmla="*/ 581573 w 3221845"/>
                  <a:gd name="connsiteY41" fmla="*/ 196163 h 1028295"/>
                  <a:gd name="connsiteX42" fmla="*/ 536028 w 3221845"/>
                  <a:gd name="connsiteY42" fmla="*/ 129599 h 1028295"/>
                  <a:gd name="connsiteX43" fmla="*/ 360855 w 3221845"/>
                  <a:gd name="connsiteY43" fmla="*/ 70040 h 1028295"/>
                  <a:gd name="connsiteX44" fmla="*/ 269766 w 3221845"/>
                  <a:gd name="connsiteY44" fmla="*/ 80551 h 1028295"/>
                  <a:gd name="connsiteX45" fmla="*/ 168166 w 3221845"/>
                  <a:gd name="connsiteY45" fmla="*/ 17489 h 1028295"/>
                  <a:gd name="connsiteX46" fmla="*/ 78921 w 3221845"/>
                  <a:gd name="connsiteY46" fmla="*/ 22254 h 1028295"/>
                  <a:gd name="connsiteX47" fmla="*/ 38538 w 3221845"/>
                  <a:gd name="connsiteY47" fmla="*/ 59529 h 1028295"/>
                  <a:gd name="connsiteX48" fmla="*/ 25597 w 3221845"/>
                  <a:gd name="connsiteY48" fmla="*/ 118364 h 1028295"/>
                  <a:gd name="connsiteX49" fmla="*/ 0 w 3221845"/>
                  <a:gd name="connsiteY49" fmla="*/ 213681 h 1028295"/>
                  <a:gd name="connsiteX50" fmla="*/ 4190 w 3221845"/>
                  <a:gd name="connsiteY50"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604549 w 3221845"/>
                  <a:gd name="connsiteY31" fmla="*/ 501412 h 1028295"/>
                  <a:gd name="connsiteX32" fmla="*/ 1502980 w 3221845"/>
                  <a:gd name="connsiteY32" fmla="*/ 550012 h 1028295"/>
                  <a:gd name="connsiteX33" fmla="*/ 1390869 w 3221845"/>
                  <a:gd name="connsiteY33" fmla="*/ 588551 h 1028295"/>
                  <a:gd name="connsiteX34" fmla="*/ 1275255 w 3221845"/>
                  <a:gd name="connsiteY34" fmla="*/ 535998 h 1028295"/>
                  <a:gd name="connsiteX35" fmla="*/ 1208690 w 3221845"/>
                  <a:gd name="connsiteY35" fmla="*/ 458923 h 1028295"/>
                  <a:gd name="connsiteX36" fmla="*/ 1145628 w 3221845"/>
                  <a:gd name="connsiteY36" fmla="*/ 399363 h 1028295"/>
                  <a:gd name="connsiteX37" fmla="*/ 1079062 w 3221845"/>
                  <a:gd name="connsiteY37" fmla="*/ 318785 h 1028295"/>
                  <a:gd name="connsiteX38" fmla="*/ 914400 w 3221845"/>
                  <a:gd name="connsiteY38" fmla="*/ 392357 h 1028295"/>
                  <a:gd name="connsiteX39" fmla="*/ 735724 w 3221845"/>
                  <a:gd name="connsiteY39" fmla="*/ 395861 h 1028295"/>
                  <a:gd name="connsiteX40" fmla="*/ 658649 w 3221845"/>
                  <a:gd name="connsiteY40" fmla="*/ 343308 h 1028295"/>
                  <a:gd name="connsiteX41" fmla="*/ 606097 w 3221845"/>
                  <a:gd name="connsiteY41" fmla="*/ 262730 h 1028295"/>
                  <a:gd name="connsiteX42" fmla="*/ 581573 w 3221845"/>
                  <a:gd name="connsiteY42" fmla="*/ 196163 h 1028295"/>
                  <a:gd name="connsiteX43" fmla="*/ 536028 w 3221845"/>
                  <a:gd name="connsiteY43" fmla="*/ 129599 h 1028295"/>
                  <a:gd name="connsiteX44" fmla="*/ 360855 w 3221845"/>
                  <a:gd name="connsiteY44" fmla="*/ 70040 h 1028295"/>
                  <a:gd name="connsiteX45" fmla="*/ 269766 w 3221845"/>
                  <a:gd name="connsiteY45" fmla="*/ 80551 h 1028295"/>
                  <a:gd name="connsiteX46" fmla="*/ 168166 w 3221845"/>
                  <a:gd name="connsiteY46" fmla="*/ 17489 h 1028295"/>
                  <a:gd name="connsiteX47" fmla="*/ 78921 w 3221845"/>
                  <a:gd name="connsiteY47" fmla="*/ 22254 h 1028295"/>
                  <a:gd name="connsiteX48" fmla="*/ 38538 w 3221845"/>
                  <a:gd name="connsiteY48" fmla="*/ 59529 h 1028295"/>
                  <a:gd name="connsiteX49" fmla="*/ 25597 w 3221845"/>
                  <a:gd name="connsiteY49" fmla="*/ 118364 h 1028295"/>
                  <a:gd name="connsiteX50" fmla="*/ 0 w 3221845"/>
                  <a:gd name="connsiteY50" fmla="*/ 213681 h 1028295"/>
                  <a:gd name="connsiteX51" fmla="*/ 4190 w 3221845"/>
                  <a:gd name="connsiteY51"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604549 w 3221845"/>
                  <a:gd name="connsiteY32" fmla="*/ 501412 h 1028295"/>
                  <a:gd name="connsiteX33" fmla="*/ 1502980 w 3221845"/>
                  <a:gd name="connsiteY33" fmla="*/ 550012 h 1028295"/>
                  <a:gd name="connsiteX34" fmla="*/ 1390869 w 3221845"/>
                  <a:gd name="connsiteY34" fmla="*/ 588551 h 1028295"/>
                  <a:gd name="connsiteX35" fmla="*/ 1275255 w 3221845"/>
                  <a:gd name="connsiteY35" fmla="*/ 535998 h 1028295"/>
                  <a:gd name="connsiteX36" fmla="*/ 1208690 w 3221845"/>
                  <a:gd name="connsiteY36" fmla="*/ 458923 h 1028295"/>
                  <a:gd name="connsiteX37" fmla="*/ 1145628 w 3221845"/>
                  <a:gd name="connsiteY37" fmla="*/ 399363 h 1028295"/>
                  <a:gd name="connsiteX38" fmla="*/ 1079062 w 3221845"/>
                  <a:gd name="connsiteY38" fmla="*/ 318785 h 1028295"/>
                  <a:gd name="connsiteX39" fmla="*/ 914400 w 3221845"/>
                  <a:gd name="connsiteY39" fmla="*/ 392357 h 1028295"/>
                  <a:gd name="connsiteX40" fmla="*/ 735724 w 3221845"/>
                  <a:gd name="connsiteY40" fmla="*/ 395861 h 1028295"/>
                  <a:gd name="connsiteX41" fmla="*/ 658649 w 3221845"/>
                  <a:gd name="connsiteY41" fmla="*/ 343308 h 1028295"/>
                  <a:gd name="connsiteX42" fmla="*/ 606097 w 3221845"/>
                  <a:gd name="connsiteY42" fmla="*/ 262730 h 1028295"/>
                  <a:gd name="connsiteX43" fmla="*/ 581573 w 3221845"/>
                  <a:gd name="connsiteY43" fmla="*/ 196163 h 1028295"/>
                  <a:gd name="connsiteX44" fmla="*/ 536028 w 3221845"/>
                  <a:gd name="connsiteY44" fmla="*/ 129599 h 1028295"/>
                  <a:gd name="connsiteX45" fmla="*/ 360855 w 3221845"/>
                  <a:gd name="connsiteY45" fmla="*/ 70040 h 1028295"/>
                  <a:gd name="connsiteX46" fmla="*/ 269766 w 3221845"/>
                  <a:gd name="connsiteY46" fmla="*/ 80551 h 1028295"/>
                  <a:gd name="connsiteX47" fmla="*/ 168166 w 3221845"/>
                  <a:gd name="connsiteY47" fmla="*/ 17489 h 1028295"/>
                  <a:gd name="connsiteX48" fmla="*/ 78921 w 3221845"/>
                  <a:gd name="connsiteY48" fmla="*/ 22254 h 1028295"/>
                  <a:gd name="connsiteX49" fmla="*/ 38538 w 3221845"/>
                  <a:gd name="connsiteY49" fmla="*/ 59529 h 1028295"/>
                  <a:gd name="connsiteX50" fmla="*/ 25597 w 3221845"/>
                  <a:gd name="connsiteY50" fmla="*/ 118364 h 1028295"/>
                  <a:gd name="connsiteX51" fmla="*/ 0 w 3221845"/>
                  <a:gd name="connsiteY51" fmla="*/ 213681 h 1028295"/>
                  <a:gd name="connsiteX52" fmla="*/ 4190 w 3221845"/>
                  <a:gd name="connsiteY52"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1888359 w 3221845"/>
                  <a:gd name="connsiteY31" fmla="*/ 578040 h 1028295"/>
                  <a:gd name="connsiteX32" fmla="*/ 1706180 w 3221845"/>
                  <a:gd name="connsiteY32" fmla="*/ 514978 h 1028295"/>
                  <a:gd name="connsiteX33" fmla="*/ 1604549 w 3221845"/>
                  <a:gd name="connsiteY33" fmla="*/ 501412 h 1028295"/>
                  <a:gd name="connsiteX34" fmla="*/ 1502980 w 3221845"/>
                  <a:gd name="connsiteY34" fmla="*/ 550012 h 1028295"/>
                  <a:gd name="connsiteX35" fmla="*/ 1390869 w 3221845"/>
                  <a:gd name="connsiteY35" fmla="*/ 588551 h 1028295"/>
                  <a:gd name="connsiteX36" fmla="*/ 1275255 w 3221845"/>
                  <a:gd name="connsiteY36" fmla="*/ 535998 h 1028295"/>
                  <a:gd name="connsiteX37" fmla="*/ 1208690 w 3221845"/>
                  <a:gd name="connsiteY37" fmla="*/ 458923 h 1028295"/>
                  <a:gd name="connsiteX38" fmla="*/ 1145628 w 3221845"/>
                  <a:gd name="connsiteY38" fmla="*/ 399363 h 1028295"/>
                  <a:gd name="connsiteX39" fmla="*/ 1079062 w 3221845"/>
                  <a:gd name="connsiteY39" fmla="*/ 318785 h 1028295"/>
                  <a:gd name="connsiteX40" fmla="*/ 914400 w 3221845"/>
                  <a:gd name="connsiteY40" fmla="*/ 392357 h 1028295"/>
                  <a:gd name="connsiteX41" fmla="*/ 735724 w 3221845"/>
                  <a:gd name="connsiteY41" fmla="*/ 395861 h 1028295"/>
                  <a:gd name="connsiteX42" fmla="*/ 658649 w 3221845"/>
                  <a:gd name="connsiteY42" fmla="*/ 343308 h 1028295"/>
                  <a:gd name="connsiteX43" fmla="*/ 606097 w 3221845"/>
                  <a:gd name="connsiteY43" fmla="*/ 262730 h 1028295"/>
                  <a:gd name="connsiteX44" fmla="*/ 581573 w 3221845"/>
                  <a:gd name="connsiteY44" fmla="*/ 196163 h 1028295"/>
                  <a:gd name="connsiteX45" fmla="*/ 536028 w 3221845"/>
                  <a:gd name="connsiteY45" fmla="*/ 129599 h 1028295"/>
                  <a:gd name="connsiteX46" fmla="*/ 360855 w 3221845"/>
                  <a:gd name="connsiteY46" fmla="*/ 70040 h 1028295"/>
                  <a:gd name="connsiteX47" fmla="*/ 269766 w 3221845"/>
                  <a:gd name="connsiteY47" fmla="*/ 80551 h 1028295"/>
                  <a:gd name="connsiteX48" fmla="*/ 168166 w 3221845"/>
                  <a:gd name="connsiteY48" fmla="*/ 17489 h 1028295"/>
                  <a:gd name="connsiteX49" fmla="*/ 78921 w 3221845"/>
                  <a:gd name="connsiteY49" fmla="*/ 22254 h 1028295"/>
                  <a:gd name="connsiteX50" fmla="*/ 38538 w 3221845"/>
                  <a:gd name="connsiteY50" fmla="*/ 59529 h 1028295"/>
                  <a:gd name="connsiteX51" fmla="*/ 25597 w 3221845"/>
                  <a:gd name="connsiteY51" fmla="*/ 118364 h 1028295"/>
                  <a:gd name="connsiteX52" fmla="*/ 0 w 3221845"/>
                  <a:gd name="connsiteY52" fmla="*/ 213681 h 1028295"/>
                  <a:gd name="connsiteX53" fmla="*/ 4190 w 3221845"/>
                  <a:gd name="connsiteY53"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2014483 w 3221845"/>
                  <a:gd name="connsiteY31" fmla="*/ 441406 h 1028295"/>
                  <a:gd name="connsiteX32" fmla="*/ 1888359 w 3221845"/>
                  <a:gd name="connsiteY32" fmla="*/ 578040 h 1028295"/>
                  <a:gd name="connsiteX33" fmla="*/ 1706180 w 3221845"/>
                  <a:gd name="connsiteY33" fmla="*/ 514978 h 1028295"/>
                  <a:gd name="connsiteX34" fmla="*/ 1604549 w 3221845"/>
                  <a:gd name="connsiteY34" fmla="*/ 501412 h 1028295"/>
                  <a:gd name="connsiteX35" fmla="*/ 1502980 w 3221845"/>
                  <a:gd name="connsiteY35" fmla="*/ 550012 h 1028295"/>
                  <a:gd name="connsiteX36" fmla="*/ 1390869 w 3221845"/>
                  <a:gd name="connsiteY36" fmla="*/ 588551 h 1028295"/>
                  <a:gd name="connsiteX37" fmla="*/ 1275255 w 3221845"/>
                  <a:gd name="connsiteY37" fmla="*/ 535998 h 1028295"/>
                  <a:gd name="connsiteX38" fmla="*/ 1208690 w 3221845"/>
                  <a:gd name="connsiteY38" fmla="*/ 458923 h 1028295"/>
                  <a:gd name="connsiteX39" fmla="*/ 1145628 w 3221845"/>
                  <a:gd name="connsiteY39" fmla="*/ 399363 h 1028295"/>
                  <a:gd name="connsiteX40" fmla="*/ 1079062 w 3221845"/>
                  <a:gd name="connsiteY40" fmla="*/ 318785 h 1028295"/>
                  <a:gd name="connsiteX41" fmla="*/ 914400 w 3221845"/>
                  <a:gd name="connsiteY41" fmla="*/ 392357 h 1028295"/>
                  <a:gd name="connsiteX42" fmla="*/ 735724 w 3221845"/>
                  <a:gd name="connsiteY42" fmla="*/ 395861 h 1028295"/>
                  <a:gd name="connsiteX43" fmla="*/ 658649 w 3221845"/>
                  <a:gd name="connsiteY43" fmla="*/ 343308 h 1028295"/>
                  <a:gd name="connsiteX44" fmla="*/ 606097 w 3221845"/>
                  <a:gd name="connsiteY44" fmla="*/ 262730 h 1028295"/>
                  <a:gd name="connsiteX45" fmla="*/ 581573 w 3221845"/>
                  <a:gd name="connsiteY45" fmla="*/ 196163 h 1028295"/>
                  <a:gd name="connsiteX46" fmla="*/ 536028 w 3221845"/>
                  <a:gd name="connsiteY46" fmla="*/ 129599 h 1028295"/>
                  <a:gd name="connsiteX47" fmla="*/ 360855 w 3221845"/>
                  <a:gd name="connsiteY47" fmla="*/ 70040 h 1028295"/>
                  <a:gd name="connsiteX48" fmla="*/ 269766 w 3221845"/>
                  <a:gd name="connsiteY48" fmla="*/ 80551 h 1028295"/>
                  <a:gd name="connsiteX49" fmla="*/ 168166 w 3221845"/>
                  <a:gd name="connsiteY49" fmla="*/ 17489 h 1028295"/>
                  <a:gd name="connsiteX50" fmla="*/ 78921 w 3221845"/>
                  <a:gd name="connsiteY50" fmla="*/ 22254 h 1028295"/>
                  <a:gd name="connsiteX51" fmla="*/ 38538 w 3221845"/>
                  <a:gd name="connsiteY51" fmla="*/ 59529 h 1028295"/>
                  <a:gd name="connsiteX52" fmla="*/ 25597 w 3221845"/>
                  <a:gd name="connsiteY52" fmla="*/ 118364 h 1028295"/>
                  <a:gd name="connsiteX53" fmla="*/ 0 w 3221845"/>
                  <a:gd name="connsiteY53" fmla="*/ 213681 h 1028295"/>
                  <a:gd name="connsiteX54" fmla="*/ 4190 w 3221845"/>
                  <a:gd name="connsiteY54"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2014483 w 3221845"/>
                  <a:gd name="connsiteY31" fmla="*/ 441406 h 1028295"/>
                  <a:gd name="connsiteX32" fmla="*/ 1888359 w 3221845"/>
                  <a:gd name="connsiteY32" fmla="*/ 578040 h 1028295"/>
                  <a:gd name="connsiteX33" fmla="*/ 1776249 w 3221845"/>
                  <a:gd name="connsiteY33" fmla="*/ 546509 h 1028295"/>
                  <a:gd name="connsiteX34" fmla="*/ 1706180 w 3221845"/>
                  <a:gd name="connsiteY34" fmla="*/ 514978 h 1028295"/>
                  <a:gd name="connsiteX35" fmla="*/ 1604549 w 3221845"/>
                  <a:gd name="connsiteY35" fmla="*/ 501412 h 1028295"/>
                  <a:gd name="connsiteX36" fmla="*/ 1502980 w 3221845"/>
                  <a:gd name="connsiteY36" fmla="*/ 550012 h 1028295"/>
                  <a:gd name="connsiteX37" fmla="*/ 1390869 w 3221845"/>
                  <a:gd name="connsiteY37" fmla="*/ 588551 h 1028295"/>
                  <a:gd name="connsiteX38" fmla="*/ 1275255 w 3221845"/>
                  <a:gd name="connsiteY38" fmla="*/ 535998 h 1028295"/>
                  <a:gd name="connsiteX39" fmla="*/ 1208690 w 3221845"/>
                  <a:gd name="connsiteY39" fmla="*/ 458923 h 1028295"/>
                  <a:gd name="connsiteX40" fmla="*/ 1145628 w 3221845"/>
                  <a:gd name="connsiteY40" fmla="*/ 399363 h 1028295"/>
                  <a:gd name="connsiteX41" fmla="*/ 1079062 w 3221845"/>
                  <a:gd name="connsiteY41" fmla="*/ 318785 h 1028295"/>
                  <a:gd name="connsiteX42" fmla="*/ 914400 w 3221845"/>
                  <a:gd name="connsiteY42" fmla="*/ 392357 h 1028295"/>
                  <a:gd name="connsiteX43" fmla="*/ 735724 w 3221845"/>
                  <a:gd name="connsiteY43" fmla="*/ 395861 h 1028295"/>
                  <a:gd name="connsiteX44" fmla="*/ 658649 w 3221845"/>
                  <a:gd name="connsiteY44" fmla="*/ 343308 h 1028295"/>
                  <a:gd name="connsiteX45" fmla="*/ 606097 w 3221845"/>
                  <a:gd name="connsiteY45" fmla="*/ 262730 h 1028295"/>
                  <a:gd name="connsiteX46" fmla="*/ 581573 w 3221845"/>
                  <a:gd name="connsiteY46" fmla="*/ 196163 h 1028295"/>
                  <a:gd name="connsiteX47" fmla="*/ 536028 w 3221845"/>
                  <a:gd name="connsiteY47" fmla="*/ 129599 h 1028295"/>
                  <a:gd name="connsiteX48" fmla="*/ 360855 w 3221845"/>
                  <a:gd name="connsiteY48" fmla="*/ 70040 h 1028295"/>
                  <a:gd name="connsiteX49" fmla="*/ 269766 w 3221845"/>
                  <a:gd name="connsiteY49" fmla="*/ 80551 h 1028295"/>
                  <a:gd name="connsiteX50" fmla="*/ 168166 w 3221845"/>
                  <a:gd name="connsiteY50" fmla="*/ 17489 h 1028295"/>
                  <a:gd name="connsiteX51" fmla="*/ 78921 w 3221845"/>
                  <a:gd name="connsiteY51" fmla="*/ 22254 h 1028295"/>
                  <a:gd name="connsiteX52" fmla="*/ 38538 w 3221845"/>
                  <a:gd name="connsiteY52" fmla="*/ 59529 h 1028295"/>
                  <a:gd name="connsiteX53" fmla="*/ 25597 w 3221845"/>
                  <a:gd name="connsiteY53" fmla="*/ 118364 h 1028295"/>
                  <a:gd name="connsiteX54" fmla="*/ 0 w 3221845"/>
                  <a:gd name="connsiteY54" fmla="*/ 213681 h 1028295"/>
                  <a:gd name="connsiteX55" fmla="*/ 4190 w 3221845"/>
                  <a:gd name="connsiteY55"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2014483 w 3221845"/>
                  <a:gd name="connsiteY31" fmla="*/ 441406 h 1028295"/>
                  <a:gd name="connsiteX32" fmla="*/ 1888359 w 3221845"/>
                  <a:gd name="connsiteY32" fmla="*/ 578040 h 1028295"/>
                  <a:gd name="connsiteX33" fmla="*/ 1776249 w 3221845"/>
                  <a:gd name="connsiteY33" fmla="*/ 546509 h 1028295"/>
                  <a:gd name="connsiteX34" fmla="*/ 1706180 w 3221845"/>
                  <a:gd name="connsiteY34" fmla="*/ 514978 h 1028295"/>
                  <a:gd name="connsiteX35" fmla="*/ 1604549 w 3221845"/>
                  <a:gd name="connsiteY35" fmla="*/ 501412 h 1028295"/>
                  <a:gd name="connsiteX36" fmla="*/ 1502980 w 3221845"/>
                  <a:gd name="connsiteY36" fmla="*/ 550012 h 1028295"/>
                  <a:gd name="connsiteX37" fmla="*/ 1390869 w 3221845"/>
                  <a:gd name="connsiteY37" fmla="*/ 588551 h 1028295"/>
                  <a:gd name="connsiteX38" fmla="*/ 1275255 w 3221845"/>
                  <a:gd name="connsiteY38" fmla="*/ 535998 h 1028295"/>
                  <a:gd name="connsiteX39" fmla="*/ 1208690 w 3221845"/>
                  <a:gd name="connsiteY39" fmla="*/ 458923 h 1028295"/>
                  <a:gd name="connsiteX40" fmla="*/ 1145628 w 3221845"/>
                  <a:gd name="connsiteY40" fmla="*/ 399363 h 1028295"/>
                  <a:gd name="connsiteX41" fmla="*/ 1079062 w 3221845"/>
                  <a:gd name="connsiteY41" fmla="*/ 318785 h 1028295"/>
                  <a:gd name="connsiteX42" fmla="*/ 914400 w 3221845"/>
                  <a:gd name="connsiteY42" fmla="*/ 392357 h 1028295"/>
                  <a:gd name="connsiteX43" fmla="*/ 735724 w 3221845"/>
                  <a:gd name="connsiteY43" fmla="*/ 395861 h 1028295"/>
                  <a:gd name="connsiteX44" fmla="*/ 658649 w 3221845"/>
                  <a:gd name="connsiteY44" fmla="*/ 343308 h 1028295"/>
                  <a:gd name="connsiteX45" fmla="*/ 606097 w 3221845"/>
                  <a:gd name="connsiteY45" fmla="*/ 262730 h 1028295"/>
                  <a:gd name="connsiteX46" fmla="*/ 581573 w 3221845"/>
                  <a:gd name="connsiteY46" fmla="*/ 196163 h 1028295"/>
                  <a:gd name="connsiteX47" fmla="*/ 536028 w 3221845"/>
                  <a:gd name="connsiteY47" fmla="*/ 129599 h 1028295"/>
                  <a:gd name="connsiteX48" fmla="*/ 360855 w 3221845"/>
                  <a:gd name="connsiteY48" fmla="*/ 70040 h 1028295"/>
                  <a:gd name="connsiteX49" fmla="*/ 269766 w 3221845"/>
                  <a:gd name="connsiteY49" fmla="*/ 80551 h 1028295"/>
                  <a:gd name="connsiteX50" fmla="*/ 168166 w 3221845"/>
                  <a:gd name="connsiteY50" fmla="*/ 17489 h 1028295"/>
                  <a:gd name="connsiteX51" fmla="*/ 78921 w 3221845"/>
                  <a:gd name="connsiteY51" fmla="*/ 22254 h 1028295"/>
                  <a:gd name="connsiteX52" fmla="*/ 38538 w 3221845"/>
                  <a:gd name="connsiteY52" fmla="*/ 59529 h 1028295"/>
                  <a:gd name="connsiteX53" fmla="*/ 25597 w 3221845"/>
                  <a:gd name="connsiteY53" fmla="*/ 118364 h 1028295"/>
                  <a:gd name="connsiteX54" fmla="*/ 0 w 3221845"/>
                  <a:gd name="connsiteY54" fmla="*/ 213681 h 1028295"/>
                  <a:gd name="connsiteX55" fmla="*/ 4190 w 3221845"/>
                  <a:gd name="connsiteY55"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2014483 w 3221845"/>
                  <a:gd name="connsiteY31" fmla="*/ 441406 h 1028295"/>
                  <a:gd name="connsiteX32" fmla="*/ 1888359 w 3221845"/>
                  <a:gd name="connsiteY32" fmla="*/ 578040 h 1028295"/>
                  <a:gd name="connsiteX33" fmla="*/ 1776249 w 3221845"/>
                  <a:gd name="connsiteY33" fmla="*/ 546509 h 1028295"/>
                  <a:gd name="connsiteX34" fmla="*/ 1706180 w 3221845"/>
                  <a:gd name="connsiteY34" fmla="*/ 514978 h 1028295"/>
                  <a:gd name="connsiteX35" fmla="*/ 1604549 w 3221845"/>
                  <a:gd name="connsiteY35" fmla="*/ 501412 h 1028295"/>
                  <a:gd name="connsiteX36" fmla="*/ 1502980 w 3221845"/>
                  <a:gd name="connsiteY36" fmla="*/ 550012 h 1028295"/>
                  <a:gd name="connsiteX37" fmla="*/ 1390869 w 3221845"/>
                  <a:gd name="connsiteY37" fmla="*/ 588551 h 1028295"/>
                  <a:gd name="connsiteX38" fmla="*/ 1275255 w 3221845"/>
                  <a:gd name="connsiteY38" fmla="*/ 535998 h 1028295"/>
                  <a:gd name="connsiteX39" fmla="*/ 1208690 w 3221845"/>
                  <a:gd name="connsiteY39" fmla="*/ 458923 h 1028295"/>
                  <a:gd name="connsiteX40" fmla="*/ 1145628 w 3221845"/>
                  <a:gd name="connsiteY40" fmla="*/ 399363 h 1028295"/>
                  <a:gd name="connsiteX41" fmla="*/ 1079062 w 3221845"/>
                  <a:gd name="connsiteY41" fmla="*/ 318785 h 1028295"/>
                  <a:gd name="connsiteX42" fmla="*/ 914400 w 3221845"/>
                  <a:gd name="connsiteY42" fmla="*/ 392357 h 1028295"/>
                  <a:gd name="connsiteX43" fmla="*/ 735724 w 3221845"/>
                  <a:gd name="connsiteY43" fmla="*/ 395861 h 1028295"/>
                  <a:gd name="connsiteX44" fmla="*/ 658649 w 3221845"/>
                  <a:gd name="connsiteY44" fmla="*/ 343308 h 1028295"/>
                  <a:gd name="connsiteX45" fmla="*/ 606097 w 3221845"/>
                  <a:gd name="connsiteY45" fmla="*/ 262730 h 1028295"/>
                  <a:gd name="connsiteX46" fmla="*/ 581573 w 3221845"/>
                  <a:gd name="connsiteY46" fmla="*/ 196163 h 1028295"/>
                  <a:gd name="connsiteX47" fmla="*/ 536028 w 3221845"/>
                  <a:gd name="connsiteY47" fmla="*/ 129599 h 1028295"/>
                  <a:gd name="connsiteX48" fmla="*/ 360855 w 3221845"/>
                  <a:gd name="connsiteY48" fmla="*/ 70040 h 1028295"/>
                  <a:gd name="connsiteX49" fmla="*/ 269766 w 3221845"/>
                  <a:gd name="connsiteY49" fmla="*/ 80551 h 1028295"/>
                  <a:gd name="connsiteX50" fmla="*/ 168166 w 3221845"/>
                  <a:gd name="connsiteY50" fmla="*/ 17489 h 1028295"/>
                  <a:gd name="connsiteX51" fmla="*/ 78921 w 3221845"/>
                  <a:gd name="connsiteY51" fmla="*/ 22254 h 1028295"/>
                  <a:gd name="connsiteX52" fmla="*/ 38538 w 3221845"/>
                  <a:gd name="connsiteY52" fmla="*/ 59529 h 1028295"/>
                  <a:gd name="connsiteX53" fmla="*/ 25597 w 3221845"/>
                  <a:gd name="connsiteY53" fmla="*/ 118364 h 1028295"/>
                  <a:gd name="connsiteX54" fmla="*/ 0 w 3221845"/>
                  <a:gd name="connsiteY54" fmla="*/ 213681 h 1028295"/>
                  <a:gd name="connsiteX55" fmla="*/ 4190 w 3221845"/>
                  <a:gd name="connsiteY55"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123090 w 3221845"/>
                  <a:gd name="connsiteY30" fmla="*/ 322288 h 1028295"/>
                  <a:gd name="connsiteX31" fmla="*/ 2014483 w 3221845"/>
                  <a:gd name="connsiteY31" fmla="*/ 441406 h 1028295"/>
                  <a:gd name="connsiteX32" fmla="*/ 1888359 w 3221845"/>
                  <a:gd name="connsiteY32" fmla="*/ 578040 h 1028295"/>
                  <a:gd name="connsiteX33" fmla="*/ 1776249 w 3221845"/>
                  <a:gd name="connsiteY33" fmla="*/ 546509 h 1028295"/>
                  <a:gd name="connsiteX34" fmla="*/ 1706180 w 3221845"/>
                  <a:gd name="connsiteY34" fmla="*/ 514978 h 1028295"/>
                  <a:gd name="connsiteX35" fmla="*/ 1604549 w 3221845"/>
                  <a:gd name="connsiteY35" fmla="*/ 501412 h 1028295"/>
                  <a:gd name="connsiteX36" fmla="*/ 1502980 w 3221845"/>
                  <a:gd name="connsiteY36" fmla="*/ 550012 h 1028295"/>
                  <a:gd name="connsiteX37" fmla="*/ 1390869 w 3221845"/>
                  <a:gd name="connsiteY37" fmla="*/ 588551 h 1028295"/>
                  <a:gd name="connsiteX38" fmla="*/ 1275255 w 3221845"/>
                  <a:gd name="connsiteY38" fmla="*/ 535998 h 1028295"/>
                  <a:gd name="connsiteX39" fmla="*/ 1208690 w 3221845"/>
                  <a:gd name="connsiteY39" fmla="*/ 458923 h 1028295"/>
                  <a:gd name="connsiteX40" fmla="*/ 1145628 w 3221845"/>
                  <a:gd name="connsiteY40" fmla="*/ 399363 h 1028295"/>
                  <a:gd name="connsiteX41" fmla="*/ 1079062 w 3221845"/>
                  <a:gd name="connsiteY41" fmla="*/ 318785 h 1028295"/>
                  <a:gd name="connsiteX42" fmla="*/ 914400 w 3221845"/>
                  <a:gd name="connsiteY42" fmla="*/ 392357 h 1028295"/>
                  <a:gd name="connsiteX43" fmla="*/ 735724 w 3221845"/>
                  <a:gd name="connsiteY43" fmla="*/ 395861 h 1028295"/>
                  <a:gd name="connsiteX44" fmla="*/ 658649 w 3221845"/>
                  <a:gd name="connsiteY44" fmla="*/ 343308 h 1028295"/>
                  <a:gd name="connsiteX45" fmla="*/ 606097 w 3221845"/>
                  <a:gd name="connsiteY45" fmla="*/ 262730 h 1028295"/>
                  <a:gd name="connsiteX46" fmla="*/ 581573 w 3221845"/>
                  <a:gd name="connsiteY46" fmla="*/ 196163 h 1028295"/>
                  <a:gd name="connsiteX47" fmla="*/ 536028 w 3221845"/>
                  <a:gd name="connsiteY47" fmla="*/ 129599 h 1028295"/>
                  <a:gd name="connsiteX48" fmla="*/ 360855 w 3221845"/>
                  <a:gd name="connsiteY48" fmla="*/ 70040 h 1028295"/>
                  <a:gd name="connsiteX49" fmla="*/ 269766 w 3221845"/>
                  <a:gd name="connsiteY49" fmla="*/ 80551 h 1028295"/>
                  <a:gd name="connsiteX50" fmla="*/ 168166 w 3221845"/>
                  <a:gd name="connsiteY50" fmla="*/ 17489 h 1028295"/>
                  <a:gd name="connsiteX51" fmla="*/ 78921 w 3221845"/>
                  <a:gd name="connsiteY51" fmla="*/ 22254 h 1028295"/>
                  <a:gd name="connsiteX52" fmla="*/ 38538 w 3221845"/>
                  <a:gd name="connsiteY52" fmla="*/ 59529 h 1028295"/>
                  <a:gd name="connsiteX53" fmla="*/ 25597 w 3221845"/>
                  <a:gd name="connsiteY53" fmla="*/ 118364 h 1028295"/>
                  <a:gd name="connsiteX54" fmla="*/ 0 w 3221845"/>
                  <a:gd name="connsiteY54" fmla="*/ 213681 h 1028295"/>
                  <a:gd name="connsiteX55" fmla="*/ 4190 w 3221845"/>
                  <a:gd name="connsiteY55"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277242 w 3221845"/>
                  <a:gd name="connsiteY30" fmla="*/ 350316 h 1028295"/>
                  <a:gd name="connsiteX31" fmla="*/ 2123090 w 3221845"/>
                  <a:gd name="connsiteY31" fmla="*/ 322288 h 1028295"/>
                  <a:gd name="connsiteX32" fmla="*/ 2014483 w 3221845"/>
                  <a:gd name="connsiteY32" fmla="*/ 441406 h 1028295"/>
                  <a:gd name="connsiteX33" fmla="*/ 1888359 w 3221845"/>
                  <a:gd name="connsiteY33" fmla="*/ 578040 h 1028295"/>
                  <a:gd name="connsiteX34" fmla="*/ 1776249 w 3221845"/>
                  <a:gd name="connsiteY34" fmla="*/ 546509 h 1028295"/>
                  <a:gd name="connsiteX35" fmla="*/ 1706180 w 3221845"/>
                  <a:gd name="connsiteY35" fmla="*/ 514978 h 1028295"/>
                  <a:gd name="connsiteX36" fmla="*/ 1604549 w 3221845"/>
                  <a:gd name="connsiteY36" fmla="*/ 501412 h 1028295"/>
                  <a:gd name="connsiteX37" fmla="*/ 1502980 w 3221845"/>
                  <a:gd name="connsiteY37" fmla="*/ 550012 h 1028295"/>
                  <a:gd name="connsiteX38" fmla="*/ 1390869 w 3221845"/>
                  <a:gd name="connsiteY38" fmla="*/ 588551 h 1028295"/>
                  <a:gd name="connsiteX39" fmla="*/ 1275255 w 3221845"/>
                  <a:gd name="connsiteY39" fmla="*/ 535998 h 1028295"/>
                  <a:gd name="connsiteX40" fmla="*/ 1208690 w 3221845"/>
                  <a:gd name="connsiteY40" fmla="*/ 458923 h 1028295"/>
                  <a:gd name="connsiteX41" fmla="*/ 1145628 w 3221845"/>
                  <a:gd name="connsiteY41" fmla="*/ 399363 h 1028295"/>
                  <a:gd name="connsiteX42" fmla="*/ 1079062 w 3221845"/>
                  <a:gd name="connsiteY42" fmla="*/ 318785 h 1028295"/>
                  <a:gd name="connsiteX43" fmla="*/ 914400 w 3221845"/>
                  <a:gd name="connsiteY43" fmla="*/ 392357 h 1028295"/>
                  <a:gd name="connsiteX44" fmla="*/ 735724 w 3221845"/>
                  <a:gd name="connsiteY44" fmla="*/ 395861 h 1028295"/>
                  <a:gd name="connsiteX45" fmla="*/ 658649 w 3221845"/>
                  <a:gd name="connsiteY45" fmla="*/ 343308 h 1028295"/>
                  <a:gd name="connsiteX46" fmla="*/ 606097 w 3221845"/>
                  <a:gd name="connsiteY46" fmla="*/ 262730 h 1028295"/>
                  <a:gd name="connsiteX47" fmla="*/ 581573 w 3221845"/>
                  <a:gd name="connsiteY47" fmla="*/ 196163 h 1028295"/>
                  <a:gd name="connsiteX48" fmla="*/ 536028 w 3221845"/>
                  <a:gd name="connsiteY48" fmla="*/ 129599 h 1028295"/>
                  <a:gd name="connsiteX49" fmla="*/ 360855 w 3221845"/>
                  <a:gd name="connsiteY49" fmla="*/ 70040 h 1028295"/>
                  <a:gd name="connsiteX50" fmla="*/ 269766 w 3221845"/>
                  <a:gd name="connsiteY50" fmla="*/ 80551 h 1028295"/>
                  <a:gd name="connsiteX51" fmla="*/ 168166 w 3221845"/>
                  <a:gd name="connsiteY51" fmla="*/ 17489 h 1028295"/>
                  <a:gd name="connsiteX52" fmla="*/ 78921 w 3221845"/>
                  <a:gd name="connsiteY52" fmla="*/ 22254 h 1028295"/>
                  <a:gd name="connsiteX53" fmla="*/ 38538 w 3221845"/>
                  <a:gd name="connsiteY53" fmla="*/ 59529 h 1028295"/>
                  <a:gd name="connsiteX54" fmla="*/ 25597 w 3221845"/>
                  <a:gd name="connsiteY54" fmla="*/ 118364 h 1028295"/>
                  <a:gd name="connsiteX55" fmla="*/ 0 w 3221845"/>
                  <a:gd name="connsiteY55" fmla="*/ 213681 h 1028295"/>
                  <a:gd name="connsiteX56" fmla="*/ 4190 w 3221845"/>
                  <a:gd name="connsiteY56"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494455 w 3221845"/>
                  <a:gd name="connsiteY29" fmla="*/ 416882 h 1028295"/>
                  <a:gd name="connsiteX30" fmla="*/ 2424386 w 3221845"/>
                  <a:gd name="connsiteY30" fmla="*/ 409875 h 1028295"/>
                  <a:gd name="connsiteX31" fmla="*/ 2277242 w 3221845"/>
                  <a:gd name="connsiteY31" fmla="*/ 350316 h 1028295"/>
                  <a:gd name="connsiteX32" fmla="*/ 2123090 w 3221845"/>
                  <a:gd name="connsiteY32" fmla="*/ 322288 h 1028295"/>
                  <a:gd name="connsiteX33" fmla="*/ 2014483 w 3221845"/>
                  <a:gd name="connsiteY33" fmla="*/ 441406 h 1028295"/>
                  <a:gd name="connsiteX34" fmla="*/ 1888359 w 3221845"/>
                  <a:gd name="connsiteY34" fmla="*/ 578040 h 1028295"/>
                  <a:gd name="connsiteX35" fmla="*/ 1776249 w 3221845"/>
                  <a:gd name="connsiteY35" fmla="*/ 546509 h 1028295"/>
                  <a:gd name="connsiteX36" fmla="*/ 1706180 w 3221845"/>
                  <a:gd name="connsiteY36" fmla="*/ 514978 h 1028295"/>
                  <a:gd name="connsiteX37" fmla="*/ 1604549 w 3221845"/>
                  <a:gd name="connsiteY37" fmla="*/ 501412 h 1028295"/>
                  <a:gd name="connsiteX38" fmla="*/ 1502980 w 3221845"/>
                  <a:gd name="connsiteY38" fmla="*/ 550012 h 1028295"/>
                  <a:gd name="connsiteX39" fmla="*/ 1390869 w 3221845"/>
                  <a:gd name="connsiteY39" fmla="*/ 588551 h 1028295"/>
                  <a:gd name="connsiteX40" fmla="*/ 1275255 w 3221845"/>
                  <a:gd name="connsiteY40" fmla="*/ 535998 h 1028295"/>
                  <a:gd name="connsiteX41" fmla="*/ 1208690 w 3221845"/>
                  <a:gd name="connsiteY41" fmla="*/ 458923 h 1028295"/>
                  <a:gd name="connsiteX42" fmla="*/ 1145628 w 3221845"/>
                  <a:gd name="connsiteY42" fmla="*/ 399363 h 1028295"/>
                  <a:gd name="connsiteX43" fmla="*/ 1079062 w 3221845"/>
                  <a:gd name="connsiteY43" fmla="*/ 318785 h 1028295"/>
                  <a:gd name="connsiteX44" fmla="*/ 914400 w 3221845"/>
                  <a:gd name="connsiteY44" fmla="*/ 392357 h 1028295"/>
                  <a:gd name="connsiteX45" fmla="*/ 735724 w 3221845"/>
                  <a:gd name="connsiteY45" fmla="*/ 395861 h 1028295"/>
                  <a:gd name="connsiteX46" fmla="*/ 658649 w 3221845"/>
                  <a:gd name="connsiteY46" fmla="*/ 343308 h 1028295"/>
                  <a:gd name="connsiteX47" fmla="*/ 606097 w 3221845"/>
                  <a:gd name="connsiteY47" fmla="*/ 262730 h 1028295"/>
                  <a:gd name="connsiteX48" fmla="*/ 581573 w 3221845"/>
                  <a:gd name="connsiteY48" fmla="*/ 196163 h 1028295"/>
                  <a:gd name="connsiteX49" fmla="*/ 536028 w 3221845"/>
                  <a:gd name="connsiteY49" fmla="*/ 129599 h 1028295"/>
                  <a:gd name="connsiteX50" fmla="*/ 360855 w 3221845"/>
                  <a:gd name="connsiteY50" fmla="*/ 70040 h 1028295"/>
                  <a:gd name="connsiteX51" fmla="*/ 269766 w 3221845"/>
                  <a:gd name="connsiteY51" fmla="*/ 80551 h 1028295"/>
                  <a:gd name="connsiteX52" fmla="*/ 168166 w 3221845"/>
                  <a:gd name="connsiteY52" fmla="*/ 17489 h 1028295"/>
                  <a:gd name="connsiteX53" fmla="*/ 78921 w 3221845"/>
                  <a:gd name="connsiteY53" fmla="*/ 22254 h 1028295"/>
                  <a:gd name="connsiteX54" fmla="*/ 38538 w 3221845"/>
                  <a:gd name="connsiteY54" fmla="*/ 59529 h 1028295"/>
                  <a:gd name="connsiteX55" fmla="*/ 25597 w 3221845"/>
                  <a:gd name="connsiteY55" fmla="*/ 118364 h 1028295"/>
                  <a:gd name="connsiteX56" fmla="*/ 0 w 3221845"/>
                  <a:gd name="connsiteY56" fmla="*/ 213681 h 1028295"/>
                  <a:gd name="connsiteX57" fmla="*/ 4190 w 3221845"/>
                  <a:gd name="connsiteY57"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704662 w 3221845"/>
                  <a:gd name="connsiteY28" fmla="*/ 143612 h 1028295"/>
                  <a:gd name="connsiteX29" fmla="*/ 2603062 w 3221845"/>
                  <a:gd name="connsiteY29" fmla="*/ 290757 h 1028295"/>
                  <a:gd name="connsiteX30" fmla="*/ 2494455 w 3221845"/>
                  <a:gd name="connsiteY30" fmla="*/ 416882 h 1028295"/>
                  <a:gd name="connsiteX31" fmla="*/ 2424386 w 3221845"/>
                  <a:gd name="connsiteY31" fmla="*/ 409875 h 1028295"/>
                  <a:gd name="connsiteX32" fmla="*/ 2277242 w 3221845"/>
                  <a:gd name="connsiteY32" fmla="*/ 350316 h 1028295"/>
                  <a:gd name="connsiteX33" fmla="*/ 2123090 w 3221845"/>
                  <a:gd name="connsiteY33" fmla="*/ 322288 h 1028295"/>
                  <a:gd name="connsiteX34" fmla="*/ 2014483 w 3221845"/>
                  <a:gd name="connsiteY34" fmla="*/ 441406 h 1028295"/>
                  <a:gd name="connsiteX35" fmla="*/ 1888359 w 3221845"/>
                  <a:gd name="connsiteY35" fmla="*/ 578040 h 1028295"/>
                  <a:gd name="connsiteX36" fmla="*/ 1776249 w 3221845"/>
                  <a:gd name="connsiteY36" fmla="*/ 546509 h 1028295"/>
                  <a:gd name="connsiteX37" fmla="*/ 1706180 w 3221845"/>
                  <a:gd name="connsiteY37" fmla="*/ 514978 h 1028295"/>
                  <a:gd name="connsiteX38" fmla="*/ 1604549 w 3221845"/>
                  <a:gd name="connsiteY38" fmla="*/ 501412 h 1028295"/>
                  <a:gd name="connsiteX39" fmla="*/ 1502980 w 3221845"/>
                  <a:gd name="connsiteY39" fmla="*/ 550012 h 1028295"/>
                  <a:gd name="connsiteX40" fmla="*/ 1390869 w 3221845"/>
                  <a:gd name="connsiteY40" fmla="*/ 588551 h 1028295"/>
                  <a:gd name="connsiteX41" fmla="*/ 1275255 w 3221845"/>
                  <a:gd name="connsiteY41" fmla="*/ 535998 h 1028295"/>
                  <a:gd name="connsiteX42" fmla="*/ 1208690 w 3221845"/>
                  <a:gd name="connsiteY42" fmla="*/ 458923 h 1028295"/>
                  <a:gd name="connsiteX43" fmla="*/ 1145628 w 3221845"/>
                  <a:gd name="connsiteY43" fmla="*/ 399363 h 1028295"/>
                  <a:gd name="connsiteX44" fmla="*/ 1079062 w 3221845"/>
                  <a:gd name="connsiteY44" fmla="*/ 318785 h 1028295"/>
                  <a:gd name="connsiteX45" fmla="*/ 914400 w 3221845"/>
                  <a:gd name="connsiteY45" fmla="*/ 392357 h 1028295"/>
                  <a:gd name="connsiteX46" fmla="*/ 735724 w 3221845"/>
                  <a:gd name="connsiteY46" fmla="*/ 395861 h 1028295"/>
                  <a:gd name="connsiteX47" fmla="*/ 658649 w 3221845"/>
                  <a:gd name="connsiteY47" fmla="*/ 343308 h 1028295"/>
                  <a:gd name="connsiteX48" fmla="*/ 606097 w 3221845"/>
                  <a:gd name="connsiteY48" fmla="*/ 262730 h 1028295"/>
                  <a:gd name="connsiteX49" fmla="*/ 581573 w 3221845"/>
                  <a:gd name="connsiteY49" fmla="*/ 196163 h 1028295"/>
                  <a:gd name="connsiteX50" fmla="*/ 536028 w 3221845"/>
                  <a:gd name="connsiteY50" fmla="*/ 129599 h 1028295"/>
                  <a:gd name="connsiteX51" fmla="*/ 360855 w 3221845"/>
                  <a:gd name="connsiteY51" fmla="*/ 70040 h 1028295"/>
                  <a:gd name="connsiteX52" fmla="*/ 269766 w 3221845"/>
                  <a:gd name="connsiteY52" fmla="*/ 80551 h 1028295"/>
                  <a:gd name="connsiteX53" fmla="*/ 168166 w 3221845"/>
                  <a:gd name="connsiteY53" fmla="*/ 17489 h 1028295"/>
                  <a:gd name="connsiteX54" fmla="*/ 78921 w 3221845"/>
                  <a:gd name="connsiteY54" fmla="*/ 22254 h 1028295"/>
                  <a:gd name="connsiteX55" fmla="*/ 38538 w 3221845"/>
                  <a:gd name="connsiteY55" fmla="*/ 59529 h 1028295"/>
                  <a:gd name="connsiteX56" fmla="*/ 25597 w 3221845"/>
                  <a:gd name="connsiteY56" fmla="*/ 118364 h 1028295"/>
                  <a:gd name="connsiteX57" fmla="*/ 0 w 3221845"/>
                  <a:gd name="connsiteY57" fmla="*/ 213681 h 1028295"/>
                  <a:gd name="connsiteX58" fmla="*/ 4190 w 3221845"/>
                  <a:gd name="connsiteY58" fmla="*/ 301191 h 1028295"/>
                  <a:gd name="connsiteX0" fmla="*/ 4190 w 3221845"/>
                  <a:gd name="connsiteY0" fmla="*/ 301191 h 1028295"/>
                  <a:gd name="connsiteX1" fmla="*/ 217214 w 3221845"/>
                  <a:gd name="connsiteY1" fmla="*/ 399363 h 1028295"/>
                  <a:gd name="connsiteX2" fmla="*/ 346842 w 3221845"/>
                  <a:gd name="connsiteY2" fmla="*/ 399363 h 1028295"/>
                  <a:gd name="connsiteX3" fmla="*/ 434428 w 3221845"/>
                  <a:gd name="connsiteY3" fmla="*/ 514977 h 1028295"/>
                  <a:gd name="connsiteX4" fmla="*/ 557049 w 3221845"/>
                  <a:gd name="connsiteY4" fmla="*/ 630591 h 1028295"/>
                  <a:gd name="connsiteX5" fmla="*/ 760249 w 3221845"/>
                  <a:gd name="connsiteY5" fmla="*/ 665625 h 1028295"/>
                  <a:gd name="connsiteX6" fmla="*/ 959946 w 3221845"/>
                  <a:gd name="connsiteY6" fmla="*/ 655116 h 1028295"/>
                  <a:gd name="connsiteX7" fmla="*/ 1051035 w 3221845"/>
                  <a:gd name="connsiteY7" fmla="*/ 683143 h 1028295"/>
                  <a:gd name="connsiteX8" fmla="*/ 1156138 w 3221845"/>
                  <a:gd name="connsiteY8" fmla="*/ 753212 h 1028295"/>
                  <a:gd name="connsiteX9" fmla="*/ 1194676 w 3221845"/>
                  <a:gd name="connsiteY9" fmla="*/ 851308 h 1028295"/>
                  <a:gd name="connsiteX10" fmla="*/ 1331311 w 3221845"/>
                  <a:gd name="connsiteY10" fmla="*/ 910867 h 1028295"/>
                  <a:gd name="connsiteX11" fmla="*/ 1436414 w 3221845"/>
                  <a:gd name="connsiteY11" fmla="*/ 980936 h 1028295"/>
                  <a:gd name="connsiteX12" fmla="*/ 1594038 w 3221845"/>
                  <a:gd name="connsiteY12" fmla="*/ 1028295 h 1028295"/>
                  <a:gd name="connsiteX13" fmla="*/ 1723697 w 3221845"/>
                  <a:gd name="connsiteY13" fmla="*/ 977432 h 1028295"/>
                  <a:gd name="connsiteX14" fmla="*/ 1846317 w 3221845"/>
                  <a:gd name="connsiteY14" fmla="*/ 931888 h 1028295"/>
                  <a:gd name="connsiteX15" fmla="*/ 1930400 w 3221845"/>
                  <a:gd name="connsiteY15" fmla="*/ 861819 h 1028295"/>
                  <a:gd name="connsiteX16" fmla="*/ 2039007 w 3221845"/>
                  <a:gd name="connsiteY16" fmla="*/ 809267 h 1028295"/>
                  <a:gd name="connsiteX17" fmla="*/ 2182649 w 3221845"/>
                  <a:gd name="connsiteY17" fmla="*/ 693653 h 1028295"/>
                  <a:gd name="connsiteX18" fmla="*/ 2294759 w 3221845"/>
                  <a:gd name="connsiteY18" fmla="*/ 644606 h 1028295"/>
                  <a:gd name="connsiteX19" fmla="*/ 2427890 w 3221845"/>
                  <a:gd name="connsiteY19" fmla="*/ 679639 h 1028295"/>
                  <a:gd name="connsiteX20" fmla="*/ 2585545 w 3221845"/>
                  <a:gd name="connsiteY20" fmla="*/ 637598 h 1028295"/>
                  <a:gd name="connsiteX21" fmla="*/ 2760717 w 3221845"/>
                  <a:gd name="connsiteY21" fmla="*/ 511474 h 1028295"/>
                  <a:gd name="connsiteX22" fmla="*/ 2886842 w 3221845"/>
                  <a:gd name="connsiteY22" fmla="*/ 409874 h 1028295"/>
                  <a:gd name="connsiteX23" fmla="*/ 3104055 w 3221845"/>
                  <a:gd name="connsiteY23" fmla="*/ 409874 h 1028295"/>
                  <a:gd name="connsiteX24" fmla="*/ 3221845 w 3221845"/>
                  <a:gd name="connsiteY24" fmla="*/ 332723 h 1028295"/>
                  <a:gd name="connsiteX25" fmla="*/ 3207251 w 3221845"/>
                  <a:gd name="connsiteY25" fmla="*/ 156613 h 1028295"/>
                  <a:gd name="connsiteX26" fmla="*/ 3171541 w 3221845"/>
                  <a:gd name="connsiteY26" fmla="*/ 4543 h 1028295"/>
                  <a:gd name="connsiteX27" fmla="*/ 2949904 w 3221845"/>
                  <a:gd name="connsiteY27" fmla="*/ 42013 h 1028295"/>
                  <a:gd name="connsiteX28" fmla="*/ 2827283 w 3221845"/>
                  <a:gd name="connsiteY28" fmla="*/ 115585 h 1028295"/>
                  <a:gd name="connsiteX29" fmla="*/ 2704662 w 3221845"/>
                  <a:gd name="connsiteY29" fmla="*/ 143612 h 1028295"/>
                  <a:gd name="connsiteX30" fmla="*/ 2603062 w 3221845"/>
                  <a:gd name="connsiteY30" fmla="*/ 290757 h 1028295"/>
                  <a:gd name="connsiteX31" fmla="*/ 2494455 w 3221845"/>
                  <a:gd name="connsiteY31" fmla="*/ 416882 h 1028295"/>
                  <a:gd name="connsiteX32" fmla="*/ 2424386 w 3221845"/>
                  <a:gd name="connsiteY32" fmla="*/ 409875 h 1028295"/>
                  <a:gd name="connsiteX33" fmla="*/ 2277242 w 3221845"/>
                  <a:gd name="connsiteY33" fmla="*/ 350316 h 1028295"/>
                  <a:gd name="connsiteX34" fmla="*/ 2123090 w 3221845"/>
                  <a:gd name="connsiteY34" fmla="*/ 322288 h 1028295"/>
                  <a:gd name="connsiteX35" fmla="*/ 2014483 w 3221845"/>
                  <a:gd name="connsiteY35" fmla="*/ 441406 h 1028295"/>
                  <a:gd name="connsiteX36" fmla="*/ 1888359 w 3221845"/>
                  <a:gd name="connsiteY36" fmla="*/ 578040 h 1028295"/>
                  <a:gd name="connsiteX37" fmla="*/ 1776249 w 3221845"/>
                  <a:gd name="connsiteY37" fmla="*/ 546509 h 1028295"/>
                  <a:gd name="connsiteX38" fmla="*/ 1706180 w 3221845"/>
                  <a:gd name="connsiteY38" fmla="*/ 514978 h 1028295"/>
                  <a:gd name="connsiteX39" fmla="*/ 1604549 w 3221845"/>
                  <a:gd name="connsiteY39" fmla="*/ 501412 h 1028295"/>
                  <a:gd name="connsiteX40" fmla="*/ 1502980 w 3221845"/>
                  <a:gd name="connsiteY40" fmla="*/ 550012 h 1028295"/>
                  <a:gd name="connsiteX41" fmla="*/ 1390869 w 3221845"/>
                  <a:gd name="connsiteY41" fmla="*/ 588551 h 1028295"/>
                  <a:gd name="connsiteX42" fmla="*/ 1275255 w 3221845"/>
                  <a:gd name="connsiteY42" fmla="*/ 535998 h 1028295"/>
                  <a:gd name="connsiteX43" fmla="*/ 1208690 w 3221845"/>
                  <a:gd name="connsiteY43" fmla="*/ 458923 h 1028295"/>
                  <a:gd name="connsiteX44" fmla="*/ 1145628 w 3221845"/>
                  <a:gd name="connsiteY44" fmla="*/ 399363 h 1028295"/>
                  <a:gd name="connsiteX45" fmla="*/ 1079062 w 3221845"/>
                  <a:gd name="connsiteY45" fmla="*/ 318785 h 1028295"/>
                  <a:gd name="connsiteX46" fmla="*/ 914400 w 3221845"/>
                  <a:gd name="connsiteY46" fmla="*/ 392357 h 1028295"/>
                  <a:gd name="connsiteX47" fmla="*/ 735724 w 3221845"/>
                  <a:gd name="connsiteY47" fmla="*/ 395861 h 1028295"/>
                  <a:gd name="connsiteX48" fmla="*/ 658649 w 3221845"/>
                  <a:gd name="connsiteY48" fmla="*/ 343308 h 1028295"/>
                  <a:gd name="connsiteX49" fmla="*/ 606097 w 3221845"/>
                  <a:gd name="connsiteY49" fmla="*/ 262730 h 1028295"/>
                  <a:gd name="connsiteX50" fmla="*/ 581573 w 3221845"/>
                  <a:gd name="connsiteY50" fmla="*/ 196163 h 1028295"/>
                  <a:gd name="connsiteX51" fmla="*/ 536028 w 3221845"/>
                  <a:gd name="connsiteY51" fmla="*/ 129599 h 1028295"/>
                  <a:gd name="connsiteX52" fmla="*/ 360855 w 3221845"/>
                  <a:gd name="connsiteY52" fmla="*/ 70040 h 1028295"/>
                  <a:gd name="connsiteX53" fmla="*/ 269766 w 3221845"/>
                  <a:gd name="connsiteY53" fmla="*/ 80551 h 1028295"/>
                  <a:gd name="connsiteX54" fmla="*/ 168166 w 3221845"/>
                  <a:gd name="connsiteY54" fmla="*/ 17489 h 1028295"/>
                  <a:gd name="connsiteX55" fmla="*/ 78921 w 3221845"/>
                  <a:gd name="connsiteY55" fmla="*/ 22254 h 1028295"/>
                  <a:gd name="connsiteX56" fmla="*/ 38538 w 3221845"/>
                  <a:gd name="connsiteY56" fmla="*/ 59529 h 1028295"/>
                  <a:gd name="connsiteX57" fmla="*/ 25597 w 3221845"/>
                  <a:gd name="connsiteY57" fmla="*/ 118364 h 1028295"/>
                  <a:gd name="connsiteX58" fmla="*/ 0 w 3221845"/>
                  <a:gd name="connsiteY58" fmla="*/ 213681 h 1028295"/>
                  <a:gd name="connsiteX59" fmla="*/ 4190 w 3221845"/>
                  <a:gd name="connsiteY59" fmla="*/ 301191 h 1028295"/>
                  <a:gd name="connsiteX0" fmla="*/ 4190 w 3221845"/>
                  <a:gd name="connsiteY0" fmla="*/ 320944 h 1048048"/>
                  <a:gd name="connsiteX1" fmla="*/ 217214 w 3221845"/>
                  <a:gd name="connsiteY1" fmla="*/ 419116 h 1048048"/>
                  <a:gd name="connsiteX2" fmla="*/ 346842 w 3221845"/>
                  <a:gd name="connsiteY2" fmla="*/ 419116 h 1048048"/>
                  <a:gd name="connsiteX3" fmla="*/ 434428 w 3221845"/>
                  <a:gd name="connsiteY3" fmla="*/ 534730 h 1048048"/>
                  <a:gd name="connsiteX4" fmla="*/ 557049 w 3221845"/>
                  <a:gd name="connsiteY4" fmla="*/ 650344 h 1048048"/>
                  <a:gd name="connsiteX5" fmla="*/ 760249 w 3221845"/>
                  <a:gd name="connsiteY5" fmla="*/ 685378 h 1048048"/>
                  <a:gd name="connsiteX6" fmla="*/ 959946 w 3221845"/>
                  <a:gd name="connsiteY6" fmla="*/ 674869 h 1048048"/>
                  <a:gd name="connsiteX7" fmla="*/ 1051035 w 3221845"/>
                  <a:gd name="connsiteY7" fmla="*/ 702896 h 1048048"/>
                  <a:gd name="connsiteX8" fmla="*/ 1156138 w 3221845"/>
                  <a:gd name="connsiteY8" fmla="*/ 772965 h 1048048"/>
                  <a:gd name="connsiteX9" fmla="*/ 1194676 w 3221845"/>
                  <a:gd name="connsiteY9" fmla="*/ 871061 h 1048048"/>
                  <a:gd name="connsiteX10" fmla="*/ 1331311 w 3221845"/>
                  <a:gd name="connsiteY10" fmla="*/ 930620 h 1048048"/>
                  <a:gd name="connsiteX11" fmla="*/ 1436414 w 3221845"/>
                  <a:gd name="connsiteY11" fmla="*/ 1000689 h 1048048"/>
                  <a:gd name="connsiteX12" fmla="*/ 1594038 w 3221845"/>
                  <a:gd name="connsiteY12" fmla="*/ 1048048 h 1048048"/>
                  <a:gd name="connsiteX13" fmla="*/ 1723697 w 3221845"/>
                  <a:gd name="connsiteY13" fmla="*/ 997185 h 1048048"/>
                  <a:gd name="connsiteX14" fmla="*/ 1846317 w 3221845"/>
                  <a:gd name="connsiteY14" fmla="*/ 951641 h 1048048"/>
                  <a:gd name="connsiteX15" fmla="*/ 1930400 w 3221845"/>
                  <a:gd name="connsiteY15" fmla="*/ 881572 h 1048048"/>
                  <a:gd name="connsiteX16" fmla="*/ 2039007 w 3221845"/>
                  <a:gd name="connsiteY16" fmla="*/ 829020 h 1048048"/>
                  <a:gd name="connsiteX17" fmla="*/ 2182649 w 3221845"/>
                  <a:gd name="connsiteY17" fmla="*/ 713406 h 1048048"/>
                  <a:gd name="connsiteX18" fmla="*/ 2294759 w 3221845"/>
                  <a:gd name="connsiteY18" fmla="*/ 664359 h 1048048"/>
                  <a:gd name="connsiteX19" fmla="*/ 2427890 w 3221845"/>
                  <a:gd name="connsiteY19" fmla="*/ 699392 h 1048048"/>
                  <a:gd name="connsiteX20" fmla="*/ 2585545 w 3221845"/>
                  <a:gd name="connsiteY20" fmla="*/ 657351 h 1048048"/>
                  <a:gd name="connsiteX21" fmla="*/ 2760717 w 3221845"/>
                  <a:gd name="connsiteY21" fmla="*/ 531227 h 1048048"/>
                  <a:gd name="connsiteX22" fmla="*/ 2886842 w 3221845"/>
                  <a:gd name="connsiteY22" fmla="*/ 429627 h 1048048"/>
                  <a:gd name="connsiteX23" fmla="*/ 3104055 w 3221845"/>
                  <a:gd name="connsiteY23" fmla="*/ 429627 h 1048048"/>
                  <a:gd name="connsiteX24" fmla="*/ 3221845 w 3221845"/>
                  <a:gd name="connsiteY24" fmla="*/ 352476 h 1048048"/>
                  <a:gd name="connsiteX25" fmla="*/ 3207251 w 3221845"/>
                  <a:gd name="connsiteY25" fmla="*/ 176366 h 1048048"/>
                  <a:gd name="connsiteX26" fmla="*/ 3171541 w 3221845"/>
                  <a:gd name="connsiteY26" fmla="*/ 24296 h 1048048"/>
                  <a:gd name="connsiteX27" fmla="*/ 2995449 w 3221845"/>
                  <a:gd name="connsiteY27" fmla="*/ 2207 h 1048048"/>
                  <a:gd name="connsiteX28" fmla="*/ 2949904 w 3221845"/>
                  <a:gd name="connsiteY28" fmla="*/ 61766 h 1048048"/>
                  <a:gd name="connsiteX29" fmla="*/ 2827283 w 3221845"/>
                  <a:gd name="connsiteY29" fmla="*/ 135338 h 1048048"/>
                  <a:gd name="connsiteX30" fmla="*/ 2704662 w 3221845"/>
                  <a:gd name="connsiteY30" fmla="*/ 163365 h 1048048"/>
                  <a:gd name="connsiteX31" fmla="*/ 2603062 w 3221845"/>
                  <a:gd name="connsiteY31" fmla="*/ 310510 h 1048048"/>
                  <a:gd name="connsiteX32" fmla="*/ 2494455 w 3221845"/>
                  <a:gd name="connsiteY32" fmla="*/ 436635 h 1048048"/>
                  <a:gd name="connsiteX33" fmla="*/ 2424386 w 3221845"/>
                  <a:gd name="connsiteY33" fmla="*/ 429628 h 1048048"/>
                  <a:gd name="connsiteX34" fmla="*/ 2277242 w 3221845"/>
                  <a:gd name="connsiteY34" fmla="*/ 370069 h 1048048"/>
                  <a:gd name="connsiteX35" fmla="*/ 2123090 w 3221845"/>
                  <a:gd name="connsiteY35" fmla="*/ 342041 h 1048048"/>
                  <a:gd name="connsiteX36" fmla="*/ 2014483 w 3221845"/>
                  <a:gd name="connsiteY36" fmla="*/ 461159 h 1048048"/>
                  <a:gd name="connsiteX37" fmla="*/ 1888359 w 3221845"/>
                  <a:gd name="connsiteY37" fmla="*/ 597793 h 1048048"/>
                  <a:gd name="connsiteX38" fmla="*/ 1776249 w 3221845"/>
                  <a:gd name="connsiteY38" fmla="*/ 566262 h 1048048"/>
                  <a:gd name="connsiteX39" fmla="*/ 1706180 w 3221845"/>
                  <a:gd name="connsiteY39" fmla="*/ 534731 h 1048048"/>
                  <a:gd name="connsiteX40" fmla="*/ 1604549 w 3221845"/>
                  <a:gd name="connsiteY40" fmla="*/ 521165 h 1048048"/>
                  <a:gd name="connsiteX41" fmla="*/ 1502980 w 3221845"/>
                  <a:gd name="connsiteY41" fmla="*/ 569765 h 1048048"/>
                  <a:gd name="connsiteX42" fmla="*/ 1390869 w 3221845"/>
                  <a:gd name="connsiteY42" fmla="*/ 608304 h 1048048"/>
                  <a:gd name="connsiteX43" fmla="*/ 1275255 w 3221845"/>
                  <a:gd name="connsiteY43" fmla="*/ 555751 h 1048048"/>
                  <a:gd name="connsiteX44" fmla="*/ 1208690 w 3221845"/>
                  <a:gd name="connsiteY44" fmla="*/ 478676 h 1048048"/>
                  <a:gd name="connsiteX45" fmla="*/ 1145628 w 3221845"/>
                  <a:gd name="connsiteY45" fmla="*/ 419116 h 1048048"/>
                  <a:gd name="connsiteX46" fmla="*/ 1079062 w 3221845"/>
                  <a:gd name="connsiteY46" fmla="*/ 338538 h 1048048"/>
                  <a:gd name="connsiteX47" fmla="*/ 914400 w 3221845"/>
                  <a:gd name="connsiteY47" fmla="*/ 412110 h 1048048"/>
                  <a:gd name="connsiteX48" fmla="*/ 735724 w 3221845"/>
                  <a:gd name="connsiteY48" fmla="*/ 415614 h 1048048"/>
                  <a:gd name="connsiteX49" fmla="*/ 658649 w 3221845"/>
                  <a:gd name="connsiteY49" fmla="*/ 363061 h 1048048"/>
                  <a:gd name="connsiteX50" fmla="*/ 606097 w 3221845"/>
                  <a:gd name="connsiteY50" fmla="*/ 282483 h 1048048"/>
                  <a:gd name="connsiteX51" fmla="*/ 581573 w 3221845"/>
                  <a:gd name="connsiteY51" fmla="*/ 215916 h 1048048"/>
                  <a:gd name="connsiteX52" fmla="*/ 536028 w 3221845"/>
                  <a:gd name="connsiteY52" fmla="*/ 149352 h 1048048"/>
                  <a:gd name="connsiteX53" fmla="*/ 360855 w 3221845"/>
                  <a:gd name="connsiteY53" fmla="*/ 89793 h 1048048"/>
                  <a:gd name="connsiteX54" fmla="*/ 269766 w 3221845"/>
                  <a:gd name="connsiteY54" fmla="*/ 100304 h 1048048"/>
                  <a:gd name="connsiteX55" fmla="*/ 168166 w 3221845"/>
                  <a:gd name="connsiteY55" fmla="*/ 37242 h 1048048"/>
                  <a:gd name="connsiteX56" fmla="*/ 78921 w 3221845"/>
                  <a:gd name="connsiteY56" fmla="*/ 42007 h 1048048"/>
                  <a:gd name="connsiteX57" fmla="*/ 38538 w 3221845"/>
                  <a:gd name="connsiteY57" fmla="*/ 79282 h 1048048"/>
                  <a:gd name="connsiteX58" fmla="*/ 25597 w 3221845"/>
                  <a:gd name="connsiteY58" fmla="*/ 138117 h 1048048"/>
                  <a:gd name="connsiteX59" fmla="*/ 0 w 3221845"/>
                  <a:gd name="connsiteY59" fmla="*/ 233434 h 1048048"/>
                  <a:gd name="connsiteX60" fmla="*/ 4190 w 3221845"/>
                  <a:gd name="connsiteY60" fmla="*/ 320944 h 1048048"/>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594038 w 3221845"/>
                  <a:gd name="connsiteY12" fmla="*/ 1047191 h 1047191"/>
                  <a:gd name="connsiteX13" fmla="*/ 1723697 w 3221845"/>
                  <a:gd name="connsiteY13" fmla="*/ 996328 h 1047191"/>
                  <a:gd name="connsiteX14" fmla="*/ 1846317 w 3221845"/>
                  <a:gd name="connsiteY14" fmla="*/ 950784 h 1047191"/>
                  <a:gd name="connsiteX15" fmla="*/ 1930400 w 3221845"/>
                  <a:gd name="connsiteY15" fmla="*/ 880715 h 1047191"/>
                  <a:gd name="connsiteX16" fmla="*/ 2039007 w 3221845"/>
                  <a:gd name="connsiteY16" fmla="*/ 828163 h 1047191"/>
                  <a:gd name="connsiteX17" fmla="*/ 2182649 w 3221845"/>
                  <a:gd name="connsiteY17" fmla="*/ 712549 h 1047191"/>
                  <a:gd name="connsiteX18" fmla="*/ 2294759 w 3221845"/>
                  <a:gd name="connsiteY18" fmla="*/ 663502 h 1047191"/>
                  <a:gd name="connsiteX19" fmla="*/ 2427890 w 3221845"/>
                  <a:gd name="connsiteY19" fmla="*/ 698535 h 1047191"/>
                  <a:gd name="connsiteX20" fmla="*/ 2585545 w 3221845"/>
                  <a:gd name="connsiteY20" fmla="*/ 656494 h 1047191"/>
                  <a:gd name="connsiteX21" fmla="*/ 2760717 w 3221845"/>
                  <a:gd name="connsiteY21" fmla="*/ 530370 h 1047191"/>
                  <a:gd name="connsiteX22" fmla="*/ 2886842 w 3221845"/>
                  <a:gd name="connsiteY22" fmla="*/ 428770 h 1047191"/>
                  <a:gd name="connsiteX23" fmla="*/ 3104055 w 3221845"/>
                  <a:gd name="connsiteY23" fmla="*/ 428770 h 1047191"/>
                  <a:gd name="connsiteX24" fmla="*/ 3221845 w 3221845"/>
                  <a:gd name="connsiteY24" fmla="*/ 351619 h 1047191"/>
                  <a:gd name="connsiteX25" fmla="*/ 3207251 w 3221845"/>
                  <a:gd name="connsiteY25" fmla="*/ 175509 h 1047191"/>
                  <a:gd name="connsiteX26" fmla="*/ 3171541 w 3221845"/>
                  <a:gd name="connsiteY26" fmla="*/ 23439 h 1047191"/>
                  <a:gd name="connsiteX27" fmla="*/ 3086538 w 3221845"/>
                  <a:gd name="connsiteY27" fmla="*/ 32881 h 1047191"/>
                  <a:gd name="connsiteX28" fmla="*/ 2995449 w 3221845"/>
                  <a:gd name="connsiteY28" fmla="*/ 1350 h 1047191"/>
                  <a:gd name="connsiteX29" fmla="*/ 2949904 w 3221845"/>
                  <a:gd name="connsiteY29" fmla="*/ 60909 h 1047191"/>
                  <a:gd name="connsiteX30" fmla="*/ 2827283 w 3221845"/>
                  <a:gd name="connsiteY30" fmla="*/ 134481 h 1047191"/>
                  <a:gd name="connsiteX31" fmla="*/ 2704662 w 3221845"/>
                  <a:gd name="connsiteY31" fmla="*/ 162508 h 1047191"/>
                  <a:gd name="connsiteX32" fmla="*/ 2603062 w 3221845"/>
                  <a:gd name="connsiteY32" fmla="*/ 309653 h 1047191"/>
                  <a:gd name="connsiteX33" fmla="*/ 2494455 w 3221845"/>
                  <a:gd name="connsiteY33" fmla="*/ 435778 h 1047191"/>
                  <a:gd name="connsiteX34" fmla="*/ 2424386 w 3221845"/>
                  <a:gd name="connsiteY34" fmla="*/ 428771 h 1047191"/>
                  <a:gd name="connsiteX35" fmla="*/ 2277242 w 3221845"/>
                  <a:gd name="connsiteY35" fmla="*/ 369212 h 1047191"/>
                  <a:gd name="connsiteX36" fmla="*/ 2123090 w 3221845"/>
                  <a:gd name="connsiteY36" fmla="*/ 341184 h 1047191"/>
                  <a:gd name="connsiteX37" fmla="*/ 2014483 w 3221845"/>
                  <a:gd name="connsiteY37" fmla="*/ 460302 h 1047191"/>
                  <a:gd name="connsiteX38" fmla="*/ 1888359 w 3221845"/>
                  <a:gd name="connsiteY38" fmla="*/ 596936 h 1047191"/>
                  <a:gd name="connsiteX39" fmla="*/ 1776249 w 3221845"/>
                  <a:gd name="connsiteY39" fmla="*/ 565405 h 1047191"/>
                  <a:gd name="connsiteX40" fmla="*/ 1706180 w 3221845"/>
                  <a:gd name="connsiteY40" fmla="*/ 533874 h 1047191"/>
                  <a:gd name="connsiteX41" fmla="*/ 1604549 w 3221845"/>
                  <a:gd name="connsiteY41" fmla="*/ 520308 h 1047191"/>
                  <a:gd name="connsiteX42" fmla="*/ 1502980 w 3221845"/>
                  <a:gd name="connsiteY42" fmla="*/ 568908 h 1047191"/>
                  <a:gd name="connsiteX43" fmla="*/ 1390869 w 3221845"/>
                  <a:gd name="connsiteY43" fmla="*/ 607447 h 1047191"/>
                  <a:gd name="connsiteX44" fmla="*/ 1275255 w 3221845"/>
                  <a:gd name="connsiteY44" fmla="*/ 554894 h 1047191"/>
                  <a:gd name="connsiteX45" fmla="*/ 1208690 w 3221845"/>
                  <a:gd name="connsiteY45" fmla="*/ 477819 h 1047191"/>
                  <a:gd name="connsiteX46" fmla="*/ 1145628 w 3221845"/>
                  <a:gd name="connsiteY46" fmla="*/ 418259 h 1047191"/>
                  <a:gd name="connsiteX47" fmla="*/ 1079062 w 3221845"/>
                  <a:gd name="connsiteY47" fmla="*/ 337681 h 1047191"/>
                  <a:gd name="connsiteX48" fmla="*/ 914400 w 3221845"/>
                  <a:gd name="connsiteY48" fmla="*/ 411253 h 1047191"/>
                  <a:gd name="connsiteX49" fmla="*/ 735724 w 3221845"/>
                  <a:gd name="connsiteY49" fmla="*/ 414757 h 1047191"/>
                  <a:gd name="connsiteX50" fmla="*/ 658649 w 3221845"/>
                  <a:gd name="connsiteY50" fmla="*/ 362204 h 1047191"/>
                  <a:gd name="connsiteX51" fmla="*/ 606097 w 3221845"/>
                  <a:gd name="connsiteY51" fmla="*/ 281626 h 1047191"/>
                  <a:gd name="connsiteX52" fmla="*/ 581573 w 3221845"/>
                  <a:gd name="connsiteY52" fmla="*/ 215059 h 1047191"/>
                  <a:gd name="connsiteX53" fmla="*/ 536028 w 3221845"/>
                  <a:gd name="connsiteY53" fmla="*/ 148495 h 1047191"/>
                  <a:gd name="connsiteX54" fmla="*/ 360855 w 3221845"/>
                  <a:gd name="connsiteY54" fmla="*/ 88936 h 1047191"/>
                  <a:gd name="connsiteX55" fmla="*/ 269766 w 3221845"/>
                  <a:gd name="connsiteY55" fmla="*/ 99447 h 1047191"/>
                  <a:gd name="connsiteX56" fmla="*/ 168166 w 3221845"/>
                  <a:gd name="connsiteY56" fmla="*/ 36385 h 1047191"/>
                  <a:gd name="connsiteX57" fmla="*/ 78921 w 3221845"/>
                  <a:gd name="connsiteY57" fmla="*/ 41150 h 1047191"/>
                  <a:gd name="connsiteX58" fmla="*/ 38538 w 3221845"/>
                  <a:gd name="connsiteY58" fmla="*/ 78425 h 1047191"/>
                  <a:gd name="connsiteX59" fmla="*/ 25597 w 3221845"/>
                  <a:gd name="connsiteY59" fmla="*/ 137260 h 1047191"/>
                  <a:gd name="connsiteX60" fmla="*/ 0 w 3221845"/>
                  <a:gd name="connsiteY60" fmla="*/ 232577 h 1047191"/>
                  <a:gd name="connsiteX61" fmla="*/ 4190 w 3221845"/>
                  <a:gd name="connsiteY61"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585545 w 3221845"/>
                  <a:gd name="connsiteY21" fmla="*/ 656494 h 1047191"/>
                  <a:gd name="connsiteX22" fmla="*/ 2760717 w 3221845"/>
                  <a:gd name="connsiteY22" fmla="*/ 530370 h 1047191"/>
                  <a:gd name="connsiteX23" fmla="*/ 2886842 w 3221845"/>
                  <a:gd name="connsiteY23" fmla="*/ 428770 h 1047191"/>
                  <a:gd name="connsiteX24" fmla="*/ 3104055 w 3221845"/>
                  <a:gd name="connsiteY24" fmla="*/ 428770 h 1047191"/>
                  <a:gd name="connsiteX25" fmla="*/ 3221845 w 3221845"/>
                  <a:gd name="connsiteY25" fmla="*/ 351619 h 1047191"/>
                  <a:gd name="connsiteX26" fmla="*/ 3207251 w 3221845"/>
                  <a:gd name="connsiteY26" fmla="*/ 175509 h 1047191"/>
                  <a:gd name="connsiteX27" fmla="*/ 3171541 w 3221845"/>
                  <a:gd name="connsiteY27" fmla="*/ 23439 h 1047191"/>
                  <a:gd name="connsiteX28" fmla="*/ 3086538 w 3221845"/>
                  <a:gd name="connsiteY28" fmla="*/ 32881 h 1047191"/>
                  <a:gd name="connsiteX29" fmla="*/ 2995449 w 3221845"/>
                  <a:gd name="connsiteY29" fmla="*/ 1350 h 1047191"/>
                  <a:gd name="connsiteX30" fmla="*/ 2949904 w 3221845"/>
                  <a:gd name="connsiteY30" fmla="*/ 60909 h 1047191"/>
                  <a:gd name="connsiteX31" fmla="*/ 2827283 w 3221845"/>
                  <a:gd name="connsiteY31" fmla="*/ 134481 h 1047191"/>
                  <a:gd name="connsiteX32" fmla="*/ 2704662 w 3221845"/>
                  <a:gd name="connsiteY32" fmla="*/ 162508 h 1047191"/>
                  <a:gd name="connsiteX33" fmla="*/ 2603062 w 3221845"/>
                  <a:gd name="connsiteY33" fmla="*/ 309653 h 1047191"/>
                  <a:gd name="connsiteX34" fmla="*/ 2494455 w 3221845"/>
                  <a:gd name="connsiteY34" fmla="*/ 435778 h 1047191"/>
                  <a:gd name="connsiteX35" fmla="*/ 2424386 w 3221845"/>
                  <a:gd name="connsiteY35" fmla="*/ 428771 h 1047191"/>
                  <a:gd name="connsiteX36" fmla="*/ 2277242 w 3221845"/>
                  <a:gd name="connsiteY36" fmla="*/ 369212 h 1047191"/>
                  <a:gd name="connsiteX37" fmla="*/ 2123090 w 3221845"/>
                  <a:gd name="connsiteY37" fmla="*/ 341184 h 1047191"/>
                  <a:gd name="connsiteX38" fmla="*/ 2014483 w 3221845"/>
                  <a:gd name="connsiteY38" fmla="*/ 460302 h 1047191"/>
                  <a:gd name="connsiteX39" fmla="*/ 1888359 w 3221845"/>
                  <a:gd name="connsiteY39" fmla="*/ 596936 h 1047191"/>
                  <a:gd name="connsiteX40" fmla="*/ 1776249 w 3221845"/>
                  <a:gd name="connsiteY40" fmla="*/ 565405 h 1047191"/>
                  <a:gd name="connsiteX41" fmla="*/ 1706180 w 3221845"/>
                  <a:gd name="connsiteY41" fmla="*/ 533874 h 1047191"/>
                  <a:gd name="connsiteX42" fmla="*/ 1604549 w 3221845"/>
                  <a:gd name="connsiteY42" fmla="*/ 520308 h 1047191"/>
                  <a:gd name="connsiteX43" fmla="*/ 1502980 w 3221845"/>
                  <a:gd name="connsiteY43" fmla="*/ 568908 h 1047191"/>
                  <a:gd name="connsiteX44" fmla="*/ 1390869 w 3221845"/>
                  <a:gd name="connsiteY44" fmla="*/ 607447 h 1047191"/>
                  <a:gd name="connsiteX45" fmla="*/ 1275255 w 3221845"/>
                  <a:gd name="connsiteY45" fmla="*/ 554894 h 1047191"/>
                  <a:gd name="connsiteX46" fmla="*/ 1208690 w 3221845"/>
                  <a:gd name="connsiteY46" fmla="*/ 477819 h 1047191"/>
                  <a:gd name="connsiteX47" fmla="*/ 1145628 w 3221845"/>
                  <a:gd name="connsiteY47" fmla="*/ 418259 h 1047191"/>
                  <a:gd name="connsiteX48" fmla="*/ 1079062 w 3221845"/>
                  <a:gd name="connsiteY48" fmla="*/ 337681 h 1047191"/>
                  <a:gd name="connsiteX49" fmla="*/ 914400 w 3221845"/>
                  <a:gd name="connsiteY49" fmla="*/ 411253 h 1047191"/>
                  <a:gd name="connsiteX50" fmla="*/ 735724 w 3221845"/>
                  <a:gd name="connsiteY50" fmla="*/ 414757 h 1047191"/>
                  <a:gd name="connsiteX51" fmla="*/ 658649 w 3221845"/>
                  <a:gd name="connsiteY51" fmla="*/ 362204 h 1047191"/>
                  <a:gd name="connsiteX52" fmla="*/ 606097 w 3221845"/>
                  <a:gd name="connsiteY52" fmla="*/ 281626 h 1047191"/>
                  <a:gd name="connsiteX53" fmla="*/ 581573 w 3221845"/>
                  <a:gd name="connsiteY53" fmla="*/ 215059 h 1047191"/>
                  <a:gd name="connsiteX54" fmla="*/ 536028 w 3221845"/>
                  <a:gd name="connsiteY54" fmla="*/ 148495 h 1047191"/>
                  <a:gd name="connsiteX55" fmla="*/ 360855 w 3221845"/>
                  <a:gd name="connsiteY55" fmla="*/ 88936 h 1047191"/>
                  <a:gd name="connsiteX56" fmla="*/ 269766 w 3221845"/>
                  <a:gd name="connsiteY56" fmla="*/ 99447 h 1047191"/>
                  <a:gd name="connsiteX57" fmla="*/ 168166 w 3221845"/>
                  <a:gd name="connsiteY57" fmla="*/ 36385 h 1047191"/>
                  <a:gd name="connsiteX58" fmla="*/ 78921 w 3221845"/>
                  <a:gd name="connsiteY58" fmla="*/ 41150 h 1047191"/>
                  <a:gd name="connsiteX59" fmla="*/ 38538 w 3221845"/>
                  <a:gd name="connsiteY59" fmla="*/ 78425 h 1047191"/>
                  <a:gd name="connsiteX60" fmla="*/ 25597 w 3221845"/>
                  <a:gd name="connsiteY60" fmla="*/ 137260 h 1047191"/>
                  <a:gd name="connsiteX61" fmla="*/ 0 w 3221845"/>
                  <a:gd name="connsiteY61" fmla="*/ 232577 h 1047191"/>
                  <a:gd name="connsiteX62" fmla="*/ 4190 w 3221845"/>
                  <a:gd name="connsiteY62"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585545 w 3221845"/>
                  <a:gd name="connsiteY21" fmla="*/ 656494 h 1047191"/>
                  <a:gd name="connsiteX22" fmla="*/ 2760717 w 3221845"/>
                  <a:gd name="connsiteY22" fmla="*/ 530370 h 1047191"/>
                  <a:gd name="connsiteX23" fmla="*/ 2886842 w 3221845"/>
                  <a:gd name="connsiteY23" fmla="*/ 428770 h 1047191"/>
                  <a:gd name="connsiteX24" fmla="*/ 3104055 w 3221845"/>
                  <a:gd name="connsiteY24" fmla="*/ 428770 h 1047191"/>
                  <a:gd name="connsiteX25" fmla="*/ 3221845 w 3221845"/>
                  <a:gd name="connsiteY25" fmla="*/ 351619 h 1047191"/>
                  <a:gd name="connsiteX26" fmla="*/ 3207251 w 3221845"/>
                  <a:gd name="connsiteY26" fmla="*/ 175509 h 1047191"/>
                  <a:gd name="connsiteX27" fmla="*/ 3171541 w 3221845"/>
                  <a:gd name="connsiteY27" fmla="*/ 23439 h 1047191"/>
                  <a:gd name="connsiteX28" fmla="*/ 3086538 w 3221845"/>
                  <a:gd name="connsiteY28" fmla="*/ 32881 h 1047191"/>
                  <a:gd name="connsiteX29" fmla="*/ 2995449 w 3221845"/>
                  <a:gd name="connsiteY29" fmla="*/ 1350 h 1047191"/>
                  <a:gd name="connsiteX30" fmla="*/ 2949904 w 3221845"/>
                  <a:gd name="connsiteY30" fmla="*/ 60909 h 1047191"/>
                  <a:gd name="connsiteX31" fmla="*/ 2827283 w 3221845"/>
                  <a:gd name="connsiteY31" fmla="*/ 134481 h 1047191"/>
                  <a:gd name="connsiteX32" fmla="*/ 2704662 w 3221845"/>
                  <a:gd name="connsiteY32" fmla="*/ 162508 h 1047191"/>
                  <a:gd name="connsiteX33" fmla="*/ 2603062 w 3221845"/>
                  <a:gd name="connsiteY33" fmla="*/ 309653 h 1047191"/>
                  <a:gd name="connsiteX34" fmla="*/ 2494455 w 3221845"/>
                  <a:gd name="connsiteY34" fmla="*/ 435778 h 1047191"/>
                  <a:gd name="connsiteX35" fmla="*/ 2424386 w 3221845"/>
                  <a:gd name="connsiteY35" fmla="*/ 428771 h 1047191"/>
                  <a:gd name="connsiteX36" fmla="*/ 2277242 w 3221845"/>
                  <a:gd name="connsiteY36" fmla="*/ 369212 h 1047191"/>
                  <a:gd name="connsiteX37" fmla="*/ 2123090 w 3221845"/>
                  <a:gd name="connsiteY37" fmla="*/ 341184 h 1047191"/>
                  <a:gd name="connsiteX38" fmla="*/ 2014483 w 3221845"/>
                  <a:gd name="connsiteY38" fmla="*/ 460302 h 1047191"/>
                  <a:gd name="connsiteX39" fmla="*/ 1888359 w 3221845"/>
                  <a:gd name="connsiteY39" fmla="*/ 596936 h 1047191"/>
                  <a:gd name="connsiteX40" fmla="*/ 1776249 w 3221845"/>
                  <a:gd name="connsiteY40" fmla="*/ 565405 h 1047191"/>
                  <a:gd name="connsiteX41" fmla="*/ 1706180 w 3221845"/>
                  <a:gd name="connsiteY41" fmla="*/ 533874 h 1047191"/>
                  <a:gd name="connsiteX42" fmla="*/ 1604549 w 3221845"/>
                  <a:gd name="connsiteY42" fmla="*/ 520308 h 1047191"/>
                  <a:gd name="connsiteX43" fmla="*/ 1502980 w 3221845"/>
                  <a:gd name="connsiteY43" fmla="*/ 568908 h 1047191"/>
                  <a:gd name="connsiteX44" fmla="*/ 1390869 w 3221845"/>
                  <a:gd name="connsiteY44" fmla="*/ 607447 h 1047191"/>
                  <a:gd name="connsiteX45" fmla="*/ 1275255 w 3221845"/>
                  <a:gd name="connsiteY45" fmla="*/ 554894 h 1047191"/>
                  <a:gd name="connsiteX46" fmla="*/ 1208690 w 3221845"/>
                  <a:gd name="connsiteY46" fmla="*/ 477819 h 1047191"/>
                  <a:gd name="connsiteX47" fmla="*/ 1145628 w 3221845"/>
                  <a:gd name="connsiteY47" fmla="*/ 418259 h 1047191"/>
                  <a:gd name="connsiteX48" fmla="*/ 1079062 w 3221845"/>
                  <a:gd name="connsiteY48" fmla="*/ 337681 h 1047191"/>
                  <a:gd name="connsiteX49" fmla="*/ 914400 w 3221845"/>
                  <a:gd name="connsiteY49" fmla="*/ 411253 h 1047191"/>
                  <a:gd name="connsiteX50" fmla="*/ 735724 w 3221845"/>
                  <a:gd name="connsiteY50" fmla="*/ 414757 h 1047191"/>
                  <a:gd name="connsiteX51" fmla="*/ 658649 w 3221845"/>
                  <a:gd name="connsiteY51" fmla="*/ 362204 h 1047191"/>
                  <a:gd name="connsiteX52" fmla="*/ 606097 w 3221845"/>
                  <a:gd name="connsiteY52" fmla="*/ 281626 h 1047191"/>
                  <a:gd name="connsiteX53" fmla="*/ 581573 w 3221845"/>
                  <a:gd name="connsiteY53" fmla="*/ 215059 h 1047191"/>
                  <a:gd name="connsiteX54" fmla="*/ 536028 w 3221845"/>
                  <a:gd name="connsiteY54" fmla="*/ 148495 h 1047191"/>
                  <a:gd name="connsiteX55" fmla="*/ 360855 w 3221845"/>
                  <a:gd name="connsiteY55" fmla="*/ 88936 h 1047191"/>
                  <a:gd name="connsiteX56" fmla="*/ 269766 w 3221845"/>
                  <a:gd name="connsiteY56" fmla="*/ 99447 h 1047191"/>
                  <a:gd name="connsiteX57" fmla="*/ 168166 w 3221845"/>
                  <a:gd name="connsiteY57" fmla="*/ 36385 h 1047191"/>
                  <a:gd name="connsiteX58" fmla="*/ 78921 w 3221845"/>
                  <a:gd name="connsiteY58" fmla="*/ 41150 h 1047191"/>
                  <a:gd name="connsiteX59" fmla="*/ 38538 w 3221845"/>
                  <a:gd name="connsiteY59" fmla="*/ 78425 h 1047191"/>
                  <a:gd name="connsiteX60" fmla="*/ 25597 w 3221845"/>
                  <a:gd name="connsiteY60" fmla="*/ 137260 h 1047191"/>
                  <a:gd name="connsiteX61" fmla="*/ 0 w 3221845"/>
                  <a:gd name="connsiteY61" fmla="*/ 232577 h 1047191"/>
                  <a:gd name="connsiteX62" fmla="*/ 4190 w 3221845"/>
                  <a:gd name="connsiteY62"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03062 w 3221845"/>
                  <a:gd name="connsiteY34" fmla="*/ 309653 h 1047191"/>
                  <a:gd name="connsiteX35" fmla="*/ 2494455 w 3221845"/>
                  <a:gd name="connsiteY35" fmla="*/ 435778 h 1047191"/>
                  <a:gd name="connsiteX36" fmla="*/ 2424386 w 3221845"/>
                  <a:gd name="connsiteY36" fmla="*/ 428771 h 1047191"/>
                  <a:gd name="connsiteX37" fmla="*/ 2277242 w 3221845"/>
                  <a:gd name="connsiteY37" fmla="*/ 369212 h 1047191"/>
                  <a:gd name="connsiteX38" fmla="*/ 2123090 w 3221845"/>
                  <a:gd name="connsiteY38" fmla="*/ 341184 h 1047191"/>
                  <a:gd name="connsiteX39" fmla="*/ 2014483 w 3221845"/>
                  <a:gd name="connsiteY39" fmla="*/ 460302 h 1047191"/>
                  <a:gd name="connsiteX40" fmla="*/ 1888359 w 3221845"/>
                  <a:gd name="connsiteY40" fmla="*/ 596936 h 1047191"/>
                  <a:gd name="connsiteX41" fmla="*/ 1776249 w 3221845"/>
                  <a:gd name="connsiteY41" fmla="*/ 565405 h 1047191"/>
                  <a:gd name="connsiteX42" fmla="*/ 1706180 w 3221845"/>
                  <a:gd name="connsiteY42" fmla="*/ 533874 h 1047191"/>
                  <a:gd name="connsiteX43" fmla="*/ 1604549 w 3221845"/>
                  <a:gd name="connsiteY43" fmla="*/ 520308 h 1047191"/>
                  <a:gd name="connsiteX44" fmla="*/ 1502980 w 3221845"/>
                  <a:gd name="connsiteY44" fmla="*/ 568908 h 1047191"/>
                  <a:gd name="connsiteX45" fmla="*/ 1390869 w 3221845"/>
                  <a:gd name="connsiteY45" fmla="*/ 607447 h 1047191"/>
                  <a:gd name="connsiteX46" fmla="*/ 1275255 w 3221845"/>
                  <a:gd name="connsiteY46" fmla="*/ 554894 h 1047191"/>
                  <a:gd name="connsiteX47" fmla="*/ 1208690 w 3221845"/>
                  <a:gd name="connsiteY47" fmla="*/ 477819 h 1047191"/>
                  <a:gd name="connsiteX48" fmla="*/ 1145628 w 3221845"/>
                  <a:gd name="connsiteY48" fmla="*/ 418259 h 1047191"/>
                  <a:gd name="connsiteX49" fmla="*/ 1079062 w 3221845"/>
                  <a:gd name="connsiteY49" fmla="*/ 337681 h 1047191"/>
                  <a:gd name="connsiteX50" fmla="*/ 914400 w 3221845"/>
                  <a:gd name="connsiteY50" fmla="*/ 411253 h 1047191"/>
                  <a:gd name="connsiteX51" fmla="*/ 735724 w 3221845"/>
                  <a:gd name="connsiteY51" fmla="*/ 414757 h 1047191"/>
                  <a:gd name="connsiteX52" fmla="*/ 658649 w 3221845"/>
                  <a:gd name="connsiteY52" fmla="*/ 362204 h 1047191"/>
                  <a:gd name="connsiteX53" fmla="*/ 606097 w 3221845"/>
                  <a:gd name="connsiteY53" fmla="*/ 281626 h 1047191"/>
                  <a:gd name="connsiteX54" fmla="*/ 581573 w 3221845"/>
                  <a:gd name="connsiteY54" fmla="*/ 215059 h 1047191"/>
                  <a:gd name="connsiteX55" fmla="*/ 536028 w 3221845"/>
                  <a:gd name="connsiteY55" fmla="*/ 148495 h 1047191"/>
                  <a:gd name="connsiteX56" fmla="*/ 360855 w 3221845"/>
                  <a:gd name="connsiteY56" fmla="*/ 88936 h 1047191"/>
                  <a:gd name="connsiteX57" fmla="*/ 269766 w 3221845"/>
                  <a:gd name="connsiteY57" fmla="*/ 99447 h 1047191"/>
                  <a:gd name="connsiteX58" fmla="*/ 168166 w 3221845"/>
                  <a:gd name="connsiteY58" fmla="*/ 36385 h 1047191"/>
                  <a:gd name="connsiteX59" fmla="*/ 78921 w 3221845"/>
                  <a:gd name="connsiteY59" fmla="*/ 41150 h 1047191"/>
                  <a:gd name="connsiteX60" fmla="*/ 38538 w 3221845"/>
                  <a:gd name="connsiteY60" fmla="*/ 78425 h 1047191"/>
                  <a:gd name="connsiteX61" fmla="*/ 25597 w 3221845"/>
                  <a:gd name="connsiteY61" fmla="*/ 137260 h 1047191"/>
                  <a:gd name="connsiteX62" fmla="*/ 0 w 3221845"/>
                  <a:gd name="connsiteY62" fmla="*/ 232577 h 1047191"/>
                  <a:gd name="connsiteX63" fmla="*/ 4190 w 3221845"/>
                  <a:gd name="connsiteY63"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494455 w 3221845"/>
                  <a:gd name="connsiteY36" fmla="*/ 435778 h 1047191"/>
                  <a:gd name="connsiteX37" fmla="*/ 2424386 w 3221845"/>
                  <a:gd name="connsiteY37" fmla="*/ 428771 h 1047191"/>
                  <a:gd name="connsiteX38" fmla="*/ 2277242 w 3221845"/>
                  <a:gd name="connsiteY38" fmla="*/ 369212 h 1047191"/>
                  <a:gd name="connsiteX39" fmla="*/ 2123090 w 3221845"/>
                  <a:gd name="connsiteY39" fmla="*/ 341184 h 1047191"/>
                  <a:gd name="connsiteX40" fmla="*/ 2014483 w 3221845"/>
                  <a:gd name="connsiteY40" fmla="*/ 460302 h 1047191"/>
                  <a:gd name="connsiteX41" fmla="*/ 1888359 w 3221845"/>
                  <a:gd name="connsiteY41" fmla="*/ 596936 h 1047191"/>
                  <a:gd name="connsiteX42" fmla="*/ 1776249 w 3221845"/>
                  <a:gd name="connsiteY42" fmla="*/ 565405 h 1047191"/>
                  <a:gd name="connsiteX43" fmla="*/ 1706180 w 3221845"/>
                  <a:gd name="connsiteY43" fmla="*/ 533874 h 1047191"/>
                  <a:gd name="connsiteX44" fmla="*/ 1604549 w 3221845"/>
                  <a:gd name="connsiteY44" fmla="*/ 520308 h 1047191"/>
                  <a:gd name="connsiteX45" fmla="*/ 1502980 w 3221845"/>
                  <a:gd name="connsiteY45" fmla="*/ 568908 h 1047191"/>
                  <a:gd name="connsiteX46" fmla="*/ 1390869 w 3221845"/>
                  <a:gd name="connsiteY46" fmla="*/ 607447 h 1047191"/>
                  <a:gd name="connsiteX47" fmla="*/ 1275255 w 3221845"/>
                  <a:gd name="connsiteY47" fmla="*/ 554894 h 1047191"/>
                  <a:gd name="connsiteX48" fmla="*/ 1208690 w 3221845"/>
                  <a:gd name="connsiteY48" fmla="*/ 477819 h 1047191"/>
                  <a:gd name="connsiteX49" fmla="*/ 1145628 w 3221845"/>
                  <a:gd name="connsiteY49" fmla="*/ 418259 h 1047191"/>
                  <a:gd name="connsiteX50" fmla="*/ 1079062 w 3221845"/>
                  <a:gd name="connsiteY50" fmla="*/ 337681 h 1047191"/>
                  <a:gd name="connsiteX51" fmla="*/ 914400 w 3221845"/>
                  <a:gd name="connsiteY51" fmla="*/ 411253 h 1047191"/>
                  <a:gd name="connsiteX52" fmla="*/ 735724 w 3221845"/>
                  <a:gd name="connsiteY52" fmla="*/ 414757 h 1047191"/>
                  <a:gd name="connsiteX53" fmla="*/ 658649 w 3221845"/>
                  <a:gd name="connsiteY53" fmla="*/ 362204 h 1047191"/>
                  <a:gd name="connsiteX54" fmla="*/ 606097 w 3221845"/>
                  <a:gd name="connsiteY54" fmla="*/ 281626 h 1047191"/>
                  <a:gd name="connsiteX55" fmla="*/ 581573 w 3221845"/>
                  <a:gd name="connsiteY55" fmla="*/ 215059 h 1047191"/>
                  <a:gd name="connsiteX56" fmla="*/ 536028 w 3221845"/>
                  <a:gd name="connsiteY56" fmla="*/ 148495 h 1047191"/>
                  <a:gd name="connsiteX57" fmla="*/ 360855 w 3221845"/>
                  <a:gd name="connsiteY57" fmla="*/ 88936 h 1047191"/>
                  <a:gd name="connsiteX58" fmla="*/ 269766 w 3221845"/>
                  <a:gd name="connsiteY58" fmla="*/ 99447 h 1047191"/>
                  <a:gd name="connsiteX59" fmla="*/ 168166 w 3221845"/>
                  <a:gd name="connsiteY59" fmla="*/ 36385 h 1047191"/>
                  <a:gd name="connsiteX60" fmla="*/ 78921 w 3221845"/>
                  <a:gd name="connsiteY60" fmla="*/ 41150 h 1047191"/>
                  <a:gd name="connsiteX61" fmla="*/ 38538 w 3221845"/>
                  <a:gd name="connsiteY61" fmla="*/ 78425 h 1047191"/>
                  <a:gd name="connsiteX62" fmla="*/ 25597 w 3221845"/>
                  <a:gd name="connsiteY62" fmla="*/ 137260 h 1047191"/>
                  <a:gd name="connsiteX63" fmla="*/ 0 w 3221845"/>
                  <a:gd name="connsiteY63" fmla="*/ 232577 h 1047191"/>
                  <a:gd name="connsiteX64" fmla="*/ 4190 w 3221845"/>
                  <a:gd name="connsiteY64"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23090 w 3221845"/>
                  <a:gd name="connsiteY40" fmla="*/ 341184 h 1047191"/>
                  <a:gd name="connsiteX41" fmla="*/ 2014483 w 3221845"/>
                  <a:gd name="connsiteY41" fmla="*/ 460302 h 1047191"/>
                  <a:gd name="connsiteX42" fmla="*/ 1888359 w 3221845"/>
                  <a:gd name="connsiteY42" fmla="*/ 596936 h 1047191"/>
                  <a:gd name="connsiteX43" fmla="*/ 1776249 w 3221845"/>
                  <a:gd name="connsiteY43" fmla="*/ 565405 h 1047191"/>
                  <a:gd name="connsiteX44" fmla="*/ 1706180 w 3221845"/>
                  <a:gd name="connsiteY44" fmla="*/ 533874 h 1047191"/>
                  <a:gd name="connsiteX45" fmla="*/ 1604549 w 3221845"/>
                  <a:gd name="connsiteY45" fmla="*/ 520308 h 1047191"/>
                  <a:gd name="connsiteX46" fmla="*/ 1502980 w 3221845"/>
                  <a:gd name="connsiteY46" fmla="*/ 568908 h 1047191"/>
                  <a:gd name="connsiteX47" fmla="*/ 1390869 w 3221845"/>
                  <a:gd name="connsiteY47" fmla="*/ 607447 h 1047191"/>
                  <a:gd name="connsiteX48" fmla="*/ 1275255 w 3221845"/>
                  <a:gd name="connsiteY48" fmla="*/ 554894 h 1047191"/>
                  <a:gd name="connsiteX49" fmla="*/ 1208690 w 3221845"/>
                  <a:gd name="connsiteY49" fmla="*/ 477819 h 1047191"/>
                  <a:gd name="connsiteX50" fmla="*/ 1145628 w 3221845"/>
                  <a:gd name="connsiteY50" fmla="*/ 418259 h 1047191"/>
                  <a:gd name="connsiteX51" fmla="*/ 1079062 w 3221845"/>
                  <a:gd name="connsiteY51" fmla="*/ 337681 h 1047191"/>
                  <a:gd name="connsiteX52" fmla="*/ 914400 w 3221845"/>
                  <a:gd name="connsiteY52" fmla="*/ 411253 h 1047191"/>
                  <a:gd name="connsiteX53" fmla="*/ 735724 w 3221845"/>
                  <a:gd name="connsiteY53" fmla="*/ 414757 h 1047191"/>
                  <a:gd name="connsiteX54" fmla="*/ 658649 w 3221845"/>
                  <a:gd name="connsiteY54" fmla="*/ 362204 h 1047191"/>
                  <a:gd name="connsiteX55" fmla="*/ 606097 w 3221845"/>
                  <a:gd name="connsiteY55" fmla="*/ 281626 h 1047191"/>
                  <a:gd name="connsiteX56" fmla="*/ 581573 w 3221845"/>
                  <a:gd name="connsiteY56" fmla="*/ 215059 h 1047191"/>
                  <a:gd name="connsiteX57" fmla="*/ 536028 w 3221845"/>
                  <a:gd name="connsiteY57" fmla="*/ 148495 h 1047191"/>
                  <a:gd name="connsiteX58" fmla="*/ 360855 w 3221845"/>
                  <a:gd name="connsiteY58" fmla="*/ 88936 h 1047191"/>
                  <a:gd name="connsiteX59" fmla="*/ 269766 w 3221845"/>
                  <a:gd name="connsiteY59" fmla="*/ 99447 h 1047191"/>
                  <a:gd name="connsiteX60" fmla="*/ 168166 w 3221845"/>
                  <a:gd name="connsiteY60" fmla="*/ 36385 h 1047191"/>
                  <a:gd name="connsiteX61" fmla="*/ 78921 w 3221845"/>
                  <a:gd name="connsiteY61" fmla="*/ 4115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888359 w 3221845"/>
                  <a:gd name="connsiteY43" fmla="*/ 596936 h 1047191"/>
                  <a:gd name="connsiteX44" fmla="*/ 1776249 w 3221845"/>
                  <a:gd name="connsiteY44" fmla="*/ 565405 h 1047191"/>
                  <a:gd name="connsiteX45" fmla="*/ 1706180 w 3221845"/>
                  <a:gd name="connsiteY45" fmla="*/ 533874 h 1047191"/>
                  <a:gd name="connsiteX46" fmla="*/ 1604549 w 3221845"/>
                  <a:gd name="connsiteY46" fmla="*/ 520308 h 1047191"/>
                  <a:gd name="connsiteX47" fmla="*/ 1502980 w 3221845"/>
                  <a:gd name="connsiteY47" fmla="*/ 568908 h 1047191"/>
                  <a:gd name="connsiteX48" fmla="*/ 1390869 w 3221845"/>
                  <a:gd name="connsiteY48" fmla="*/ 607447 h 1047191"/>
                  <a:gd name="connsiteX49" fmla="*/ 1275255 w 3221845"/>
                  <a:gd name="connsiteY49" fmla="*/ 554894 h 1047191"/>
                  <a:gd name="connsiteX50" fmla="*/ 1208690 w 3221845"/>
                  <a:gd name="connsiteY50" fmla="*/ 477819 h 1047191"/>
                  <a:gd name="connsiteX51" fmla="*/ 1145628 w 3221845"/>
                  <a:gd name="connsiteY51" fmla="*/ 418259 h 1047191"/>
                  <a:gd name="connsiteX52" fmla="*/ 1079062 w 3221845"/>
                  <a:gd name="connsiteY52" fmla="*/ 337681 h 1047191"/>
                  <a:gd name="connsiteX53" fmla="*/ 914400 w 3221845"/>
                  <a:gd name="connsiteY53" fmla="*/ 411253 h 1047191"/>
                  <a:gd name="connsiteX54" fmla="*/ 735724 w 3221845"/>
                  <a:gd name="connsiteY54" fmla="*/ 414757 h 1047191"/>
                  <a:gd name="connsiteX55" fmla="*/ 658649 w 3221845"/>
                  <a:gd name="connsiteY55" fmla="*/ 362204 h 1047191"/>
                  <a:gd name="connsiteX56" fmla="*/ 606097 w 3221845"/>
                  <a:gd name="connsiteY56" fmla="*/ 281626 h 1047191"/>
                  <a:gd name="connsiteX57" fmla="*/ 581573 w 3221845"/>
                  <a:gd name="connsiteY57" fmla="*/ 215059 h 1047191"/>
                  <a:gd name="connsiteX58" fmla="*/ 536028 w 3221845"/>
                  <a:gd name="connsiteY58" fmla="*/ 148495 h 1047191"/>
                  <a:gd name="connsiteX59" fmla="*/ 360855 w 3221845"/>
                  <a:gd name="connsiteY59" fmla="*/ 88936 h 1047191"/>
                  <a:gd name="connsiteX60" fmla="*/ 269766 w 3221845"/>
                  <a:gd name="connsiteY60" fmla="*/ 99447 h 1047191"/>
                  <a:gd name="connsiteX61" fmla="*/ 168166 w 3221845"/>
                  <a:gd name="connsiteY61" fmla="*/ 36385 h 1047191"/>
                  <a:gd name="connsiteX62" fmla="*/ 78921 w 3221845"/>
                  <a:gd name="connsiteY62" fmla="*/ 41150 h 1047191"/>
                  <a:gd name="connsiteX63" fmla="*/ 38538 w 3221845"/>
                  <a:gd name="connsiteY63" fmla="*/ 78425 h 1047191"/>
                  <a:gd name="connsiteX64" fmla="*/ 25597 w 3221845"/>
                  <a:gd name="connsiteY64" fmla="*/ 137260 h 1047191"/>
                  <a:gd name="connsiteX65" fmla="*/ 0 w 3221845"/>
                  <a:gd name="connsiteY65" fmla="*/ 232577 h 1047191"/>
                  <a:gd name="connsiteX66" fmla="*/ 4190 w 3221845"/>
                  <a:gd name="connsiteY66"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888359 w 3221845"/>
                  <a:gd name="connsiteY44" fmla="*/ 596936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68166 w 3221845"/>
                  <a:gd name="connsiteY62" fmla="*/ 36385 h 1047191"/>
                  <a:gd name="connsiteX63" fmla="*/ 78921 w 3221845"/>
                  <a:gd name="connsiteY63" fmla="*/ 4115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888359 w 3221845"/>
                  <a:gd name="connsiteY44" fmla="*/ 596936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68166 w 3221845"/>
                  <a:gd name="connsiteY62" fmla="*/ 36385 h 1047191"/>
                  <a:gd name="connsiteX63" fmla="*/ 78921 w 3221845"/>
                  <a:gd name="connsiteY63" fmla="*/ 4115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68166 w 3221845"/>
                  <a:gd name="connsiteY62" fmla="*/ 36385 h 1047191"/>
                  <a:gd name="connsiteX63" fmla="*/ 78921 w 3221845"/>
                  <a:gd name="connsiteY63" fmla="*/ 4115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68166 w 3221845"/>
                  <a:gd name="connsiteY62" fmla="*/ 36385 h 1047191"/>
                  <a:gd name="connsiteX63" fmla="*/ 78921 w 3221845"/>
                  <a:gd name="connsiteY63" fmla="*/ 4115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68166 w 3221845"/>
                  <a:gd name="connsiteY62" fmla="*/ 36385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69766 w 3221845"/>
                  <a:gd name="connsiteY61" fmla="*/ 99447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60855 w 3221845"/>
                  <a:gd name="connsiteY60" fmla="*/ 88936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36028 w 3221845"/>
                  <a:gd name="connsiteY59" fmla="*/ 148495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8649 w 3221845"/>
                  <a:gd name="connsiteY56" fmla="*/ 362204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35724 w 3221845"/>
                  <a:gd name="connsiteY55" fmla="*/ 414757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14400 w 3221845"/>
                  <a:gd name="connsiteY54" fmla="*/ 411253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79062 w 3221845"/>
                  <a:gd name="connsiteY53" fmla="*/ 337681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90869 w 3221845"/>
                  <a:gd name="connsiteY49" fmla="*/ 607447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82600 w 3221845"/>
                  <a:gd name="connsiteY49" fmla="*/ 636291 h 1047191"/>
                  <a:gd name="connsiteX50" fmla="*/ 1275255 w 3221845"/>
                  <a:gd name="connsiteY50" fmla="*/ 554894 h 1047191"/>
                  <a:gd name="connsiteX51" fmla="*/ 1208690 w 3221845"/>
                  <a:gd name="connsiteY51" fmla="*/ 477819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02980 w 3221845"/>
                  <a:gd name="connsiteY48" fmla="*/ 568908 h 1047191"/>
                  <a:gd name="connsiteX49" fmla="*/ 1382600 w 3221845"/>
                  <a:gd name="connsiteY49" fmla="*/ 636291 h 1047191"/>
                  <a:gd name="connsiteX50" fmla="*/ 1275255 w 3221845"/>
                  <a:gd name="connsiteY50" fmla="*/ 554894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27789 w 3221845"/>
                  <a:gd name="connsiteY48" fmla="*/ 593631 h 1047191"/>
                  <a:gd name="connsiteX49" fmla="*/ 1382600 w 3221845"/>
                  <a:gd name="connsiteY49" fmla="*/ 636291 h 1047191"/>
                  <a:gd name="connsiteX50" fmla="*/ 1275255 w 3221845"/>
                  <a:gd name="connsiteY50" fmla="*/ 554894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27789 w 3221845"/>
                  <a:gd name="connsiteY48" fmla="*/ 593631 h 1047191"/>
                  <a:gd name="connsiteX49" fmla="*/ 1382600 w 3221845"/>
                  <a:gd name="connsiteY49" fmla="*/ 628049 h 1047191"/>
                  <a:gd name="connsiteX50" fmla="*/ 1275255 w 3221845"/>
                  <a:gd name="connsiteY50" fmla="*/ 554894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27789 w 3221845"/>
                  <a:gd name="connsiteY48" fmla="*/ 593631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04549 w 3221845"/>
                  <a:gd name="connsiteY47" fmla="*/ 52030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902373 w 3221845"/>
                  <a:gd name="connsiteY44" fmla="*/ 589929 h 1047191"/>
                  <a:gd name="connsiteX45" fmla="*/ 1776249 w 3221845"/>
                  <a:gd name="connsiteY45" fmla="*/ 565405 h 1047191"/>
                  <a:gd name="connsiteX46" fmla="*/ 1706180 w 3221845"/>
                  <a:gd name="connsiteY46" fmla="*/ 533874 h 1047191"/>
                  <a:gd name="connsiteX47" fmla="*/ 1625223 w 3221845"/>
                  <a:gd name="connsiteY47" fmla="*/ 52442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865160 w 3221845"/>
                  <a:gd name="connsiteY44" fmla="*/ 602291 h 1047191"/>
                  <a:gd name="connsiteX45" fmla="*/ 1776249 w 3221845"/>
                  <a:gd name="connsiteY45" fmla="*/ 565405 h 1047191"/>
                  <a:gd name="connsiteX46" fmla="*/ 1706180 w 3221845"/>
                  <a:gd name="connsiteY46" fmla="*/ 533874 h 1047191"/>
                  <a:gd name="connsiteX47" fmla="*/ 1625223 w 3221845"/>
                  <a:gd name="connsiteY47" fmla="*/ 52442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72442 w 3221845"/>
                  <a:gd name="connsiteY43" fmla="*/ 533874 h 1047191"/>
                  <a:gd name="connsiteX44" fmla="*/ 1881700 w 3221845"/>
                  <a:gd name="connsiteY44" fmla="*/ 602291 h 1047191"/>
                  <a:gd name="connsiteX45" fmla="*/ 1776249 w 3221845"/>
                  <a:gd name="connsiteY45" fmla="*/ 565405 h 1047191"/>
                  <a:gd name="connsiteX46" fmla="*/ 1706180 w 3221845"/>
                  <a:gd name="connsiteY46" fmla="*/ 533874 h 1047191"/>
                  <a:gd name="connsiteX47" fmla="*/ 1625223 w 3221845"/>
                  <a:gd name="connsiteY47" fmla="*/ 52442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14483 w 3221845"/>
                  <a:gd name="connsiteY42" fmla="*/ 460302 h 1047191"/>
                  <a:gd name="connsiteX43" fmla="*/ 1984846 w 3221845"/>
                  <a:gd name="connsiteY43" fmla="*/ 550357 h 1047191"/>
                  <a:gd name="connsiteX44" fmla="*/ 1881700 w 3221845"/>
                  <a:gd name="connsiteY44" fmla="*/ 602291 h 1047191"/>
                  <a:gd name="connsiteX45" fmla="*/ 1776249 w 3221845"/>
                  <a:gd name="connsiteY45" fmla="*/ 565405 h 1047191"/>
                  <a:gd name="connsiteX46" fmla="*/ 1706180 w 3221845"/>
                  <a:gd name="connsiteY46" fmla="*/ 533874 h 1047191"/>
                  <a:gd name="connsiteX47" fmla="*/ 1625223 w 3221845"/>
                  <a:gd name="connsiteY47" fmla="*/ 52442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123090 w 3221845"/>
                  <a:gd name="connsiteY41" fmla="*/ 341184 h 1047191"/>
                  <a:gd name="connsiteX42" fmla="*/ 2035158 w 3221845"/>
                  <a:gd name="connsiteY42" fmla="*/ 464422 h 1047191"/>
                  <a:gd name="connsiteX43" fmla="*/ 1984846 w 3221845"/>
                  <a:gd name="connsiteY43" fmla="*/ 550357 h 1047191"/>
                  <a:gd name="connsiteX44" fmla="*/ 1881700 w 3221845"/>
                  <a:gd name="connsiteY44" fmla="*/ 602291 h 1047191"/>
                  <a:gd name="connsiteX45" fmla="*/ 1776249 w 3221845"/>
                  <a:gd name="connsiteY45" fmla="*/ 565405 h 1047191"/>
                  <a:gd name="connsiteX46" fmla="*/ 1706180 w 3221845"/>
                  <a:gd name="connsiteY46" fmla="*/ 533874 h 1047191"/>
                  <a:gd name="connsiteX47" fmla="*/ 1625223 w 3221845"/>
                  <a:gd name="connsiteY47" fmla="*/ 524428 h 1047191"/>
                  <a:gd name="connsiteX48" fmla="*/ 1523654 w 3221845"/>
                  <a:gd name="connsiteY48" fmla="*/ 589510 h 1047191"/>
                  <a:gd name="connsiteX49" fmla="*/ 1382600 w 3221845"/>
                  <a:gd name="connsiteY49" fmla="*/ 628049 h 1047191"/>
                  <a:gd name="connsiteX50" fmla="*/ 1275255 w 3221845"/>
                  <a:gd name="connsiteY50" fmla="*/ 571375 h 1047191"/>
                  <a:gd name="connsiteX51" fmla="*/ 1212824 w 3221845"/>
                  <a:gd name="connsiteY51" fmla="*/ 498420 h 1047191"/>
                  <a:gd name="connsiteX52" fmla="*/ 1145628 w 3221845"/>
                  <a:gd name="connsiteY52" fmla="*/ 418259 h 1047191"/>
                  <a:gd name="connsiteX53" fmla="*/ 1087331 w 3221845"/>
                  <a:gd name="connsiteY53" fmla="*/ 341802 h 1047191"/>
                  <a:gd name="connsiteX54" fmla="*/ 939208 w 3221845"/>
                  <a:gd name="connsiteY54" fmla="*/ 427736 h 1047191"/>
                  <a:gd name="connsiteX55" fmla="*/ 781207 w 3221845"/>
                  <a:gd name="connsiteY55" fmla="*/ 435359 h 1047191"/>
                  <a:gd name="connsiteX56" fmla="*/ 654515 w 3221845"/>
                  <a:gd name="connsiteY56" fmla="*/ 370446 h 1047191"/>
                  <a:gd name="connsiteX57" fmla="*/ 606097 w 3221845"/>
                  <a:gd name="connsiteY57" fmla="*/ 281626 h 1047191"/>
                  <a:gd name="connsiteX58" fmla="*/ 581573 w 3221845"/>
                  <a:gd name="connsiteY58" fmla="*/ 215059 h 1047191"/>
                  <a:gd name="connsiteX59" fmla="*/ 527760 w 3221845"/>
                  <a:gd name="connsiteY59" fmla="*/ 160856 h 1047191"/>
                  <a:gd name="connsiteX60" fmla="*/ 377395 w 3221845"/>
                  <a:gd name="connsiteY60" fmla="*/ 105419 h 1047191"/>
                  <a:gd name="connsiteX61" fmla="*/ 278036 w 3221845"/>
                  <a:gd name="connsiteY61" fmla="*/ 120051 h 1047191"/>
                  <a:gd name="connsiteX62" fmla="*/ 180571 w 3221845"/>
                  <a:gd name="connsiteY62" fmla="*/ 48746 h 1047191"/>
                  <a:gd name="connsiteX63" fmla="*/ 74787 w 3221845"/>
                  <a:gd name="connsiteY63" fmla="*/ 45270 h 1047191"/>
                  <a:gd name="connsiteX64" fmla="*/ 38538 w 3221845"/>
                  <a:gd name="connsiteY64" fmla="*/ 78425 h 1047191"/>
                  <a:gd name="connsiteX65" fmla="*/ 25597 w 3221845"/>
                  <a:gd name="connsiteY65" fmla="*/ 137260 h 1047191"/>
                  <a:gd name="connsiteX66" fmla="*/ 0 w 3221845"/>
                  <a:gd name="connsiteY66" fmla="*/ 232577 h 1047191"/>
                  <a:gd name="connsiteX67" fmla="*/ 4190 w 3221845"/>
                  <a:gd name="connsiteY67"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79145 w 3221845"/>
                  <a:gd name="connsiteY40" fmla="*/ 344688 h 1047191"/>
                  <a:gd name="connsiteX41" fmla="*/ 2035158 w 3221845"/>
                  <a:gd name="connsiteY41" fmla="*/ 464422 h 1047191"/>
                  <a:gd name="connsiteX42" fmla="*/ 1984846 w 3221845"/>
                  <a:gd name="connsiteY42" fmla="*/ 550357 h 1047191"/>
                  <a:gd name="connsiteX43" fmla="*/ 1881700 w 3221845"/>
                  <a:gd name="connsiteY43" fmla="*/ 602291 h 1047191"/>
                  <a:gd name="connsiteX44" fmla="*/ 1776249 w 3221845"/>
                  <a:gd name="connsiteY44" fmla="*/ 565405 h 1047191"/>
                  <a:gd name="connsiteX45" fmla="*/ 1706180 w 3221845"/>
                  <a:gd name="connsiteY45" fmla="*/ 533874 h 1047191"/>
                  <a:gd name="connsiteX46" fmla="*/ 1625223 w 3221845"/>
                  <a:gd name="connsiteY46" fmla="*/ 524428 h 1047191"/>
                  <a:gd name="connsiteX47" fmla="*/ 1523654 w 3221845"/>
                  <a:gd name="connsiteY47" fmla="*/ 589510 h 1047191"/>
                  <a:gd name="connsiteX48" fmla="*/ 1382600 w 3221845"/>
                  <a:gd name="connsiteY48" fmla="*/ 628049 h 1047191"/>
                  <a:gd name="connsiteX49" fmla="*/ 1275255 w 3221845"/>
                  <a:gd name="connsiteY49" fmla="*/ 571375 h 1047191"/>
                  <a:gd name="connsiteX50" fmla="*/ 1212824 w 3221845"/>
                  <a:gd name="connsiteY50" fmla="*/ 498420 h 1047191"/>
                  <a:gd name="connsiteX51" fmla="*/ 1145628 w 3221845"/>
                  <a:gd name="connsiteY51" fmla="*/ 418259 h 1047191"/>
                  <a:gd name="connsiteX52" fmla="*/ 1087331 w 3221845"/>
                  <a:gd name="connsiteY52" fmla="*/ 341802 h 1047191"/>
                  <a:gd name="connsiteX53" fmla="*/ 939208 w 3221845"/>
                  <a:gd name="connsiteY53" fmla="*/ 427736 h 1047191"/>
                  <a:gd name="connsiteX54" fmla="*/ 781207 w 3221845"/>
                  <a:gd name="connsiteY54" fmla="*/ 435359 h 1047191"/>
                  <a:gd name="connsiteX55" fmla="*/ 654515 w 3221845"/>
                  <a:gd name="connsiteY55" fmla="*/ 370446 h 1047191"/>
                  <a:gd name="connsiteX56" fmla="*/ 606097 w 3221845"/>
                  <a:gd name="connsiteY56" fmla="*/ 281626 h 1047191"/>
                  <a:gd name="connsiteX57" fmla="*/ 581573 w 3221845"/>
                  <a:gd name="connsiteY57" fmla="*/ 215059 h 1047191"/>
                  <a:gd name="connsiteX58" fmla="*/ 527760 w 3221845"/>
                  <a:gd name="connsiteY58" fmla="*/ 160856 h 1047191"/>
                  <a:gd name="connsiteX59" fmla="*/ 377395 w 3221845"/>
                  <a:gd name="connsiteY59" fmla="*/ 105419 h 1047191"/>
                  <a:gd name="connsiteX60" fmla="*/ 278036 w 3221845"/>
                  <a:gd name="connsiteY60" fmla="*/ 120051 h 1047191"/>
                  <a:gd name="connsiteX61" fmla="*/ 180571 w 3221845"/>
                  <a:gd name="connsiteY61" fmla="*/ 48746 h 1047191"/>
                  <a:gd name="connsiteX62" fmla="*/ 74787 w 3221845"/>
                  <a:gd name="connsiteY62" fmla="*/ 45270 h 1047191"/>
                  <a:gd name="connsiteX63" fmla="*/ 38538 w 3221845"/>
                  <a:gd name="connsiteY63" fmla="*/ 78425 h 1047191"/>
                  <a:gd name="connsiteX64" fmla="*/ 25597 w 3221845"/>
                  <a:gd name="connsiteY64" fmla="*/ 137260 h 1047191"/>
                  <a:gd name="connsiteX65" fmla="*/ 0 w 3221845"/>
                  <a:gd name="connsiteY65" fmla="*/ 232577 h 1047191"/>
                  <a:gd name="connsiteX66" fmla="*/ 4190 w 3221845"/>
                  <a:gd name="connsiteY66"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69212 h 1047191"/>
                  <a:gd name="connsiteX40" fmla="*/ 2129529 w 3221845"/>
                  <a:gd name="connsiteY40" fmla="*/ 365289 h 1047191"/>
                  <a:gd name="connsiteX41" fmla="*/ 2035158 w 3221845"/>
                  <a:gd name="connsiteY41" fmla="*/ 464422 h 1047191"/>
                  <a:gd name="connsiteX42" fmla="*/ 1984846 w 3221845"/>
                  <a:gd name="connsiteY42" fmla="*/ 550357 h 1047191"/>
                  <a:gd name="connsiteX43" fmla="*/ 1881700 w 3221845"/>
                  <a:gd name="connsiteY43" fmla="*/ 602291 h 1047191"/>
                  <a:gd name="connsiteX44" fmla="*/ 1776249 w 3221845"/>
                  <a:gd name="connsiteY44" fmla="*/ 565405 h 1047191"/>
                  <a:gd name="connsiteX45" fmla="*/ 1706180 w 3221845"/>
                  <a:gd name="connsiteY45" fmla="*/ 533874 h 1047191"/>
                  <a:gd name="connsiteX46" fmla="*/ 1625223 w 3221845"/>
                  <a:gd name="connsiteY46" fmla="*/ 524428 h 1047191"/>
                  <a:gd name="connsiteX47" fmla="*/ 1523654 w 3221845"/>
                  <a:gd name="connsiteY47" fmla="*/ 589510 h 1047191"/>
                  <a:gd name="connsiteX48" fmla="*/ 1382600 w 3221845"/>
                  <a:gd name="connsiteY48" fmla="*/ 628049 h 1047191"/>
                  <a:gd name="connsiteX49" fmla="*/ 1275255 w 3221845"/>
                  <a:gd name="connsiteY49" fmla="*/ 571375 h 1047191"/>
                  <a:gd name="connsiteX50" fmla="*/ 1212824 w 3221845"/>
                  <a:gd name="connsiteY50" fmla="*/ 498420 h 1047191"/>
                  <a:gd name="connsiteX51" fmla="*/ 1145628 w 3221845"/>
                  <a:gd name="connsiteY51" fmla="*/ 418259 h 1047191"/>
                  <a:gd name="connsiteX52" fmla="*/ 1087331 w 3221845"/>
                  <a:gd name="connsiteY52" fmla="*/ 341802 h 1047191"/>
                  <a:gd name="connsiteX53" fmla="*/ 939208 w 3221845"/>
                  <a:gd name="connsiteY53" fmla="*/ 427736 h 1047191"/>
                  <a:gd name="connsiteX54" fmla="*/ 781207 w 3221845"/>
                  <a:gd name="connsiteY54" fmla="*/ 435359 h 1047191"/>
                  <a:gd name="connsiteX55" fmla="*/ 654515 w 3221845"/>
                  <a:gd name="connsiteY55" fmla="*/ 370446 h 1047191"/>
                  <a:gd name="connsiteX56" fmla="*/ 606097 w 3221845"/>
                  <a:gd name="connsiteY56" fmla="*/ 281626 h 1047191"/>
                  <a:gd name="connsiteX57" fmla="*/ 581573 w 3221845"/>
                  <a:gd name="connsiteY57" fmla="*/ 215059 h 1047191"/>
                  <a:gd name="connsiteX58" fmla="*/ 527760 w 3221845"/>
                  <a:gd name="connsiteY58" fmla="*/ 160856 h 1047191"/>
                  <a:gd name="connsiteX59" fmla="*/ 377395 w 3221845"/>
                  <a:gd name="connsiteY59" fmla="*/ 105419 h 1047191"/>
                  <a:gd name="connsiteX60" fmla="*/ 278036 w 3221845"/>
                  <a:gd name="connsiteY60" fmla="*/ 120051 h 1047191"/>
                  <a:gd name="connsiteX61" fmla="*/ 180571 w 3221845"/>
                  <a:gd name="connsiteY61" fmla="*/ 48746 h 1047191"/>
                  <a:gd name="connsiteX62" fmla="*/ 74787 w 3221845"/>
                  <a:gd name="connsiteY62" fmla="*/ 45270 h 1047191"/>
                  <a:gd name="connsiteX63" fmla="*/ 38538 w 3221845"/>
                  <a:gd name="connsiteY63" fmla="*/ 78425 h 1047191"/>
                  <a:gd name="connsiteX64" fmla="*/ 25597 w 3221845"/>
                  <a:gd name="connsiteY64" fmla="*/ 137260 h 1047191"/>
                  <a:gd name="connsiteX65" fmla="*/ 0 w 3221845"/>
                  <a:gd name="connsiteY65" fmla="*/ 232577 h 1047191"/>
                  <a:gd name="connsiteX66" fmla="*/ 4190 w 3221845"/>
                  <a:gd name="connsiteY66"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4386 w 3221845"/>
                  <a:gd name="connsiteY38" fmla="*/ 428771 h 1047191"/>
                  <a:gd name="connsiteX39" fmla="*/ 2277242 w 3221845"/>
                  <a:gd name="connsiteY39" fmla="*/ 385694 h 1047191"/>
                  <a:gd name="connsiteX40" fmla="*/ 2129529 w 3221845"/>
                  <a:gd name="connsiteY40" fmla="*/ 365289 h 1047191"/>
                  <a:gd name="connsiteX41" fmla="*/ 2035158 w 3221845"/>
                  <a:gd name="connsiteY41" fmla="*/ 464422 h 1047191"/>
                  <a:gd name="connsiteX42" fmla="*/ 1984846 w 3221845"/>
                  <a:gd name="connsiteY42" fmla="*/ 550357 h 1047191"/>
                  <a:gd name="connsiteX43" fmla="*/ 1881700 w 3221845"/>
                  <a:gd name="connsiteY43" fmla="*/ 602291 h 1047191"/>
                  <a:gd name="connsiteX44" fmla="*/ 1776249 w 3221845"/>
                  <a:gd name="connsiteY44" fmla="*/ 565405 h 1047191"/>
                  <a:gd name="connsiteX45" fmla="*/ 1706180 w 3221845"/>
                  <a:gd name="connsiteY45" fmla="*/ 533874 h 1047191"/>
                  <a:gd name="connsiteX46" fmla="*/ 1625223 w 3221845"/>
                  <a:gd name="connsiteY46" fmla="*/ 524428 h 1047191"/>
                  <a:gd name="connsiteX47" fmla="*/ 1523654 w 3221845"/>
                  <a:gd name="connsiteY47" fmla="*/ 589510 h 1047191"/>
                  <a:gd name="connsiteX48" fmla="*/ 1382600 w 3221845"/>
                  <a:gd name="connsiteY48" fmla="*/ 628049 h 1047191"/>
                  <a:gd name="connsiteX49" fmla="*/ 1275255 w 3221845"/>
                  <a:gd name="connsiteY49" fmla="*/ 571375 h 1047191"/>
                  <a:gd name="connsiteX50" fmla="*/ 1212824 w 3221845"/>
                  <a:gd name="connsiteY50" fmla="*/ 498420 h 1047191"/>
                  <a:gd name="connsiteX51" fmla="*/ 1145628 w 3221845"/>
                  <a:gd name="connsiteY51" fmla="*/ 418259 h 1047191"/>
                  <a:gd name="connsiteX52" fmla="*/ 1087331 w 3221845"/>
                  <a:gd name="connsiteY52" fmla="*/ 341802 h 1047191"/>
                  <a:gd name="connsiteX53" fmla="*/ 939208 w 3221845"/>
                  <a:gd name="connsiteY53" fmla="*/ 427736 h 1047191"/>
                  <a:gd name="connsiteX54" fmla="*/ 781207 w 3221845"/>
                  <a:gd name="connsiteY54" fmla="*/ 435359 h 1047191"/>
                  <a:gd name="connsiteX55" fmla="*/ 654515 w 3221845"/>
                  <a:gd name="connsiteY55" fmla="*/ 370446 h 1047191"/>
                  <a:gd name="connsiteX56" fmla="*/ 606097 w 3221845"/>
                  <a:gd name="connsiteY56" fmla="*/ 281626 h 1047191"/>
                  <a:gd name="connsiteX57" fmla="*/ 581573 w 3221845"/>
                  <a:gd name="connsiteY57" fmla="*/ 215059 h 1047191"/>
                  <a:gd name="connsiteX58" fmla="*/ 527760 w 3221845"/>
                  <a:gd name="connsiteY58" fmla="*/ 160856 h 1047191"/>
                  <a:gd name="connsiteX59" fmla="*/ 377395 w 3221845"/>
                  <a:gd name="connsiteY59" fmla="*/ 105419 h 1047191"/>
                  <a:gd name="connsiteX60" fmla="*/ 278036 w 3221845"/>
                  <a:gd name="connsiteY60" fmla="*/ 120051 h 1047191"/>
                  <a:gd name="connsiteX61" fmla="*/ 180571 w 3221845"/>
                  <a:gd name="connsiteY61" fmla="*/ 48746 h 1047191"/>
                  <a:gd name="connsiteX62" fmla="*/ 74787 w 3221845"/>
                  <a:gd name="connsiteY62" fmla="*/ 45270 h 1047191"/>
                  <a:gd name="connsiteX63" fmla="*/ 38538 w 3221845"/>
                  <a:gd name="connsiteY63" fmla="*/ 78425 h 1047191"/>
                  <a:gd name="connsiteX64" fmla="*/ 25597 w 3221845"/>
                  <a:gd name="connsiteY64" fmla="*/ 137260 h 1047191"/>
                  <a:gd name="connsiteX65" fmla="*/ 0 w 3221845"/>
                  <a:gd name="connsiteY65" fmla="*/ 232577 h 1047191"/>
                  <a:gd name="connsiteX66" fmla="*/ 4190 w 3221845"/>
                  <a:gd name="connsiteY66"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57517 w 3221845"/>
                  <a:gd name="connsiteY36" fmla="*/ 386729 h 1047191"/>
                  <a:gd name="connsiteX37" fmla="*/ 2494455 w 3221845"/>
                  <a:gd name="connsiteY37" fmla="*/ 435778 h 1047191"/>
                  <a:gd name="connsiteX38" fmla="*/ 2428520 w 3221845"/>
                  <a:gd name="connsiteY38" fmla="*/ 432892 h 1047191"/>
                  <a:gd name="connsiteX39" fmla="*/ 2277242 w 3221845"/>
                  <a:gd name="connsiteY39" fmla="*/ 385694 h 1047191"/>
                  <a:gd name="connsiteX40" fmla="*/ 2129529 w 3221845"/>
                  <a:gd name="connsiteY40" fmla="*/ 365289 h 1047191"/>
                  <a:gd name="connsiteX41" fmla="*/ 2035158 w 3221845"/>
                  <a:gd name="connsiteY41" fmla="*/ 464422 h 1047191"/>
                  <a:gd name="connsiteX42" fmla="*/ 1984846 w 3221845"/>
                  <a:gd name="connsiteY42" fmla="*/ 550357 h 1047191"/>
                  <a:gd name="connsiteX43" fmla="*/ 1881700 w 3221845"/>
                  <a:gd name="connsiteY43" fmla="*/ 602291 h 1047191"/>
                  <a:gd name="connsiteX44" fmla="*/ 1776249 w 3221845"/>
                  <a:gd name="connsiteY44" fmla="*/ 565405 h 1047191"/>
                  <a:gd name="connsiteX45" fmla="*/ 1706180 w 3221845"/>
                  <a:gd name="connsiteY45" fmla="*/ 533874 h 1047191"/>
                  <a:gd name="connsiteX46" fmla="*/ 1625223 w 3221845"/>
                  <a:gd name="connsiteY46" fmla="*/ 524428 h 1047191"/>
                  <a:gd name="connsiteX47" fmla="*/ 1523654 w 3221845"/>
                  <a:gd name="connsiteY47" fmla="*/ 589510 h 1047191"/>
                  <a:gd name="connsiteX48" fmla="*/ 1382600 w 3221845"/>
                  <a:gd name="connsiteY48" fmla="*/ 628049 h 1047191"/>
                  <a:gd name="connsiteX49" fmla="*/ 1275255 w 3221845"/>
                  <a:gd name="connsiteY49" fmla="*/ 571375 h 1047191"/>
                  <a:gd name="connsiteX50" fmla="*/ 1212824 w 3221845"/>
                  <a:gd name="connsiteY50" fmla="*/ 498420 h 1047191"/>
                  <a:gd name="connsiteX51" fmla="*/ 1145628 w 3221845"/>
                  <a:gd name="connsiteY51" fmla="*/ 418259 h 1047191"/>
                  <a:gd name="connsiteX52" fmla="*/ 1087331 w 3221845"/>
                  <a:gd name="connsiteY52" fmla="*/ 341802 h 1047191"/>
                  <a:gd name="connsiteX53" fmla="*/ 939208 w 3221845"/>
                  <a:gd name="connsiteY53" fmla="*/ 427736 h 1047191"/>
                  <a:gd name="connsiteX54" fmla="*/ 781207 w 3221845"/>
                  <a:gd name="connsiteY54" fmla="*/ 435359 h 1047191"/>
                  <a:gd name="connsiteX55" fmla="*/ 654515 w 3221845"/>
                  <a:gd name="connsiteY55" fmla="*/ 370446 h 1047191"/>
                  <a:gd name="connsiteX56" fmla="*/ 606097 w 3221845"/>
                  <a:gd name="connsiteY56" fmla="*/ 281626 h 1047191"/>
                  <a:gd name="connsiteX57" fmla="*/ 581573 w 3221845"/>
                  <a:gd name="connsiteY57" fmla="*/ 215059 h 1047191"/>
                  <a:gd name="connsiteX58" fmla="*/ 527760 w 3221845"/>
                  <a:gd name="connsiteY58" fmla="*/ 160856 h 1047191"/>
                  <a:gd name="connsiteX59" fmla="*/ 377395 w 3221845"/>
                  <a:gd name="connsiteY59" fmla="*/ 105419 h 1047191"/>
                  <a:gd name="connsiteX60" fmla="*/ 278036 w 3221845"/>
                  <a:gd name="connsiteY60" fmla="*/ 120051 h 1047191"/>
                  <a:gd name="connsiteX61" fmla="*/ 180571 w 3221845"/>
                  <a:gd name="connsiteY61" fmla="*/ 48746 h 1047191"/>
                  <a:gd name="connsiteX62" fmla="*/ 74787 w 3221845"/>
                  <a:gd name="connsiteY62" fmla="*/ 45270 h 1047191"/>
                  <a:gd name="connsiteX63" fmla="*/ 38538 w 3221845"/>
                  <a:gd name="connsiteY63" fmla="*/ 78425 h 1047191"/>
                  <a:gd name="connsiteX64" fmla="*/ 25597 w 3221845"/>
                  <a:gd name="connsiteY64" fmla="*/ 137260 h 1047191"/>
                  <a:gd name="connsiteX65" fmla="*/ 0 w 3221845"/>
                  <a:gd name="connsiteY65" fmla="*/ 232577 h 1047191"/>
                  <a:gd name="connsiteX66" fmla="*/ 4190 w 3221845"/>
                  <a:gd name="connsiteY66"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494455 w 3221845"/>
                  <a:gd name="connsiteY36" fmla="*/ 435778 h 1047191"/>
                  <a:gd name="connsiteX37" fmla="*/ 2428520 w 3221845"/>
                  <a:gd name="connsiteY37" fmla="*/ 432892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494455 w 3221845"/>
                  <a:gd name="connsiteY36" fmla="*/ 435778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03062 w 3221845"/>
                  <a:gd name="connsiteY35" fmla="*/ 309653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11332 w 3221845"/>
                  <a:gd name="connsiteY35" fmla="*/ 359100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04662 w 3221845"/>
                  <a:gd name="connsiteY33" fmla="*/ 162508 h 1047191"/>
                  <a:gd name="connsiteX34" fmla="*/ 2641600 w 3221845"/>
                  <a:gd name="connsiteY34" fmla="*/ 229074 h 1047191"/>
                  <a:gd name="connsiteX35" fmla="*/ 2611332 w 3221845"/>
                  <a:gd name="connsiteY35" fmla="*/ 359100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27283 w 3221845"/>
                  <a:gd name="connsiteY32" fmla="*/ 134481 h 1047191"/>
                  <a:gd name="connsiteX33" fmla="*/ 2712932 w 3221845"/>
                  <a:gd name="connsiteY33" fmla="*/ 178989 h 1047191"/>
                  <a:gd name="connsiteX34" fmla="*/ 2641600 w 3221845"/>
                  <a:gd name="connsiteY34" fmla="*/ 229074 h 1047191"/>
                  <a:gd name="connsiteX35" fmla="*/ 2611332 w 3221845"/>
                  <a:gd name="connsiteY35" fmla="*/ 359100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35553 w 3221845"/>
                  <a:gd name="connsiteY32" fmla="*/ 155085 h 1047191"/>
                  <a:gd name="connsiteX33" fmla="*/ 2712932 w 3221845"/>
                  <a:gd name="connsiteY33" fmla="*/ 178989 h 1047191"/>
                  <a:gd name="connsiteX34" fmla="*/ 2641600 w 3221845"/>
                  <a:gd name="connsiteY34" fmla="*/ 229074 h 1047191"/>
                  <a:gd name="connsiteX35" fmla="*/ 2611332 w 3221845"/>
                  <a:gd name="connsiteY35" fmla="*/ 359100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20087 h 1047191"/>
                  <a:gd name="connsiteX1" fmla="*/ 217214 w 3221845"/>
                  <a:gd name="connsiteY1" fmla="*/ 418259 h 1047191"/>
                  <a:gd name="connsiteX2" fmla="*/ 346842 w 3221845"/>
                  <a:gd name="connsiteY2" fmla="*/ 418259 h 1047191"/>
                  <a:gd name="connsiteX3" fmla="*/ 434428 w 3221845"/>
                  <a:gd name="connsiteY3" fmla="*/ 533873 h 1047191"/>
                  <a:gd name="connsiteX4" fmla="*/ 557049 w 3221845"/>
                  <a:gd name="connsiteY4" fmla="*/ 649487 h 1047191"/>
                  <a:gd name="connsiteX5" fmla="*/ 760249 w 3221845"/>
                  <a:gd name="connsiteY5" fmla="*/ 684521 h 1047191"/>
                  <a:gd name="connsiteX6" fmla="*/ 959946 w 3221845"/>
                  <a:gd name="connsiteY6" fmla="*/ 674012 h 1047191"/>
                  <a:gd name="connsiteX7" fmla="*/ 1051035 w 3221845"/>
                  <a:gd name="connsiteY7" fmla="*/ 702039 h 1047191"/>
                  <a:gd name="connsiteX8" fmla="*/ 1156138 w 3221845"/>
                  <a:gd name="connsiteY8" fmla="*/ 772108 h 1047191"/>
                  <a:gd name="connsiteX9" fmla="*/ 1194676 w 3221845"/>
                  <a:gd name="connsiteY9" fmla="*/ 870204 h 1047191"/>
                  <a:gd name="connsiteX10" fmla="*/ 1331311 w 3221845"/>
                  <a:gd name="connsiteY10" fmla="*/ 929763 h 1047191"/>
                  <a:gd name="connsiteX11" fmla="*/ 1436414 w 3221845"/>
                  <a:gd name="connsiteY11" fmla="*/ 999832 h 1047191"/>
                  <a:gd name="connsiteX12" fmla="*/ 1481959 w 3221845"/>
                  <a:gd name="connsiteY12" fmla="*/ 1045378 h 1047191"/>
                  <a:gd name="connsiteX13" fmla="*/ 1594038 w 3221845"/>
                  <a:gd name="connsiteY13" fmla="*/ 1047191 h 1047191"/>
                  <a:gd name="connsiteX14" fmla="*/ 1723697 w 3221845"/>
                  <a:gd name="connsiteY14" fmla="*/ 996328 h 1047191"/>
                  <a:gd name="connsiteX15" fmla="*/ 1846317 w 3221845"/>
                  <a:gd name="connsiteY15" fmla="*/ 950784 h 1047191"/>
                  <a:gd name="connsiteX16" fmla="*/ 1930400 w 3221845"/>
                  <a:gd name="connsiteY16" fmla="*/ 880715 h 1047191"/>
                  <a:gd name="connsiteX17" fmla="*/ 2039007 w 3221845"/>
                  <a:gd name="connsiteY17" fmla="*/ 828163 h 1047191"/>
                  <a:gd name="connsiteX18" fmla="*/ 2182649 w 3221845"/>
                  <a:gd name="connsiteY18" fmla="*/ 712549 h 1047191"/>
                  <a:gd name="connsiteX19" fmla="*/ 2294759 w 3221845"/>
                  <a:gd name="connsiteY19" fmla="*/ 663502 h 1047191"/>
                  <a:gd name="connsiteX20" fmla="*/ 2427890 w 3221845"/>
                  <a:gd name="connsiteY20" fmla="*/ 698535 h 1047191"/>
                  <a:gd name="connsiteX21" fmla="*/ 2494455 w 3221845"/>
                  <a:gd name="connsiteY21" fmla="*/ 684522 h 1047191"/>
                  <a:gd name="connsiteX22" fmla="*/ 2585545 w 3221845"/>
                  <a:gd name="connsiteY22" fmla="*/ 656494 h 1047191"/>
                  <a:gd name="connsiteX23" fmla="*/ 2760717 w 3221845"/>
                  <a:gd name="connsiteY23" fmla="*/ 530370 h 1047191"/>
                  <a:gd name="connsiteX24" fmla="*/ 2886842 w 3221845"/>
                  <a:gd name="connsiteY24" fmla="*/ 428770 h 1047191"/>
                  <a:gd name="connsiteX25" fmla="*/ 3104055 w 3221845"/>
                  <a:gd name="connsiteY25" fmla="*/ 428770 h 1047191"/>
                  <a:gd name="connsiteX26" fmla="*/ 3221845 w 3221845"/>
                  <a:gd name="connsiteY26" fmla="*/ 351619 h 1047191"/>
                  <a:gd name="connsiteX27" fmla="*/ 3207251 w 3221845"/>
                  <a:gd name="connsiteY27" fmla="*/ 175509 h 1047191"/>
                  <a:gd name="connsiteX28" fmla="*/ 3171541 w 3221845"/>
                  <a:gd name="connsiteY28" fmla="*/ 23439 h 1047191"/>
                  <a:gd name="connsiteX29" fmla="*/ 3086538 w 3221845"/>
                  <a:gd name="connsiteY29" fmla="*/ 32881 h 1047191"/>
                  <a:gd name="connsiteX30" fmla="*/ 2995449 w 3221845"/>
                  <a:gd name="connsiteY30" fmla="*/ 1350 h 1047191"/>
                  <a:gd name="connsiteX31" fmla="*/ 2949904 w 3221845"/>
                  <a:gd name="connsiteY31" fmla="*/ 60909 h 1047191"/>
                  <a:gd name="connsiteX32" fmla="*/ 2835553 w 3221845"/>
                  <a:gd name="connsiteY32" fmla="*/ 155085 h 1047191"/>
                  <a:gd name="connsiteX33" fmla="*/ 2712932 w 3221845"/>
                  <a:gd name="connsiteY33" fmla="*/ 178989 h 1047191"/>
                  <a:gd name="connsiteX34" fmla="*/ 2654005 w 3221845"/>
                  <a:gd name="connsiteY34" fmla="*/ 237316 h 1047191"/>
                  <a:gd name="connsiteX35" fmla="*/ 2611332 w 3221845"/>
                  <a:gd name="connsiteY35" fmla="*/ 359100 h 1047191"/>
                  <a:gd name="connsiteX36" fmla="*/ 2523400 w 3221845"/>
                  <a:gd name="connsiteY36" fmla="*/ 435779 h 1047191"/>
                  <a:gd name="connsiteX37" fmla="*/ 2387172 w 3221845"/>
                  <a:gd name="connsiteY37" fmla="*/ 424651 h 1047191"/>
                  <a:gd name="connsiteX38" fmla="*/ 2277242 w 3221845"/>
                  <a:gd name="connsiteY38" fmla="*/ 385694 h 1047191"/>
                  <a:gd name="connsiteX39" fmla="*/ 2129529 w 3221845"/>
                  <a:gd name="connsiteY39" fmla="*/ 365289 h 1047191"/>
                  <a:gd name="connsiteX40" fmla="*/ 2035158 w 3221845"/>
                  <a:gd name="connsiteY40" fmla="*/ 464422 h 1047191"/>
                  <a:gd name="connsiteX41" fmla="*/ 1984846 w 3221845"/>
                  <a:gd name="connsiteY41" fmla="*/ 550357 h 1047191"/>
                  <a:gd name="connsiteX42" fmla="*/ 1881700 w 3221845"/>
                  <a:gd name="connsiteY42" fmla="*/ 602291 h 1047191"/>
                  <a:gd name="connsiteX43" fmla="*/ 1776249 w 3221845"/>
                  <a:gd name="connsiteY43" fmla="*/ 565405 h 1047191"/>
                  <a:gd name="connsiteX44" fmla="*/ 1706180 w 3221845"/>
                  <a:gd name="connsiteY44" fmla="*/ 533874 h 1047191"/>
                  <a:gd name="connsiteX45" fmla="*/ 1625223 w 3221845"/>
                  <a:gd name="connsiteY45" fmla="*/ 524428 h 1047191"/>
                  <a:gd name="connsiteX46" fmla="*/ 1523654 w 3221845"/>
                  <a:gd name="connsiteY46" fmla="*/ 589510 h 1047191"/>
                  <a:gd name="connsiteX47" fmla="*/ 1382600 w 3221845"/>
                  <a:gd name="connsiteY47" fmla="*/ 628049 h 1047191"/>
                  <a:gd name="connsiteX48" fmla="*/ 1275255 w 3221845"/>
                  <a:gd name="connsiteY48" fmla="*/ 571375 h 1047191"/>
                  <a:gd name="connsiteX49" fmla="*/ 1212824 w 3221845"/>
                  <a:gd name="connsiteY49" fmla="*/ 498420 h 1047191"/>
                  <a:gd name="connsiteX50" fmla="*/ 1145628 w 3221845"/>
                  <a:gd name="connsiteY50" fmla="*/ 418259 h 1047191"/>
                  <a:gd name="connsiteX51" fmla="*/ 1087331 w 3221845"/>
                  <a:gd name="connsiteY51" fmla="*/ 341802 h 1047191"/>
                  <a:gd name="connsiteX52" fmla="*/ 939208 w 3221845"/>
                  <a:gd name="connsiteY52" fmla="*/ 427736 h 1047191"/>
                  <a:gd name="connsiteX53" fmla="*/ 781207 w 3221845"/>
                  <a:gd name="connsiteY53" fmla="*/ 435359 h 1047191"/>
                  <a:gd name="connsiteX54" fmla="*/ 654515 w 3221845"/>
                  <a:gd name="connsiteY54" fmla="*/ 370446 h 1047191"/>
                  <a:gd name="connsiteX55" fmla="*/ 606097 w 3221845"/>
                  <a:gd name="connsiteY55" fmla="*/ 281626 h 1047191"/>
                  <a:gd name="connsiteX56" fmla="*/ 581573 w 3221845"/>
                  <a:gd name="connsiteY56" fmla="*/ 215059 h 1047191"/>
                  <a:gd name="connsiteX57" fmla="*/ 527760 w 3221845"/>
                  <a:gd name="connsiteY57" fmla="*/ 160856 h 1047191"/>
                  <a:gd name="connsiteX58" fmla="*/ 377395 w 3221845"/>
                  <a:gd name="connsiteY58" fmla="*/ 105419 h 1047191"/>
                  <a:gd name="connsiteX59" fmla="*/ 278036 w 3221845"/>
                  <a:gd name="connsiteY59" fmla="*/ 120051 h 1047191"/>
                  <a:gd name="connsiteX60" fmla="*/ 180571 w 3221845"/>
                  <a:gd name="connsiteY60" fmla="*/ 48746 h 1047191"/>
                  <a:gd name="connsiteX61" fmla="*/ 74787 w 3221845"/>
                  <a:gd name="connsiteY61" fmla="*/ 45270 h 1047191"/>
                  <a:gd name="connsiteX62" fmla="*/ 38538 w 3221845"/>
                  <a:gd name="connsiteY62" fmla="*/ 78425 h 1047191"/>
                  <a:gd name="connsiteX63" fmla="*/ 25597 w 3221845"/>
                  <a:gd name="connsiteY63" fmla="*/ 137260 h 1047191"/>
                  <a:gd name="connsiteX64" fmla="*/ 0 w 3221845"/>
                  <a:gd name="connsiteY64" fmla="*/ 232577 h 1047191"/>
                  <a:gd name="connsiteX65" fmla="*/ 4190 w 3221845"/>
                  <a:gd name="connsiteY65" fmla="*/ 320087 h 1047191"/>
                  <a:gd name="connsiteX0" fmla="*/ 4190 w 3221845"/>
                  <a:gd name="connsiteY0" fmla="*/ 319604 h 1046708"/>
                  <a:gd name="connsiteX1" fmla="*/ 217214 w 3221845"/>
                  <a:gd name="connsiteY1" fmla="*/ 417776 h 1046708"/>
                  <a:gd name="connsiteX2" fmla="*/ 346842 w 3221845"/>
                  <a:gd name="connsiteY2" fmla="*/ 417776 h 1046708"/>
                  <a:gd name="connsiteX3" fmla="*/ 434428 w 3221845"/>
                  <a:gd name="connsiteY3" fmla="*/ 533390 h 1046708"/>
                  <a:gd name="connsiteX4" fmla="*/ 557049 w 3221845"/>
                  <a:gd name="connsiteY4" fmla="*/ 649004 h 1046708"/>
                  <a:gd name="connsiteX5" fmla="*/ 760249 w 3221845"/>
                  <a:gd name="connsiteY5" fmla="*/ 684038 h 1046708"/>
                  <a:gd name="connsiteX6" fmla="*/ 959946 w 3221845"/>
                  <a:gd name="connsiteY6" fmla="*/ 673529 h 1046708"/>
                  <a:gd name="connsiteX7" fmla="*/ 1051035 w 3221845"/>
                  <a:gd name="connsiteY7" fmla="*/ 701556 h 1046708"/>
                  <a:gd name="connsiteX8" fmla="*/ 1156138 w 3221845"/>
                  <a:gd name="connsiteY8" fmla="*/ 771625 h 1046708"/>
                  <a:gd name="connsiteX9" fmla="*/ 1194676 w 3221845"/>
                  <a:gd name="connsiteY9" fmla="*/ 869721 h 1046708"/>
                  <a:gd name="connsiteX10" fmla="*/ 1331311 w 3221845"/>
                  <a:gd name="connsiteY10" fmla="*/ 929280 h 1046708"/>
                  <a:gd name="connsiteX11" fmla="*/ 1436414 w 3221845"/>
                  <a:gd name="connsiteY11" fmla="*/ 999349 h 1046708"/>
                  <a:gd name="connsiteX12" fmla="*/ 1481959 w 3221845"/>
                  <a:gd name="connsiteY12" fmla="*/ 1044895 h 1046708"/>
                  <a:gd name="connsiteX13" fmla="*/ 1594038 w 3221845"/>
                  <a:gd name="connsiteY13" fmla="*/ 1046708 h 1046708"/>
                  <a:gd name="connsiteX14" fmla="*/ 1723697 w 3221845"/>
                  <a:gd name="connsiteY14" fmla="*/ 995845 h 1046708"/>
                  <a:gd name="connsiteX15" fmla="*/ 1846317 w 3221845"/>
                  <a:gd name="connsiteY15" fmla="*/ 950301 h 1046708"/>
                  <a:gd name="connsiteX16" fmla="*/ 1930400 w 3221845"/>
                  <a:gd name="connsiteY16" fmla="*/ 880232 h 1046708"/>
                  <a:gd name="connsiteX17" fmla="*/ 2039007 w 3221845"/>
                  <a:gd name="connsiteY17" fmla="*/ 827680 h 1046708"/>
                  <a:gd name="connsiteX18" fmla="*/ 2182649 w 3221845"/>
                  <a:gd name="connsiteY18" fmla="*/ 712066 h 1046708"/>
                  <a:gd name="connsiteX19" fmla="*/ 2294759 w 3221845"/>
                  <a:gd name="connsiteY19" fmla="*/ 663019 h 1046708"/>
                  <a:gd name="connsiteX20" fmla="*/ 2427890 w 3221845"/>
                  <a:gd name="connsiteY20" fmla="*/ 698052 h 1046708"/>
                  <a:gd name="connsiteX21" fmla="*/ 2494455 w 3221845"/>
                  <a:gd name="connsiteY21" fmla="*/ 684039 h 1046708"/>
                  <a:gd name="connsiteX22" fmla="*/ 2585545 w 3221845"/>
                  <a:gd name="connsiteY22" fmla="*/ 656011 h 1046708"/>
                  <a:gd name="connsiteX23" fmla="*/ 2760717 w 3221845"/>
                  <a:gd name="connsiteY23" fmla="*/ 529887 h 1046708"/>
                  <a:gd name="connsiteX24" fmla="*/ 2886842 w 3221845"/>
                  <a:gd name="connsiteY24" fmla="*/ 428287 h 1046708"/>
                  <a:gd name="connsiteX25" fmla="*/ 3104055 w 3221845"/>
                  <a:gd name="connsiteY25" fmla="*/ 428287 h 1046708"/>
                  <a:gd name="connsiteX26" fmla="*/ 3221845 w 3221845"/>
                  <a:gd name="connsiteY26" fmla="*/ 351136 h 1046708"/>
                  <a:gd name="connsiteX27" fmla="*/ 3207251 w 3221845"/>
                  <a:gd name="connsiteY27" fmla="*/ 175026 h 1046708"/>
                  <a:gd name="connsiteX28" fmla="*/ 3171541 w 3221845"/>
                  <a:gd name="connsiteY28" fmla="*/ 22956 h 1046708"/>
                  <a:gd name="connsiteX29" fmla="*/ 3086538 w 3221845"/>
                  <a:gd name="connsiteY29" fmla="*/ 32398 h 1046708"/>
                  <a:gd name="connsiteX30" fmla="*/ 2995449 w 3221845"/>
                  <a:gd name="connsiteY30" fmla="*/ 867 h 1046708"/>
                  <a:gd name="connsiteX31" fmla="*/ 2949905 w 3221845"/>
                  <a:gd name="connsiteY31" fmla="*/ 72789 h 1046708"/>
                  <a:gd name="connsiteX32" fmla="*/ 2835553 w 3221845"/>
                  <a:gd name="connsiteY32" fmla="*/ 154602 h 1046708"/>
                  <a:gd name="connsiteX33" fmla="*/ 2712932 w 3221845"/>
                  <a:gd name="connsiteY33" fmla="*/ 178506 h 1046708"/>
                  <a:gd name="connsiteX34" fmla="*/ 2654005 w 3221845"/>
                  <a:gd name="connsiteY34" fmla="*/ 236833 h 1046708"/>
                  <a:gd name="connsiteX35" fmla="*/ 2611332 w 3221845"/>
                  <a:gd name="connsiteY35" fmla="*/ 358617 h 1046708"/>
                  <a:gd name="connsiteX36" fmla="*/ 2523400 w 3221845"/>
                  <a:gd name="connsiteY36" fmla="*/ 435296 h 1046708"/>
                  <a:gd name="connsiteX37" fmla="*/ 2387172 w 3221845"/>
                  <a:gd name="connsiteY37" fmla="*/ 424168 h 1046708"/>
                  <a:gd name="connsiteX38" fmla="*/ 2277242 w 3221845"/>
                  <a:gd name="connsiteY38" fmla="*/ 385211 h 1046708"/>
                  <a:gd name="connsiteX39" fmla="*/ 2129529 w 3221845"/>
                  <a:gd name="connsiteY39" fmla="*/ 364806 h 1046708"/>
                  <a:gd name="connsiteX40" fmla="*/ 2035158 w 3221845"/>
                  <a:gd name="connsiteY40" fmla="*/ 463939 h 1046708"/>
                  <a:gd name="connsiteX41" fmla="*/ 1984846 w 3221845"/>
                  <a:gd name="connsiteY41" fmla="*/ 549874 h 1046708"/>
                  <a:gd name="connsiteX42" fmla="*/ 1881700 w 3221845"/>
                  <a:gd name="connsiteY42" fmla="*/ 601808 h 1046708"/>
                  <a:gd name="connsiteX43" fmla="*/ 1776249 w 3221845"/>
                  <a:gd name="connsiteY43" fmla="*/ 564922 h 1046708"/>
                  <a:gd name="connsiteX44" fmla="*/ 1706180 w 3221845"/>
                  <a:gd name="connsiteY44" fmla="*/ 533391 h 1046708"/>
                  <a:gd name="connsiteX45" fmla="*/ 1625223 w 3221845"/>
                  <a:gd name="connsiteY45" fmla="*/ 523945 h 1046708"/>
                  <a:gd name="connsiteX46" fmla="*/ 1523654 w 3221845"/>
                  <a:gd name="connsiteY46" fmla="*/ 589027 h 1046708"/>
                  <a:gd name="connsiteX47" fmla="*/ 1382600 w 3221845"/>
                  <a:gd name="connsiteY47" fmla="*/ 627566 h 1046708"/>
                  <a:gd name="connsiteX48" fmla="*/ 1275255 w 3221845"/>
                  <a:gd name="connsiteY48" fmla="*/ 570892 h 1046708"/>
                  <a:gd name="connsiteX49" fmla="*/ 1212824 w 3221845"/>
                  <a:gd name="connsiteY49" fmla="*/ 497937 h 1046708"/>
                  <a:gd name="connsiteX50" fmla="*/ 1145628 w 3221845"/>
                  <a:gd name="connsiteY50" fmla="*/ 417776 h 1046708"/>
                  <a:gd name="connsiteX51" fmla="*/ 1087331 w 3221845"/>
                  <a:gd name="connsiteY51" fmla="*/ 341319 h 1046708"/>
                  <a:gd name="connsiteX52" fmla="*/ 939208 w 3221845"/>
                  <a:gd name="connsiteY52" fmla="*/ 427253 h 1046708"/>
                  <a:gd name="connsiteX53" fmla="*/ 781207 w 3221845"/>
                  <a:gd name="connsiteY53" fmla="*/ 434876 h 1046708"/>
                  <a:gd name="connsiteX54" fmla="*/ 654515 w 3221845"/>
                  <a:gd name="connsiteY54" fmla="*/ 369963 h 1046708"/>
                  <a:gd name="connsiteX55" fmla="*/ 606097 w 3221845"/>
                  <a:gd name="connsiteY55" fmla="*/ 281143 h 1046708"/>
                  <a:gd name="connsiteX56" fmla="*/ 581573 w 3221845"/>
                  <a:gd name="connsiteY56" fmla="*/ 214576 h 1046708"/>
                  <a:gd name="connsiteX57" fmla="*/ 527760 w 3221845"/>
                  <a:gd name="connsiteY57" fmla="*/ 160373 h 1046708"/>
                  <a:gd name="connsiteX58" fmla="*/ 377395 w 3221845"/>
                  <a:gd name="connsiteY58" fmla="*/ 104936 h 1046708"/>
                  <a:gd name="connsiteX59" fmla="*/ 278036 w 3221845"/>
                  <a:gd name="connsiteY59" fmla="*/ 119568 h 1046708"/>
                  <a:gd name="connsiteX60" fmla="*/ 180571 w 3221845"/>
                  <a:gd name="connsiteY60" fmla="*/ 48263 h 1046708"/>
                  <a:gd name="connsiteX61" fmla="*/ 74787 w 3221845"/>
                  <a:gd name="connsiteY61" fmla="*/ 44787 h 1046708"/>
                  <a:gd name="connsiteX62" fmla="*/ 38538 w 3221845"/>
                  <a:gd name="connsiteY62" fmla="*/ 77942 h 1046708"/>
                  <a:gd name="connsiteX63" fmla="*/ 25597 w 3221845"/>
                  <a:gd name="connsiteY63" fmla="*/ 136777 h 1046708"/>
                  <a:gd name="connsiteX64" fmla="*/ 0 w 3221845"/>
                  <a:gd name="connsiteY64" fmla="*/ 232094 h 1046708"/>
                  <a:gd name="connsiteX65" fmla="*/ 4190 w 3221845"/>
                  <a:gd name="connsiteY65" fmla="*/ 319604 h 1046708"/>
                  <a:gd name="connsiteX0" fmla="*/ 4190 w 3221845"/>
                  <a:gd name="connsiteY0" fmla="*/ 319604 h 1046708"/>
                  <a:gd name="connsiteX1" fmla="*/ 217214 w 3221845"/>
                  <a:gd name="connsiteY1" fmla="*/ 417776 h 1046708"/>
                  <a:gd name="connsiteX2" fmla="*/ 346842 w 3221845"/>
                  <a:gd name="connsiteY2" fmla="*/ 417776 h 1046708"/>
                  <a:gd name="connsiteX3" fmla="*/ 434428 w 3221845"/>
                  <a:gd name="connsiteY3" fmla="*/ 533390 h 1046708"/>
                  <a:gd name="connsiteX4" fmla="*/ 557049 w 3221845"/>
                  <a:gd name="connsiteY4" fmla="*/ 649004 h 1046708"/>
                  <a:gd name="connsiteX5" fmla="*/ 760249 w 3221845"/>
                  <a:gd name="connsiteY5" fmla="*/ 684038 h 1046708"/>
                  <a:gd name="connsiteX6" fmla="*/ 959946 w 3221845"/>
                  <a:gd name="connsiteY6" fmla="*/ 673529 h 1046708"/>
                  <a:gd name="connsiteX7" fmla="*/ 1051035 w 3221845"/>
                  <a:gd name="connsiteY7" fmla="*/ 701556 h 1046708"/>
                  <a:gd name="connsiteX8" fmla="*/ 1156138 w 3221845"/>
                  <a:gd name="connsiteY8" fmla="*/ 771625 h 1046708"/>
                  <a:gd name="connsiteX9" fmla="*/ 1194676 w 3221845"/>
                  <a:gd name="connsiteY9" fmla="*/ 869721 h 1046708"/>
                  <a:gd name="connsiteX10" fmla="*/ 1331311 w 3221845"/>
                  <a:gd name="connsiteY10" fmla="*/ 929280 h 1046708"/>
                  <a:gd name="connsiteX11" fmla="*/ 1436414 w 3221845"/>
                  <a:gd name="connsiteY11" fmla="*/ 999349 h 1046708"/>
                  <a:gd name="connsiteX12" fmla="*/ 1481959 w 3221845"/>
                  <a:gd name="connsiteY12" fmla="*/ 1044895 h 1046708"/>
                  <a:gd name="connsiteX13" fmla="*/ 1594038 w 3221845"/>
                  <a:gd name="connsiteY13" fmla="*/ 1046708 h 1046708"/>
                  <a:gd name="connsiteX14" fmla="*/ 1723697 w 3221845"/>
                  <a:gd name="connsiteY14" fmla="*/ 995845 h 1046708"/>
                  <a:gd name="connsiteX15" fmla="*/ 1846317 w 3221845"/>
                  <a:gd name="connsiteY15" fmla="*/ 950301 h 1046708"/>
                  <a:gd name="connsiteX16" fmla="*/ 1930400 w 3221845"/>
                  <a:gd name="connsiteY16" fmla="*/ 880232 h 1046708"/>
                  <a:gd name="connsiteX17" fmla="*/ 2039007 w 3221845"/>
                  <a:gd name="connsiteY17" fmla="*/ 827680 h 1046708"/>
                  <a:gd name="connsiteX18" fmla="*/ 2182649 w 3221845"/>
                  <a:gd name="connsiteY18" fmla="*/ 712066 h 1046708"/>
                  <a:gd name="connsiteX19" fmla="*/ 2294759 w 3221845"/>
                  <a:gd name="connsiteY19" fmla="*/ 663019 h 1046708"/>
                  <a:gd name="connsiteX20" fmla="*/ 2427890 w 3221845"/>
                  <a:gd name="connsiteY20" fmla="*/ 698052 h 1046708"/>
                  <a:gd name="connsiteX21" fmla="*/ 2494455 w 3221845"/>
                  <a:gd name="connsiteY21" fmla="*/ 684039 h 1046708"/>
                  <a:gd name="connsiteX22" fmla="*/ 2585545 w 3221845"/>
                  <a:gd name="connsiteY22" fmla="*/ 656011 h 1046708"/>
                  <a:gd name="connsiteX23" fmla="*/ 2760717 w 3221845"/>
                  <a:gd name="connsiteY23" fmla="*/ 529887 h 1046708"/>
                  <a:gd name="connsiteX24" fmla="*/ 2886842 w 3221845"/>
                  <a:gd name="connsiteY24" fmla="*/ 428287 h 1046708"/>
                  <a:gd name="connsiteX25" fmla="*/ 3104055 w 3221845"/>
                  <a:gd name="connsiteY25" fmla="*/ 428287 h 1046708"/>
                  <a:gd name="connsiteX26" fmla="*/ 3221845 w 3221845"/>
                  <a:gd name="connsiteY26" fmla="*/ 351136 h 1046708"/>
                  <a:gd name="connsiteX27" fmla="*/ 3207251 w 3221845"/>
                  <a:gd name="connsiteY27" fmla="*/ 175026 h 1046708"/>
                  <a:gd name="connsiteX28" fmla="*/ 3171541 w 3221845"/>
                  <a:gd name="connsiteY28" fmla="*/ 22956 h 1046708"/>
                  <a:gd name="connsiteX29" fmla="*/ 3086538 w 3221845"/>
                  <a:gd name="connsiteY29" fmla="*/ 32398 h 1046708"/>
                  <a:gd name="connsiteX30" fmla="*/ 2995449 w 3221845"/>
                  <a:gd name="connsiteY30" fmla="*/ 867 h 1046708"/>
                  <a:gd name="connsiteX31" fmla="*/ 2949905 w 3221845"/>
                  <a:gd name="connsiteY31" fmla="*/ 72789 h 1046708"/>
                  <a:gd name="connsiteX32" fmla="*/ 2835553 w 3221845"/>
                  <a:gd name="connsiteY32" fmla="*/ 154602 h 1046708"/>
                  <a:gd name="connsiteX33" fmla="*/ 2712932 w 3221845"/>
                  <a:gd name="connsiteY33" fmla="*/ 178506 h 1046708"/>
                  <a:gd name="connsiteX34" fmla="*/ 2654005 w 3221845"/>
                  <a:gd name="connsiteY34" fmla="*/ 236833 h 1046708"/>
                  <a:gd name="connsiteX35" fmla="*/ 2611332 w 3221845"/>
                  <a:gd name="connsiteY35" fmla="*/ 358617 h 1046708"/>
                  <a:gd name="connsiteX36" fmla="*/ 2523400 w 3221845"/>
                  <a:gd name="connsiteY36" fmla="*/ 435296 h 1046708"/>
                  <a:gd name="connsiteX37" fmla="*/ 2387172 w 3221845"/>
                  <a:gd name="connsiteY37" fmla="*/ 424168 h 1046708"/>
                  <a:gd name="connsiteX38" fmla="*/ 2277242 w 3221845"/>
                  <a:gd name="connsiteY38" fmla="*/ 385211 h 1046708"/>
                  <a:gd name="connsiteX39" fmla="*/ 2129529 w 3221845"/>
                  <a:gd name="connsiteY39" fmla="*/ 364806 h 1046708"/>
                  <a:gd name="connsiteX40" fmla="*/ 2035158 w 3221845"/>
                  <a:gd name="connsiteY40" fmla="*/ 463939 h 1046708"/>
                  <a:gd name="connsiteX41" fmla="*/ 1984846 w 3221845"/>
                  <a:gd name="connsiteY41" fmla="*/ 549874 h 1046708"/>
                  <a:gd name="connsiteX42" fmla="*/ 1881700 w 3221845"/>
                  <a:gd name="connsiteY42" fmla="*/ 601808 h 1046708"/>
                  <a:gd name="connsiteX43" fmla="*/ 1776249 w 3221845"/>
                  <a:gd name="connsiteY43" fmla="*/ 564922 h 1046708"/>
                  <a:gd name="connsiteX44" fmla="*/ 1706180 w 3221845"/>
                  <a:gd name="connsiteY44" fmla="*/ 533391 h 1046708"/>
                  <a:gd name="connsiteX45" fmla="*/ 1625223 w 3221845"/>
                  <a:gd name="connsiteY45" fmla="*/ 523945 h 1046708"/>
                  <a:gd name="connsiteX46" fmla="*/ 1523654 w 3221845"/>
                  <a:gd name="connsiteY46" fmla="*/ 589027 h 1046708"/>
                  <a:gd name="connsiteX47" fmla="*/ 1382600 w 3221845"/>
                  <a:gd name="connsiteY47" fmla="*/ 627566 h 1046708"/>
                  <a:gd name="connsiteX48" fmla="*/ 1275255 w 3221845"/>
                  <a:gd name="connsiteY48" fmla="*/ 570892 h 1046708"/>
                  <a:gd name="connsiteX49" fmla="*/ 1212824 w 3221845"/>
                  <a:gd name="connsiteY49" fmla="*/ 497937 h 1046708"/>
                  <a:gd name="connsiteX50" fmla="*/ 1145628 w 3221845"/>
                  <a:gd name="connsiteY50" fmla="*/ 417776 h 1046708"/>
                  <a:gd name="connsiteX51" fmla="*/ 1087331 w 3221845"/>
                  <a:gd name="connsiteY51" fmla="*/ 341319 h 1046708"/>
                  <a:gd name="connsiteX52" fmla="*/ 939208 w 3221845"/>
                  <a:gd name="connsiteY52" fmla="*/ 427253 h 1046708"/>
                  <a:gd name="connsiteX53" fmla="*/ 781207 w 3221845"/>
                  <a:gd name="connsiteY53" fmla="*/ 434876 h 1046708"/>
                  <a:gd name="connsiteX54" fmla="*/ 654515 w 3221845"/>
                  <a:gd name="connsiteY54" fmla="*/ 369963 h 1046708"/>
                  <a:gd name="connsiteX55" fmla="*/ 606097 w 3221845"/>
                  <a:gd name="connsiteY55" fmla="*/ 281143 h 1046708"/>
                  <a:gd name="connsiteX56" fmla="*/ 581573 w 3221845"/>
                  <a:gd name="connsiteY56" fmla="*/ 214576 h 1046708"/>
                  <a:gd name="connsiteX57" fmla="*/ 527760 w 3221845"/>
                  <a:gd name="connsiteY57" fmla="*/ 160373 h 1046708"/>
                  <a:gd name="connsiteX58" fmla="*/ 377395 w 3221845"/>
                  <a:gd name="connsiteY58" fmla="*/ 104936 h 1046708"/>
                  <a:gd name="connsiteX59" fmla="*/ 278036 w 3221845"/>
                  <a:gd name="connsiteY59" fmla="*/ 119568 h 1046708"/>
                  <a:gd name="connsiteX60" fmla="*/ 180571 w 3221845"/>
                  <a:gd name="connsiteY60" fmla="*/ 48263 h 1046708"/>
                  <a:gd name="connsiteX61" fmla="*/ 74787 w 3221845"/>
                  <a:gd name="connsiteY61" fmla="*/ 44787 h 1046708"/>
                  <a:gd name="connsiteX62" fmla="*/ 38538 w 3221845"/>
                  <a:gd name="connsiteY62" fmla="*/ 77942 h 1046708"/>
                  <a:gd name="connsiteX63" fmla="*/ 25597 w 3221845"/>
                  <a:gd name="connsiteY63" fmla="*/ 136777 h 1046708"/>
                  <a:gd name="connsiteX64" fmla="*/ 0 w 3221845"/>
                  <a:gd name="connsiteY64" fmla="*/ 232094 h 1046708"/>
                  <a:gd name="connsiteX65" fmla="*/ 4190 w 3221845"/>
                  <a:gd name="connsiteY65" fmla="*/ 319604 h 1046708"/>
                  <a:gd name="connsiteX0" fmla="*/ 4190 w 3221845"/>
                  <a:gd name="connsiteY0" fmla="*/ 319604 h 1046708"/>
                  <a:gd name="connsiteX1" fmla="*/ 217214 w 3221845"/>
                  <a:gd name="connsiteY1" fmla="*/ 417776 h 1046708"/>
                  <a:gd name="connsiteX2" fmla="*/ 346842 w 3221845"/>
                  <a:gd name="connsiteY2" fmla="*/ 417776 h 1046708"/>
                  <a:gd name="connsiteX3" fmla="*/ 434428 w 3221845"/>
                  <a:gd name="connsiteY3" fmla="*/ 533390 h 1046708"/>
                  <a:gd name="connsiteX4" fmla="*/ 557049 w 3221845"/>
                  <a:gd name="connsiteY4" fmla="*/ 649004 h 1046708"/>
                  <a:gd name="connsiteX5" fmla="*/ 760249 w 3221845"/>
                  <a:gd name="connsiteY5" fmla="*/ 684038 h 1046708"/>
                  <a:gd name="connsiteX6" fmla="*/ 959946 w 3221845"/>
                  <a:gd name="connsiteY6" fmla="*/ 673529 h 1046708"/>
                  <a:gd name="connsiteX7" fmla="*/ 1051035 w 3221845"/>
                  <a:gd name="connsiteY7" fmla="*/ 701556 h 1046708"/>
                  <a:gd name="connsiteX8" fmla="*/ 1156138 w 3221845"/>
                  <a:gd name="connsiteY8" fmla="*/ 771625 h 1046708"/>
                  <a:gd name="connsiteX9" fmla="*/ 1194676 w 3221845"/>
                  <a:gd name="connsiteY9" fmla="*/ 869721 h 1046708"/>
                  <a:gd name="connsiteX10" fmla="*/ 1331311 w 3221845"/>
                  <a:gd name="connsiteY10" fmla="*/ 929280 h 1046708"/>
                  <a:gd name="connsiteX11" fmla="*/ 1436414 w 3221845"/>
                  <a:gd name="connsiteY11" fmla="*/ 999349 h 1046708"/>
                  <a:gd name="connsiteX12" fmla="*/ 1481959 w 3221845"/>
                  <a:gd name="connsiteY12" fmla="*/ 1044895 h 1046708"/>
                  <a:gd name="connsiteX13" fmla="*/ 1594038 w 3221845"/>
                  <a:gd name="connsiteY13" fmla="*/ 1046708 h 1046708"/>
                  <a:gd name="connsiteX14" fmla="*/ 1723697 w 3221845"/>
                  <a:gd name="connsiteY14" fmla="*/ 995845 h 1046708"/>
                  <a:gd name="connsiteX15" fmla="*/ 1846317 w 3221845"/>
                  <a:gd name="connsiteY15" fmla="*/ 950301 h 1046708"/>
                  <a:gd name="connsiteX16" fmla="*/ 1930400 w 3221845"/>
                  <a:gd name="connsiteY16" fmla="*/ 880232 h 1046708"/>
                  <a:gd name="connsiteX17" fmla="*/ 2039007 w 3221845"/>
                  <a:gd name="connsiteY17" fmla="*/ 827680 h 1046708"/>
                  <a:gd name="connsiteX18" fmla="*/ 2182649 w 3221845"/>
                  <a:gd name="connsiteY18" fmla="*/ 712066 h 1046708"/>
                  <a:gd name="connsiteX19" fmla="*/ 2294759 w 3221845"/>
                  <a:gd name="connsiteY19" fmla="*/ 663019 h 1046708"/>
                  <a:gd name="connsiteX20" fmla="*/ 2427890 w 3221845"/>
                  <a:gd name="connsiteY20" fmla="*/ 698052 h 1046708"/>
                  <a:gd name="connsiteX21" fmla="*/ 2494455 w 3221845"/>
                  <a:gd name="connsiteY21" fmla="*/ 684039 h 1046708"/>
                  <a:gd name="connsiteX22" fmla="*/ 2585545 w 3221845"/>
                  <a:gd name="connsiteY22" fmla="*/ 656011 h 1046708"/>
                  <a:gd name="connsiteX23" fmla="*/ 2760717 w 3221845"/>
                  <a:gd name="connsiteY23" fmla="*/ 529887 h 1046708"/>
                  <a:gd name="connsiteX24" fmla="*/ 2886842 w 3221845"/>
                  <a:gd name="connsiteY24" fmla="*/ 428287 h 1046708"/>
                  <a:gd name="connsiteX25" fmla="*/ 3104055 w 3221845"/>
                  <a:gd name="connsiteY25" fmla="*/ 428287 h 1046708"/>
                  <a:gd name="connsiteX26" fmla="*/ 3221845 w 3221845"/>
                  <a:gd name="connsiteY26" fmla="*/ 351136 h 1046708"/>
                  <a:gd name="connsiteX27" fmla="*/ 3207251 w 3221845"/>
                  <a:gd name="connsiteY27" fmla="*/ 175026 h 1046708"/>
                  <a:gd name="connsiteX28" fmla="*/ 3171541 w 3221845"/>
                  <a:gd name="connsiteY28" fmla="*/ 22956 h 1046708"/>
                  <a:gd name="connsiteX29" fmla="*/ 3086538 w 3221845"/>
                  <a:gd name="connsiteY29" fmla="*/ 32398 h 1046708"/>
                  <a:gd name="connsiteX30" fmla="*/ 2995449 w 3221845"/>
                  <a:gd name="connsiteY30" fmla="*/ 867 h 1046708"/>
                  <a:gd name="connsiteX31" fmla="*/ 2949905 w 3221845"/>
                  <a:gd name="connsiteY31" fmla="*/ 72789 h 1046708"/>
                  <a:gd name="connsiteX32" fmla="*/ 2835553 w 3221845"/>
                  <a:gd name="connsiteY32" fmla="*/ 154602 h 1046708"/>
                  <a:gd name="connsiteX33" fmla="*/ 2712932 w 3221845"/>
                  <a:gd name="connsiteY33" fmla="*/ 178506 h 1046708"/>
                  <a:gd name="connsiteX34" fmla="*/ 2654005 w 3221845"/>
                  <a:gd name="connsiteY34" fmla="*/ 236833 h 1046708"/>
                  <a:gd name="connsiteX35" fmla="*/ 2611332 w 3221845"/>
                  <a:gd name="connsiteY35" fmla="*/ 358617 h 1046708"/>
                  <a:gd name="connsiteX36" fmla="*/ 2523400 w 3221845"/>
                  <a:gd name="connsiteY36" fmla="*/ 435296 h 1046708"/>
                  <a:gd name="connsiteX37" fmla="*/ 2387172 w 3221845"/>
                  <a:gd name="connsiteY37" fmla="*/ 424168 h 1046708"/>
                  <a:gd name="connsiteX38" fmla="*/ 2277242 w 3221845"/>
                  <a:gd name="connsiteY38" fmla="*/ 385211 h 1046708"/>
                  <a:gd name="connsiteX39" fmla="*/ 2129529 w 3221845"/>
                  <a:gd name="connsiteY39" fmla="*/ 364806 h 1046708"/>
                  <a:gd name="connsiteX40" fmla="*/ 2035158 w 3221845"/>
                  <a:gd name="connsiteY40" fmla="*/ 463939 h 1046708"/>
                  <a:gd name="connsiteX41" fmla="*/ 1984846 w 3221845"/>
                  <a:gd name="connsiteY41" fmla="*/ 549874 h 1046708"/>
                  <a:gd name="connsiteX42" fmla="*/ 1881700 w 3221845"/>
                  <a:gd name="connsiteY42" fmla="*/ 601808 h 1046708"/>
                  <a:gd name="connsiteX43" fmla="*/ 1776249 w 3221845"/>
                  <a:gd name="connsiteY43" fmla="*/ 564922 h 1046708"/>
                  <a:gd name="connsiteX44" fmla="*/ 1706180 w 3221845"/>
                  <a:gd name="connsiteY44" fmla="*/ 533391 h 1046708"/>
                  <a:gd name="connsiteX45" fmla="*/ 1625223 w 3221845"/>
                  <a:gd name="connsiteY45" fmla="*/ 523945 h 1046708"/>
                  <a:gd name="connsiteX46" fmla="*/ 1523654 w 3221845"/>
                  <a:gd name="connsiteY46" fmla="*/ 589027 h 1046708"/>
                  <a:gd name="connsiteX47" fmla="*/ 1382600 w 3221845"/>
                  <a:gd name="connsiteY47" fmla="*/ 627566 h 1046708"/>
                  <a:gd name="connsiteX48" fmla="*/ 1275255 w 3221845"/>
                  <a:gd name="connsiteY48" fmla="*/ 570892 h 1046708"/>
                  <a:gd name="connsiteX49" fmla="*/ 1212824 w 3221845"/>
                  <a:gd name="connsiteY49" fmla="*/ 497937 h 1046708"/>
                  <a:gd name="connsiteX50" fmla="*/ 1145628 w 3221845"/>
                  <a:gd name="connsiteY50" fmla="*/ 417776 h 1046708"/>
                  <a:gd name="connsiteX51" fmla="*/ 1087331 w 3221845"/>
                  <a:gd name="connsiteY51" fmla="*/ 341319 h 1046708"/>
                  <a:gd name="connsiteX52" fmla="*/ 939208 w 3221845"/>
                  <a:gd name="connsiteY52" fmla="*/ 427253 h 1046708"/>
                  <a:gd name="connsiteX53" fmla="*/ 781207 w 3221845"/>
                  <a:gd name="connsiteY53" fmla="*/ 434876 h 1046708"/>
                  <a:gd name="connsiteX54" fmla="*/ 654515 w 3221845"/>
                  <a:gd name="connsiteY54" fmla="*/ 369963 h 1046708"/>
                  <a:gd name="connsiteX55" fmla="*/ 606097 w 3221845"/>
                  <a:gd name="connsiteY55" fmla="*/ 281143 h 1046708"/>
                  <a:gd name="connsiteX56" fmla="*/ 581573 w 3221845"/>
                  <a:gd name="connsiteY56" fmla="*/ 214576 h 1046708"/>
                  <a:gd name="connsiteX57" fmla="*/ 527760 w 3221845"/>
                  <a:gd name="connsiteY57" fmla="*/ 160373 h 1046708"/>
                  <a:gd name="connsiteX58" fmla="*/ 377395 w 3221845"/>
                  <a:gd name="connsiteY58" fmla="*/ 104936 h 1046708"/>
                  <a:gd name="connsiteX59" fmla="*/ 278036 w 3221845"/>
                  <a:gd name="connsiteY59" fmla="*/ 119568 h 1046708"/>
                  <a:gd name="connsiteX60" fmla="*/ 180571 w 3221845"/>
                  <a:gd name="connsiteY60" fmla="*/ 48263 h 1046708"/>
                  <a:gd name="connsiteX61" fmla="*/ 74787 w 3221845"/>
                  <a:gd name="connsiteY61" fmla="*/ 44787 h 1046708"/>
                  <a:gd name="connsiteX62" fmla="*/ 38538 w 3221845"/>
                  <a:gd name="connsiteY62" fmla="*/ 77942 h 1046708"/>
                  <a:gd name="connsiteX63" fmla="*/ 25597 w 3221845"/>
                  <a:gd name="connsiteY63" fmla="*/ 136777 h 1046708"/>
                  <a:gd name="connsiteX64" fmla="*/ 0 w 3221845"/>
                  <a:gd name="connsiteY64" fmla="*/ 232094 h 1046708"/>
                  <a:gd name="connsiteX65" fmla="*/ 4190 w 3221845"/>
                  <a:gd name="connsiteY65" fmla="*/ 319604 h 1046708"/>
                  <a:gd name="connsiteX0" fmla="*/ 4190 w 3221845"/>
                  <a:gd name="connsiteY0" fmla="*/ 319683 h 1046787"/>
                  <a:gd name="connsiteX1" fmla="*/ 217214 w 3221845"/>
                  <a:gd name="connsiteY1" fmla="*/ 417855 h 1046787"/>
                  <a:gd name="connsiteX2" fmla="*/ 346842 w 3221845"/>
                  <a:gd name="connsiteY2" fmla="*/ 417855 h 1046787"/>
                  <a:gd name="connsiteX3" fmla="*/ 434428 w 3221845"/>
                  <a:gd name="connsiteY3" fmla="*/ 533469 h 1046787"/>
                  <a:gd name="connsiteX4" fmla="*/ 557049 w 3221845"/>
                  <a:gd name="connsiteY4" fmla="*/ 649083 h 1046787"/>
                  <a:gd name="connsiteX5" fmla="*/ 760249 w 3221845"/>
                  <a:gd name="connsiteY5" fmla="*/ 684117 h 1046787"/>
                  <a:gd name="connsiteX6" fmla="*/ 959946 w 3221845"/>
                  <a:gd name="connsiteY6" fmla="*/ 673608 h 1046787"/>
                  <a:gd name="connsiteX7" fmla="*/ 1051035 w 3221845"/>
                  <a:gd name="connsiteY7" fmla="*/ 701635 h 1046787"/>
                  <a:gd name="connsiteX8" fmla="*/ 1156138 w 3221845"/>
                  <a:gd name="connsiteY8" fmla="*/ 771704 h 1046787"/>
                  <a:gd name="connsiteX9" fmla="*/ 1194676 w 3221845"/>
                  <a:gd name="connsiteY9" fmla="*/ 869800 h 1046787"/>
                  <a:gd name="connsiteX10" fmla="*/ 1331311 w 3221845"/>
                  <a:gd name="connsiteY10" fmla="*/ 929359 h 1046787"/>
                  <a:gd name="connsiteX11" fmla="*/ 1436414 w 3221845"/>
                  <a:gd name="connsiteY11" fmla="*/ 999428 h 1046787"/>
                  <a:gd name="connsiteX12" fmla="*/ 1481959 w 3221845"/>
                  <a:gd name="connsiteY12" fmla="*/ 1044974 h 1046787"/>
                  <a:gd name="connsiteX13" fmla="*/ 1594038 w 3221845"/>
                  <a:gd name="connsiteY13" fmla="*/ 1046787 h 1046787"/>
                  <a:gd name="connsiteX14" fmla="*/ 1723697 w 3221845"/>
                  <a:gd name="connsiteY14" fmla="*/ 995924 h 1046787"/>
                  <a:gd name="connsiteX15" fmla="*/ 1846317 w 3221845"/>
                  <a:gd name="connsiteY15" fmla="*/ 950380 h 1046787"/>
                  <a:gd name="connsiteX16" fmla="*/ 1930400 w 3221845"/>
                  <a:gd name="connsiteY16" fmla="*/ 880311 h 1046787"/>
                  <a:gd name="connsiteX17" fmla="*/ 2039007 w 3221845"/>
                  <a:gd name="connsiteY17" fmla="*/ 827759 h 1046787"/>
                  <a:gd name="connsiteX18" fmla="*/ 2182649 w 3221845"/>
                  <a:gd name="connsiteY18" fmla="*/ 712145 h 1046787"/>
                  <a:gd name="connsiteX19" fmla="*/ 2294759 w 3221845"/>
                  <a:gd name="connsiteY19" fmla="*/ 663098 h 1046787"/>
                  <a:gd name="connsiteX20" fmla="*/ 2427890 w 3221845"/>
                  <a:gd name="connsiteY20" fmla="*/ 698131 h 1046787"/>
                  <a:gd name="connsiteX21" fmla="*/ 2494455 w 3221845"/>
                  <a:gd name="connsiteY21" fmla="*/ 684118 h 1046787"/>
                  <a:gd name="connsiteX22" fmla="*/ 2585545 w 3221845"/>
                  <a:gd name="connsiteY22" fmla="*/ 656090 h 1046787"/>
                  <a:gd name="connsiteX23" fmla="*/ 2760717 w 3221845"/>
                  <a:gd name="connsiteY23" fmla="*/ 529966 h 1046787"/>
                  <a:gd name="connsiteX24" fmla="*/ 2886842 w 3221845"/>
                  <a:gd name="connsiteY24" fmla="*/ 428366 h 1046787"/>
                  <a:gd name="connsiteX25" fmla="*/ 3104055 w 3221845"/>
                  <a:gd name="connsiteY25" fmla="*/ 428366 h 1046787"/>
                  <a:gd name="connsiteX26" fmla="*/ 3221845 w 3221845"/>
                  <a:gd name="connsiteY26" fmla="*/ 351215 h 1046787"/>
                  <a:gd name="connsiteX27" fmla="*/ 3207251 w 3221845"/>
                  <a:gd name="connsiteY27" fmla="*/ 175105 h 1046787"/>
                  <a:gd name="connsiteX28" fmla="*/ 3192215 w 3221845"/>
                  <a:gd name="connsiteY28" fmla="*/ 43636 h 1046787"/>
                  <a:gd name="connsiteX29" fmla="*/ 3086538 w 3221845"/>
                  <a:gd name="connsiteY29" fmla="*/ 32477 h 1046787"/>
                  <a:gd name="connsiteX30" fmla="*/ 2995449 w 3221845"/>
                  <a:gd name="connsiteY30" fmla="*/ 946 h 1046787"/>
                  <a:gd name="connsiteX31" fmla="*/ 2949905 w 3221845"/>
                  <a:gd name="connsiteY31" fmla="*/ 72868 h 1046787"/>
                  <a:gd name="connsiteX32" fmla="*/ 2835553 w 3221845"/>
                  <a:gd name="connsiteY32" fmla="*/ 154681 h 1046787"/>
                  <a:gd name="connsiteX33" fmla="*/ 2712932 w 3221845"/>
                  <a:gd name="connsiteY33" fmla="*/ 178585 h 1046787"/>
                  <a:gd name="connsiteX34" fmla="*/ 2654005 w 3221845"/>
                  <a:gd name="connsiteY34" fmla="*/ 236912 h 1046787"/>
                  <a:gd name="connsiteX35" fmla="*/ 2611332 w 3221845"/>
                  <a:gd name="connsiteY35" fmla="*/ 358696 h 1046787"/>
                  <a:gd name="connsiteX36" fmla="*/ 2523400 w 3221845"/>
                  <a:gd name="connsiteY36" fmla="*/ 435375 h 1046787"/>
                  <a:gd name="connsiteX37" fmla="*/ 2387172 w 3221845"/>
                  <a:gd name="connsiteY37" fmla="*/ 424247 h 1046787"/>
                  <a:gd name="connsiteX38" fmla="*/ 2277242 w 3221845"/>
                  <a:gd name="connsiteY38" fmla="*/ 385290 h 1046787"/>
                  <a:gd name="connsiteX39" fmla="*/ 2129529 w 3221845"/>
                  <a:gd name="connsiteY39" fmla="*/ 364885 h 1046787"/>
                  <a:gd name="connsiteX40" fmla="*/ 2035158 w 3221845"/>
                  <a:gd name="connsiteY40" fmla="*/ 464018 h 1046787"/>
                  <a:gd name="connsiteX41" fmla="*/ 1984846 w 3221845"/>
                  <a:gd name="connsiteY41" fmla="*/ 549953 h 1046787"/>
                  <a:gd name="connsiteX42" fmla="*/ 1881700 w 3221845"/>
                  <a:gd name="connsiteY42" fmla="*/ 601887 h 1046787"/>
                  <a:gd name="connsiteX43" fmla="*/ 1776249 w 3221845"/>
                  <a:gd name="connsiteY43" fmla="*/ 565001 h 1046787"/>
                  <a:gd name="connsiteX44" fmla="*/ 1706180 w 3221845"/>
                  <a:gd name="connsiteY44" fmla="*/ 533470 h 1046787"/>
                  <a:gd name="connsiteX45" fmla="*/ 1625223 w 3221845"/>
                  <a:gd name="connsiteY45" fmla="*/ 524024 h 1046787"/>
                  <a:gd name="connsiteX46" fmla="*/ 1523654 w 3221845"/>
                  <a:gd name="connsiteY46" fmla="*/ 589106 h 1046787"/>
                  <a:gd name="connsiteX47" fmla="*/ 1382600 w 3221845"/>
                  <a:gd name="connsiteY47" fmla="*/ 627645 h 1046787"/>
                  <a:gd name="connsiteX48" fmla="*/ 1275255 w 3221845"/>
                  <a:gd name="connsiteY48" fmla="*/ 570971 h 1046787"/>
                  <a:gd name="connsiteX49" fmla="*/ 1212824 w 3221845"/>
                  <a:gd name="connsiteY49" fmla="*/ 498016 h 1046787"/>
                  <a:gd name="connsiteX50" fmla="*/ 1145628 w 3221845"/>
                  <a:gd name="connsiteY50" fmla="*/ 417855 h 1046787"/>
                  <a:gd name="connsiteX51" fmla="*/ 1087331 w 3221845"/>
                  <a:gd name="connsiteY51" fmla="*/ 341398 h 1046787"/>
                  <a:gd name="connsiteX52" fmla="*/ 939208 w 3221845"/>
                  <a:gd name="connsiteY52" fmla="*/ 427332 h 1046787"/>
                  <a:gd name="connsiteX53" fmla="*/ 781207 w 3221845"/>
                  <a:gd name="connsiteY53" fmla="*/ 434955 h 1046787"/>
                  <a:gd name="connsiteX54" fmla="*/ 654515 w 3221845"/>
                  <a:gd name="connsiteY54" fmla="*/ 370042 h 1046787"/>
                  <a:gd name="connsiteX55" fmla="*/ 606097 w 3221845"/>
                  <a:gd name="connsiteY55" fmla="*/ 281222 h 1046787"/>
                  <a:gd name="connsiteX56" fmla="*/ 581573 w 3221845"/>
                  <a:gd name="connsiteY56" fmla="*/ 214655 h 1046787"/>
                  <a:gd name="connsiteX57" fmla="*/ 527760 w 3221845"/>
                  <a:gd name="connsiteY57" fmla="*/ 160452 h 1046787"/>
                  <a:gd name="connsiteX58" fmla="*/ 377395 w 3221845"/>
                  <a:gd name="connsiteY58" fmla="*/ 105015 h 1046787"/>
                  <a:gd name="connsiteX59" fmla="*/ 278036 w 3221845"/>
                  <a:gd name="connsiteY59" fmla="*/ 119647 h 1046787"/>
                  <a:gd name="connsiteX60" fmla="*/ 180571 w 3221845"/>
                  <a:gd name="connsiteY60" fmla="*/ 48342 h 1046787"/>
                  <a:gd name="connsiteX61" fmla="*/ 74787 w 3221845"/>
                  <a:gd name="connsiteY61" fmla="*/ 44866 h 1046787"/>
                  <a:gd name="connsiteX62" fmla="*/ 38538 w 3221845"/>
                  <a:gd name="connsiteY62" fmla="*/ 78021 h 1046787"/>
                  <a:gd name="connsiteX63" fmla="*/ 25597 w 3221845"/>
                  <a:gd name="connsiteY63" fmla="*/ 136856 h 1046787"/>
                  <a:gd name="connsiteX64" fmla="*/ 0 w 3221845"/>
                  <a:gd name="connsiteY64" fmla="*/ 232173 h 1046787"/>
                  <a:gd name="connsiteX65" fmla="*/ 4190 w 3221845"/>
                  <a:gd name="connsiteY65" fmla="*/ 319683 h 1046787"/>
                  <a:gd name="connsiteX0" fmla="*/ 4190 w 3221845"/>
                  <a:gd name="connsiteY0" fmla="*/ 320133 h 1047237"/>
                  <a:gd name="connsiteX1" fmla="*/ 217214 w 3221845"/>
                  <a:gd name="connsiteY1" fmla="*/ 418305 h 1047237"/>
                  <a:gd name="connsiteX2" fmla="*/ 346842 w 3221845"/>
                  <a:gd name="connsiteY2" fmla="*/ 418305 h 1047237"/>
                  <a:gd name="connsiteX3" fmla="*/ 434428 w 3221845"/>
                  <a:gd name="connsiteY3" fmla="*/ 533919 h 1047237"/>
                  <a:gd name="connsiteX4" fmla="*/ 557049 w 3221845"/>
                  <a:gd name="connsiteY4" fmla="*/ 649533 h 1047237"/>
                  <a:gd name="connsiteX5" fmla="*/ 760249 w 3221845"/>
                  <a:gd name="connsiteY5" fmla="*/ 684567 h 1047237"/>
                  <a:gd name="connsiteX6" fmla="*/ 959946 w 3221845"/>
                  <a:gd name="connsiteY6" fmla="*/ 674058 h 1047237"/>
                  <a:gd name="connsiteX7" fmla="*/ 1051035 w 3221845"/>
                  <a:gd name="connsiteY7" fmla="*/ 702085 h 1047237"/>
                  <a:gd name="connsiteX8" fmla="*/ 1156138 w 3221845"/>
                  <a:gd name="connsiteY8" fmla="*/ 772154 h 1047237"/>
                  <a:gd name="connsiteX9" fmla="*/ 1194676 w 3221845"/>
                  <a:gd name="connsiteY9" fmla="*/ 870250 h 1047237"/>
                  <a:gd name="connsiteX10" fmla="*/ 1331311 w 3221845"/>
                  <a:gd name="connsiteY10" fmla="*/ 929809 h 1047237"/>
                  <a:gd name="connsiteX11" fmla="*/ 1436414 w 3221845"/>
                  <a:gd name="connsiteY11" fmla="*/ 999878 h 1047237"/>
                  <a:gd name="connsiteX12" fmla="*/ 1481959 w 3221845"/>
                  <a:gd name="connsiteY12" fmla="*/ 1045424 h 1047237"/>
                  <a:gd name="connsiteX13" fmla="*/ 1594038 w 3221845"/>
                  <a:gd name="connsiteY13" fmla="*/ 1047237 h 1047237"/>
                  <a:gd name="connsiteX14" fmla="*/ 1723697 w 3221845"/>
                  <a:gd name="connsiteY14" fmla="*/ 996374 h 1047237"/>
                  <a:gd name="connsiteX15" fmla="*/ 1846317 w 3221845"/>
                  <a:gd name="connsiteY15" fmla="*/ 950830 h 1047237"/>
                  <a:gd name="connsiteX16" fmla="*/ 1930400 w 3221845"/>
                  <a:gd name="connsiteY16" fmla="*/ 880761 h 1047237"/>
                  <a:gd name="connsiteX17" fmla="*/ 2039007 w 3221845"/>
                  <a:gd name="connsiteY17" fmla="*/ 828209 h 1047237"/>
                  <a:gd name="connsiteX18" fmla="*/ 2182649 w 3221845"/>
                  <a:gd name="connsiteY18" fmla="*/ 712595 h 1047237"/>
                  <a:gd name="connsiteX19" fmla="*/ 2294759 w 3221845"/>
                  <a:gd name="connsiteY19" fmla="*/ 663548 h 1047237"/>
                  <a:gd name="connsiteX20" fmla="*/ 2427890 w 3221845"/>
                  <a:gd name="connsiteY20" fmla="*/ 698581 h 1047237"/>
                  <a:gd name="connsiteX21" fmla="*/ 2494455 w 3221845"/>
                  <a:gd name="connsiteY21" fmla="*/ 684568 h 1047237"/>
                  <a:gd name="connsiteX22" fmla="*/ 2585545 w 3221845"/>
                  <a:gd name="connsiteY22" fmla="*/ 656540 h 1047237"/>
                  <a:gd name="connsiteX23" fmla="*/ 2760717 w 3221845"/>
                  <a:gd name="connsiteY23" fmla="*/ 530416 h 1047237"/>
                  <a:gd name="connsiteX24" fmla="*/ 2886842 w 3221845"/>
                  <a:gd name="connsiteY24" fmla="*/ 428816 h 1047237"/>
                  <a:gd name="connsiteX25" fmla="*/ 3104055 w 3221845"/>
                  <a:gd name="connsiteY25" fmla="*/ 428816 h 1047237"/>
                  <a:gd name="connsiteX26" fmla="*/ 3221845 w 3221845"/>
                  <a:gd name="connsiteY26" fmla="*/ 351665 h 1047237"/>
                  <a:gd name="connsiteX27" fmla="*/ 3207251 w 3221845"/>
                  <a:gd name="connsiteY27" fmla="*/ 175555 h 1047237"/>
                  <a:gd name="connsiteX28" fmla="*/ 3192215 w 3221845"/>
                  <a:gd name="connsiteY28" fmla="*/ 44086 h 1047237"/>
                  <a:gd name="connsiteX29" fmla="*/ 3086538 w 3221845"/>
                  <a:gd name="connsiteY29" fmla="*/ 32927 h 1047237"/>
                  <a:gd name="connsiteX30" fmla="*/ 2995449 w 3221845"/>
                  <a:gd name="connsiteY30" fmla="*/ 1396 h 1047237"/>
                  <a:gd name="connsiteX31" fmla="*/ 2949905 w 3221845"/>
                  <a:gd name="connsiteY31" fmla="*/ 73318 h 1047237"/>
                  <a:gd name="connsiteX32" fmla="*/ 2835553 w 3221845"/>
                  <a:gd name="connsiteY32" fmla="*/ 155131 h 1047237"/>
                  <a:gd name="connsiteX33" fmla="*/ 2712932 w 3221845"/>
                  <a:gd name="connsiteY33" fmla="*/ 179035 h 1047237"/>
                  <a:gd name="connsiteX34" fmla="*/ 2654005 w 3221845"/>
                  <a:gd name="connsiteY34" fmla="*/ 237362 h 1047237"/>
                  <a:gd name="connsiteX35" fmla="*/ 2611332 w 3221845"/>
                  <a:gd name="connsiteY35" fmla="*/ 359146 h 1047237"/>
                  <a:gd name="connsiteX36" fmla="*/ 2523400 w 3221845"/>
                  <a:gd name="connsiteY36" fmla="*/ 435825 h 1047237"/>
                  <a:gd name="connsiteX37" fmla="*/ 2387172 w 3221845"/>
                  <a:gd name="connsiteY37" fmla="*/ 424697 h 1047237"/>
                  <a:gd name="connsiteX38" fmla="*/ 2277242 w 3221845"/>
                  <a:gd name="connsiteY38" fmla="*/ 385740 h 1047237"/>
                  <a:gd name="connsiteX39" fmla="*/ 2129529 w 3221845"/>
                  <a:gd name="connsiteY39" fmla="*/ 365335 h 1047237"/>
                  <a:gd name="connsiteX40" fmla="*/ 2035158 w 3221845"/>
                  <a:gd name="connsiteY40" fmla="*/ 464468 h 1047237"/>
                  <a:gd name="connsiteX41" fmla="*/ 1984846 w 3221845"/>
                  <a:gd name="connsiteY41" fmla="*/ 550403 h 1047237"/>
                  <a:gd name="connsiteX42" fmla="*/ 1881700 w 3221845"/>
                  <a:gd name="connsiteY42" fmla="*/ 602337 h 1047237"/>
                  <a:gd name="connsiteX43" fmla="*/ 1776249 w 3221845"/>
                  <a:gd name="connsiteY43" fmla="*/ 565451 h 1047237"/>
                  <a:gd name="connsiteX44" fmla="*/ 1706180 w 3221845"/>
                  <a:gd name="connsiteY44" fmla="*/ 533920 h 1047237"/>
                  <a:gd name="connsiteX45" fmla="*/ 1625223 w 3221845"/>
                  <a:gd name="connsiteY45" fmla="*/ 524474 h 1047237"/>
                  <a:gd name="connsiteX46" fmla="*/ 1523654 w 3221845"/>
                  <a:gd name="connsiteY46" fmla="*/ 589556 h 1047237"/>
                  <a:gd name="connsiteX47" fmla="*/ 1382600 w 3221845"/>
                  <a:gd name="connsiteY47" fmla="*/ 628095 h 1047237"/>
                  <a:gd name="connsiteX48" fmla="*/ 1275255 w 3221845"/>
                  <a:gd name="connsiteY48" fmla="*/ 571421 h 1047237"/>
                  <a:gd name="connsiteX49" fmla="*/ 1212824 w 3221845"/>
                  <a:gd name="connsiteY49" fmla="*/ 498466 h 1047237"/>
                  <a:gd name="connsiteX50" fmla="*/ 1145628 w 3221845"/>
                  <a:gd name="connsiteY50" fmla="*/ 418305 h 1047237"/>
                  <a:gd name="connsiteX51" fmla="*/ 1087331 w 3221845"/>
                  <a:gd name="connsiteY51" fmla="*/ 341848 h 1047237"/>
                  <a:gd name="connsiteX52" fmla="*/ 939208 w 3221845"/>
                  <a:gd name="connsiteY52" fmla="*/ 427782 h 1047237"/>
                  <a:gd name="connsiteX53" fmla="*/ 781207 w 3221845"/>
                  <a:gd name="connsiteY53" fmla="*/ 435405 h 1047237"/>
                  <a:gd name="connsiteX54" fmla="*/ 654515 w 3221845"/>
                  <a:gd name="connsiteY54" fmla="*/ 370492 h 1047237"/>
                  <a:gd name="connsiteX55" fmla="*/ 606097 w 3221845"/>
                  <a:gd name="connsiteY55" fmla="*/ 281672 h 1047237"/>
                  <a:gd name="connsiteX56" fmla="*/ 581573 w 3221845"/>
                  <a:gd name="connsiteY56" fmla="*/ 215105 h 1047237"/>
                  <a:gd name="connsiteX57" fmla="*/ 527760 w 3221845"/>
                  <a:gd name="connsiteY57" fmla="*/ 160902 h 1047237"/>
                  <a:gd name="connsiteX58" fmla="*/ 377395 w 3221845"/>
                  <a:gd name="connsiteY58" fmla="*/ 105465 h 1047237"/>
                  <a:gd name="connsiteX59" fmla="*/ 278036 w 3221845"/>
                  <a:gd name="connsiteY59" fmla="*/ 120097 h 1047237"/>
                  <a:gd name="connsiteX60" fmla="*/ 180571 w 3221845"/>
                  <a:gd name="connsiteY60" fmla="*/ 48792 h 1047237"/>
                  <a:gd name="connsiteX61" fmla="*/ 74787 w 3221845"/>
                  <a:gd name="connsiteY61" fmla="*/ 45316 h 1047237"/>
                  <a:gd name="connsiteX62" fmla="*/ 38538 w 3221845"/>
                  <a:gd name="connsiteY62" fmla="*/ 78471 h 1047237"/>
                  <a:gd name="connsiteX63" fmla="*/ 25597 w 3221845"/>
                  <a:gd name="connsiteY63" fmla="*/ 137306 h 1047237"/>
                  <a:gd name="connsiteX64" fmla="*/ 0 w 3221845"/>
                  <a:gd name="connsiteY64" fmla="*/ 232623 h 1047237"/>
                  <a:gd name="connsiteX65" fmla="*/ 4190 w 3221845"/>
                  <a:gd name="connsiteY65" fmla="*/ 320133 h 1047237"/>
                  <a:gd name="connsiteX0" fmla="*/ 4190 w 3221845"/>
                  <a:gd name="connsiteY0" fmla="*/ 320133 h 1047237"/>
                  <a:gd name="connsiteX1" fmla="*/ 217214 w 3221845"/>
                  <a:gd name="connsiteY1" fmla="*/ 418305 h 1047237"/>
                  <a:gd name="connsiteX2" fmla="*/ 346842 w 3221845"/>
                  <a:gd name="connsiteY2" fmla="*/ 418305 h 1047237"/>
                  <a:gd name="connsiteX3" fmla="*/ 434428 w 3221845"/>
                  <a:gd name="connsiteY3" fmla="*/ 533919 h 1047237"/>
                  <a:gd name="connsiteX4" fmla="*/ 557049 w 3221845"/>
                  <a:gd name="connsiteY4" fmla="*/ 649533 h 1047237"/>
                  <a:gd name="connsiteX5" fmla="*/ 760249 w 3221845"/>
                  <a:gd name="connsiteY5" fmla="*/ 684567 h 1047237"/>
                  <a:gd name="connsiteX6" fmla="*/ 959946 w 3221845"/>
                  <a:gd name="connsiteY6" fmla="*/ 674058 h 1047237"/>
                  <a:gd name="connsiteX7" fmla="*/ 1051035 w 3221845"/>
                  <a:gd name="connsiteY7" fmla="*/ 702085 h 1047237"/>
                  <a:gd name="connsiteX8" fmla="*/ 1156138 w 3221845"/>
                  <a:gd name="connsiteY8" fmla="*/ 772154 h 1047237"/>
                  <a:gd name="connsiteX9" fmla="*/ 1194676 w 3221845"/>
                  <a:gd name="connsiteY9" fmla="*/ 870250 h 1047237"/>
                  <a:gd name="connsiteX10" fmla="*/ 1331311 w 3221845"/>
                  <a:gd name="connsiteY10" fmla="*/ 929809 h 1047237"/>
                  <a:gd name="connsiteX11" fmla="*/ 1436414 w 3221845"/>
                  <a:gd name="connsiteY11" fmla="*/ 999878 h 1047237"/>
                  <a:gd name="connsiteX12" fmla="*/ 1481959 w 3221845"/>
                  <a:gd name="connsiteY12" fmla="*/ 1045424 h 1047237"/>
                  <a:gd name="connsiteX13" fmla="*/ 1594038 w 3221845"/>
                  <a:gd name="connsiteY13" fmla="*/ 1047237 h 1047237"/>
                  <a:gd name="connsiteX14" fmla="*/ 1723697 w 3221845"/>
                  <a:gd name="connsiteY14" fmla="*/ 996374 h 1047237"/>
                  <a:gd name="connsiteX15" fmla="*/ 1846317 w 3221845"/>
                  <a:gd name="connsiteY15" fmla="*/ 950830 h 1047237"/>
                  <a:gd name="connsiteX16" fmla="*/ 1930400 w 3221845"/>
                  <a:gd name="connsiteY16" fmla="*/ 880761 h 1047237"/>
                  <a:gd name="connsiteX17" fmla="*/ 2039007 w 3221845"/>
                  <a:gd name="connsiteY17" fmla="*/ 828209 h 1047237"/>
                  <a:gd name="connsiteX18" fmla="*/ 2182649 w 3221845"/>
                  <a:gd name="connsiteY18" fmla="*/ 712595 h 1047237"/>
                  <a:gd name="connsiteX19" fmla="*/ 2294759 w 3221845"/>
                  <a:gd name="connsiteY19" fmla="*/ 663548 h 1047237"/>
                  <a:gd name="connsiteX20" fmla="*/ 2427890 w 3221845"/>
                  <a:gd name="connsiteY20" fmla="*/ 698581 h 1047237"/>
                  <a:gd name="connsiteX21" fmla="*/ 2494455 w 3221845"/>
                  <a:gd name="connsiteY21" fmla="*/ 684568 h 1047237"/>
                  <a:gd name="connsiteX22" fmla="*/ 2585545 w 3221845"/>
                  <a:gd name="connsiteY22" fmla="*/ 656540 h 1047237"/>
                  <a:gd name="connsiteX23" fmla="*/ 2760717 w 3221845"/>
                  <a:gd name="connsiteY23" fmla="*/ 530416 h 1047237"/>
                  <a:gd name="connsiteX24" fmla="*/ 2886842 w 3221845"/>
                  <a:gd name="connsiteY24" fmla="*/ 428816 h 1047237"/>
                  <a:gd name="connsiteX25" fmla="*/ 3104055 w 3221845"/>
                  <a:gd name="connsiteY25" fmla="*/ 428816 h 1047237"/>
                  <a:gd name="connsiteX26" fmla="*/ 3221845 w 3221845"/>
                  <a:gd name="connsiteY26" fmla="*/ 351665 h 1047237"/>
                  <a:gd name="connsiteX27" fmla="*/ 3207251 w 3221845"/>
                  <a:gd name="connsiteY27" fmla="*/ 175555 h 1047237"/>
                  <a:gd name="connsiteX28" fmla="*/ 3192215 w 3221845"/>
                  <a:gd name="connsiteY28" fmla="*/ 44086 h 1047237"/>
                  <a:gd name="connsiteX29" fmla="*/ 3086538 w 3221845"/>
                  <a:gd name="connsiteY29" fmla="*/ 32927 h 1047237"/>
                  <a:gd name="connsiteX30" fmla="*/ 2995449 w 3221845"/>
                  <a:gd name="connsiteY30" fmla="*/ 1396 h 1047237"/>
                  <a:gd name="connsiteX31" fmla="*/ 2949905 w 3221845"/>
                  <a:gd name="connsiteY31" fmla="*/ 73318 h 1047237"/>
                  <a:gd name="connsiteX32" fmla="*/ 2835553 w 3221845"/>
                  <a:gd name="connsiteY32" fmla="*/ 155131 h 1047237"/>
                  <a:gd name="connsiteX33" fmla="*/ 2712932 w 3221845"/>
                  <a:gd name="connsiteY33" fmla="*/ 179035 h 1047237"/>
                  <a:gd name="connsiteX34" fmla="*/ 2654005 w 3221845"/>
                  <a:gd name="connsiteY34" fmla="*/ 237362 h 1047237"/>
                  <a:gd name="connsiteX35" fmla="*/ 2611332 w 3221845"/>
                  <a:gd name="connsiteY35" fmla="*/ 359146 h 1047237"/>
                  <a:gd name="connsiteX36" fmla="*/ 2523400 w 3221845"/>
                  <a:gd name="connsiteY36" fmla="*/ 435825 h 1047237"/>
                  <a:gd name="connsiteX37" fmla="*/ 2387172 w 3221845"/>
                  <a:gd name="connsiteY37" fmla="*/ 424697 h 1047237"/>
                  <a:gd name="connsiteX38" fmla="*/ 2277242 w 3221845"/>
                  <a:gd name="connsiteY38" fmla="*/ 385740 h 1047237"/>
                  <a:gd name="connsiteX39" fmla="*/ 2129529 w 3221845"/>
                  <a:gd name="connsiteY39" fmla="*/ 365335 h 1047237"/>
                  <a:gd name="connsiteX40" fmla="*/ 2035158 w 3221845"/>
                  <a:gd name="connsiteY40" fmla="*/ 464468 h 1047237"/>
                  <a:gd name="connsiteX41" fmla="*/ 1984846 w 3221845"/>
                  <a:gd name="connsiteY41" fmla="*/ 550403 h 1047237"/>
                  <a:gd name="connsiteX42" fmla="*/ 1881700 w 3221845"/>
                  <a:gd name="connsiteY42" fmla="*/ 602337 h 1047237"/>
                  <a:gd name="connsiteX43" fmla="*/ 1776249 w 3221845"/>
                  <a:gd name="connsiteY43" fmla="*/ 565451 h 1047237"/>
                  <a:gd name="connsiteX44" fmla="*/ 1706180 w 3221845"/>
                  <a:gd name="connsiteY44" fmla="*/ 533920 h 1047237"/>
                  <a:gd name="connsiteX45" fmla="*/ 1625223 w 3221845"/>
                  <a:gd name="connsiteY45" fmla="*/ 524474 h 1047237"/>
                  <a:gd name="connsiteX46" fmla="*/ 1523654 w 3221845"/>
                  <a:gd name="connsiteY46" fmla="*/ 589556 h 1047237"/>
                  <a:gd name="connsiteX47" fmla="*/ 1382600 w 3221845"/>
                  <a:gd name="connsiteY47" fmla="*/ 628095 h 1047237"/>
                  <a:gd name="connsiteX48" fmla="*/ 1275255 w 3221845"/>
                  <a:gd name="connsiteY48" fmla="*/ 571421 h 1047237"/>
                  <a:gd name="connsiteX49" fmla="*/ 1212824 w 3221845"/>
                  <a:gd name="connsiteY49" fmla="*/ 498466 h 1047237"/>
                  <a:gd name="connsiteX50" fmla="*/ 1145628 w 3221845"/>
                  <a:gd name="connsiteY50" fmla="*/ 418305 h 1047237"/>
                  <a:gd name="connsiteX51" fmla="*/ 1087331 w 3221845"/>
                  <a:gd name="connsiteY51" fmla="*/ 341848 h 1047237"/>
                  <a:gd name="connsiteX52" fmla="*/ 939208 w 3221845"/>
                  <a:gd name="connsiteY52" fmla="*/ 427782 h 1047237"/>
                  <a:gd name="connsiteX53" fmla="*/ 781207 w 3221845"/>
                  <a:gd name="connsiteY53" fmla="*/ 435405 h 1047237"/>
                  <a:gd name="connsiteX54" fmla="*/ 654515 w 3221845"/>
                  <a:gd name="connsiteY54" fmla="*/ 370492 h 1047237"/>
                  <a:gd name="connsiteX55" fmla="*/ 606097 w 3221845"/>
                  <a:gd name="connsiteY55" fmla="*/ 281672 h 1047237"/>
                  <a:gd name="connsiteX56" fmla="*/ 581573 w 3221845"/>
                  <a:gd name="connsiteY56" fmla="*/ 215105 h 1047237"/>
                  <a:gd name="connsiteX57" fmla="*/ 527760 w 3221845"/>
                  <a:gd name="connsiteY57" fmla="*/ 160902 h 1047237"/>
                  <a:gd name="connsiteX58" fmla="*/ 377395 w 3221845"/>
                  <a:gd name="connsiteY58" fmla="*/ 105465 h 1047237"/>
                  <a:gd name="connsiteX59" fmla="*/ 278036 w 3221845"/>
                  <a:gd name="connsiteY59" fmla="*/ 120097 h 1047237"/>
                  <a:gd name="connsiteX60" fmla="*/ 180571 w 3221845"/>
                  <a:gd name="connsiteY60" fmla="*/ 48792 h 1047237"/>
                  <a:gd name="connsiteX61" fmla="*/ 74787 w 3221845"/>
                  <a:gd name="connsiteY61" fmla="*/ 45316 h 1047237"/>
                  <a:gd name="connsiteX62" fmla="*/ 38538 w 3221845"/>
                  <a:gd name="connsiteY62" fmla="*/ 78471 h 1047237"/>
                  <a:gd name="connsiteX63" fmla="*/ 25597 w 3221845"/>
                  <a:gd name="connsiteY63" fmla="*/ 137306 h 1047237"/>
                  <a:gd name="connsiteX64" fmla="*/ 0 w 3221845"/>
                  <a:gd name="connsiteY64" fmla="*/ 232623 h 1047237"/>
                  <a:gd name="connsiteX65" fmla="*/ 4190 w 3221845"/>
                  <a:gd name="connsiteY65" fmla="*/ 320133 h 1047237"/>
                  <a:gd name="connsiteX0" fmla="*/ 4190 w 3250788"/>
                  <a:gd name="connsiteY0" fmla="*/ 320133 h 1047237"/>
                  <a:gd name="connsiteX1" fmla="*/ 217214 w 3250788"/>
                  <a:gd name="connsiteY1" fmla="*/ 418305 h 1047237"/>
                  <a:gd name="connsiteX2" fmla="*/ 346842 w 3250788"/>
                  <a:gd name="connsiteY2" fmla="*/ 418305 h 1047237"/>
                  <a:gd name="connsiteX3" fmla="*/ 434428 w 3250788"/>
                  <a:gd name="connsiteY3" fmla="*/ 533919 h 1047237"/>
                  <a:gd name="connsiteX4" fmla="*/ 557049 w 3250788"/>
                  <a:gd name="connsiteY4" fmla="*/ 649533 h 1047237"/>
                  <a:gd name="connsiteX5" fmla="*/ 760249 w 3250788"/>
                  <a:gd name="connsiteY5" fmla="*/ 684567 h 1047237"/>
                  <a:gd name="connsiteX6" fmla="*/ 959946 w 3250788"/>
                  <a:gd name="connsiteY6" fmla="*/ 674058 h 1047237"/>
                  <a:gd name="connsiteX7" fmla="*/ 1051035 w 3250788"/>
                  <a:gd name="connsiteY7" fmla="*/ 702085 h 1047237"/>
                  <a:gd name="connsiteX8" fmla="*/ 1156138 w 3250788"/>
                  <a:gd name="connsiteY8" fmla="*/ 772154 h 1047237"/>
                  <a:gd name="connsiteX9" fmla="*/ 1194676 w 3250788"/>
                  <a:gd name="connsiteY9" fmla="*/ 870250 h 1047237"/>
                  <a:gd name="connsiteX10" fmla="*/ 1331311 w 3250788"/>
                  <a:gd name="connsiteY10" fmla="*/ 929809 h 1047237"/>
                  <a:gd name="connsiteX11" fmla="*/ 1436414 w 3250788"/>
                  <a:gd name="connsiteY11" fmla="*/ 999878 h 1047237"/>
                  <a:gd name="connsiteX12" fmla="*/ 1481959 w 3250788"/>
                  <a:gd name="connsiteY12" fmla="*/ 1045424 h 1047237"/>
                  <a:gd name="connsiteX13" fmla="*/ 1594038 w 3250788"/>
                  <a:gd name="connsiteY13" fmla="*/ 1047237 h 1047237"/>
                  <a:gd name="connsiteX14" fmla="*/ 1723697 w 3250788"/>
                  <a:gd name="connsiteY14" fmla="*/ 996374 h 1047237"/>
                  <a:gd name="connsiteX15" fmla="*/ 1846317 w 3250788"/>
                  <a:gd name="connsiteY15" fmla="*/ 950830 h 1047237"/>
                  <a:gd name="connsiteX16" fmla="*/ 1930400 w 3250788"/>
                  <a:gd name="connsiteY16" fmla="*/ 880761 h 1047237"/>
                  <a:gd name="connsiteX17" fmla="*/ 2039007 w 3250788"/>
                  <a:gd name="connsiteY17" fmla="*/ 828209 h 1047237"/>
                  <a:gd name="connsiteX18" fmla="*/ 2182649 w 3250788"/>
                  <a:gd name="connsiteY18" fmla="*/ 712595 h 1047237"/>
                  <a:gd name="connsiteX19" fmla="*/ 2294759 w 3250788"/>
                  <a:gd name="connsiteY19" fmla="*/ 663548 h 1047237"/>
                  <a:gd name="connsiteX20" fmla="*/ 2427890 w 3250788"/>
                  <a:gd name="connsiteY20" fmla="*/ 698581 h 1047237"/>
                  <a:gd name="connsiteX21" fmla="*/ 2494455 w 3250788"/>
                  <a:gd name="connsiteY21" fmla="*/ 684568 h 1047237"/>
                  <a:gd name="connsiteX22" fmla="*/ 2585545 w 3250788"/>
                  <a:gd name="connsiteY22" fmla="*/ 656540 h 1047237"/>
                  <a:gd name="connsiteX23" fmla="*/ 2760717 w 3250788"/>
                  <a:gd name="connsiteY23" fmla="*/ 530416 h 1047237"/>
                  <a:gd name="connsiteX24" fmla="*/ 2886842 w 3250788"/>
                  <a:gd name="connsiteY24" fmla="*/ 428816 h 1047237"/>
                  <a:gd name="connsiteX25" fmla="*/ 3104055 w 3250788"/>
                  <a:gd name="connsiteY25" fmla="*/ 428816 h 1047237"/>
                  <a:gd name="connsiteX26" fmla="*/ 3250788 w 3250788"/>
                  <a:gd name="connsiteY26" fmla="*/ 380509 h 1047237"/>
                  <a:gd name="connsiteX27" fmla="*/ 3207251 w 3250788"/>
                  <a:gd name="connsiteY27" fmla="*/ 175555 h 1047237"/>
                  <a:gd name="connsiteX28" fmla="*/ 3192215 w 3250788"/>
                  <a:gd name="connsiteY28" fmla="*/ 44086 h 1047237"/>
                  <a:gd name="connsiteX29" fmla="*/ 3086538 w 3250788"/>
                  <a:gd name="connsiteY29" fmla="*/ 32927 h 1047237"/>
                  <a:gd name="connsiteX30" fmla="*/ 2995449 w 3250788"/>
                  <a:gd name="connsiteY30" fmla="*/ 1396 h 1047237"/>
                  <a:gd name="connsiteX31" fmla="*/ 2949905 w 3250788"/>
                  <a:gd name="connsiteY31" fmla="*/ 73318 h 1047237"/>
                  <a:gd name="connsiteX32" fmla="*/ 2835553 w 3250788"/>
                  <a:gd name="connsiteY32" fmla="*/ 155131 h 1047237"/>
                  <a:gd name="connsiteX33" fmla="*/ 2712932 w 3250788"/>
                  <a:gd name="connsiteY33" fmla="*/ 179035 h 1047237"/>
                  <a:gd name="connsiteX34" fmla="*/ 2654005 w 3250788"/>
                  <a:gd name="connsiteY34" fmla="*/ 237362 h 1047237"/>
                  <a:gd name="connsiteX35" fmla="*/ 2611332 w 3250788"/>
                  <a:gd name="connsiteY35" fmla="*/ 359146 h 1047237"/>
                  <a:gd name="connsiteX36" fmla="*/ 2523400 w 3250788"/>
                  <a:gd name="connsiteY36" fmla="*/ 435825 h 1047237"/>
                  <a:gd name="connsiteX37" fmla="*/ 2387172 w 3250788"/>
                  <a:gd name="connsiteY37" fmla="*/ 424697 h 1047237"/>
                  <a:gd name="connsiteX38" fmla="*/ 2277242 w 3250788"/>
                  <a:gd name="connsiteY38" fmla="*/ 385740 h 1047237"/>
                  <a:gd name="connsiteX39" fmla="*/ 2129529 w 3250788"/>
                  <a:gd name="connsiteY39" fmla="*/ 365335 h 1047237"/>
                  <a:gd name="connsiteX40" fmla="*/ 2035158 w 3250788"/>
                  <a:gd name="connsiteY40" fmla="*/ 464468 h 1047237"/>
                  <a:gd name="connsiteX41" fmla="*/ 1984846 w 3250788"/>
                  <a:gd name="connsiteY41" fmla="*/ 550403 h 1047237"/>
                  <a:gd name="connsiteX42" fmla="*/ 1881700 w 3250788"/>
                  <a:gd name="connsiteY42" fmla="*/ 602337 h 1047237"/>
                  <a:gd name="connsiteX43" fmla="*/ 1776249 w 3250788"/>
                  <a:gd name="connsiteY43" fmla="*/ 565451 h 1047237"/>
                  <a:gd name="connsiteX44" fmla="*/ 1706180 w 3250788"/>
                  <a:gd name="connsiteY44" fmla="*/ 533920 h 1047237"/>
                  <a:gd name="connsiteX45" fmla="*/ 1625223 w 3250788"/>
                  <a:gd name="connsiteY45" fmla="*/ 524474 h 1047237"/>
                  <a:gd name="connsiteX46" fmla="*/ 1523654 w 3250788"/>
                  <a:gd name="connsiteY46" fmla="*/ 589556 h 1047237"/>
                  <a:gd name="connsiteX47" fmla="*/ 1382600 w 3250788"/>
                  <a:gd name="connsiteY47" fmla="*/ 628095 h 1047237"/>
                  <a:gd name="connsiteX48" fmla="*/ 1275255 w 3250788"/>
                  <a:gd name="connsiteY48" fmla="*/ 571421 h 1047237"/>
                  <a:gd name="connsiteX49" fmla="*/ 1212824 w 3250788"/>
                  <a:gd name="connsiteY49" fmla="*/ 498466 h 1047237"/>
                  <a:gd name="connsiteX50" fmla="*/ 1145628 w 3250788"/>
                  <a:gd name="connsiteY50" fmla="*/ 418305 h 1047237"/>
                  <a:gd name="connsiteX51" fmla="*/ 1087331 w 3250788"/>
                  <a:gd name="connsiteY51" fmla="*/ 341848 h 1047237"/>
                  <a:gd name="connsiteX52" fmla="*/ 939208 w 3250788"/>
                  <a:gd name="connsiteY52" fmla="*/ 427782 h 1047237"/>
                  <a:gd name="connsiteX53" fmla="*/ 781207 w 3250788"/>
                  <a:gd name="connsiteY53" fmla="*/ 435405 h 1047237"/>
                  <a:gd name="connsiteX54" fmla="*/ 654515 w 3250788"/>
                  <a:gd name="connsiteY54" fmla="*/ 370492 h 1047237"/>
                  <a:gd name="connsiteX55" fmla="*/ 606097 w 3250788"/>
                  <a:gd name="connsiteY55" fmla="*/ 281672 h 1047237"/>
                  <a:gd name="connsiteX56" fmla="*/ 581573 w 3250788"/>
                  <a:gd name="connsiteY56" fmla="*/ 215105 h 1047237"/>
                  <a:gd name="connsiteX57" fmla="*/ 527760 w 3250788"/>
                  <a:gd name="connsiteY57" fmla="*/ 160902 h 1047237"/>
                  <a:gd name="connsiteX58" fmla="*/ 377395 w 3250788"/>
                  <a:gd name="connsiteY58" fmla="*/ 105465 h 1047237"/>
                  <a:gd name="connsiteX59" fmla="*/ 278036 w 3250788"/>
                  <a:gd name="connsiteY59" fmla="*/ 120097 h 1047237"/>
                  <a:gd name="connsiteX60" fmla="*/ 180571 w 3250788"/>
                  <a:gd name="connsiteY60" fmla="*/ 48792 h 1047237"/>
                  <a:gd name="connsiteX61" fmla="*/ 74787 w 3250788"/>
                  <a:gd name="connsiteY61" fmla="*/ 45316 h 1047237"/>
                  <a:gd name="connsiteX62" fmla="*/ 38538 w 3250788"/>
                  <a:gd name="connsiteY62" fmla="*/ 78471 h 1047237"/>
                  <a:gd name="connsiteX63" fmla="*/ 25597 w 3250788"/>
                  <a:gd name="connsiteY63" fmla="*/ 137306 h 1047237"/>
                  <a:gd name="connsiteX64" fmla="*/ 0 w 3250788"/>
                  <a:gd name="connsiteY64" fmla="*/ 232623 h 1047237"/>
                  <a:gd name="connsiteX65" fmla="*/ 4190 w 3250788"/>
                  <a:gd name="connsiteY65" fmla="*/ 320133 h 1047237"/>
                  <a:gd name="connsiteX0" fmla="*/ 4190 w 3250788"/>
                  <a:gd name="connsiteY0" fmla="*/ 320133 h 1047237"/>
                  <a:gd name="connsiteX1" fmla="*/ 217214 w 3250788"/>
                  <a:gd name="connsiteY1" fmla="*/ 418305 h 1047237"/>
                  <a:gd name="connsiteX2" fmla="*/ 346842 w 3250788"/>
                  <a:gd name="connsiteY2" fmla="*/ 418305 h 1047237"/>
                  <a:gd name="connsiteX3" fmla="*/ 434428 w 3250788"/>
                  <a:gd name="connsiteY3" fmla="*/ 533919 h 1047237"/>
                  <a:gd name="connsiteX4" fmla="*/ 557049 w 3250788"/>
                  <a:gd name="connsiteY4" fmla="*/ 649533 h 1047237"/>
                  <a:gd name="connsiteX5" fmla="*/ 760249 w 3250788"/>
                  <a:gd name="connsiteY5" fmla="*/ 684567 h 1047237"/>
                  <a:gd name="connsiteX6" fmla="*/ 959946 w 3250788"/>
                  <a:gd name="connsiteY6" fmla="*/ 674058 h 1047237"/>
                  <a:gd name="connsiteX7" fmla="*/ 1051035 w 3250788"/>
                  <a:gd name="connsiteY7" fmla="*/ 702085 h 1047237"/>
                  <a:gd name="connsiteX8" fmla="*/ 1156138 w 3250788"/>
                  <a:gd name="connsiteY8" fmla="*/ 772154 h 1047237"/>
                  <a:gd name="connsiteX9" fmla="*/ 1194676 w 3250788"/>
                  <a:gd name="connsiteY9" fmla="*/ 870250 h 1047237"/>
                  <a:gd name="connsiteX10" fmla="*/ 1331311 w 3250788"/>
                  <a:gd name="connsiteY10" fmla="*/ 929809 h 1047237"/>
                  <a:gd name="connsiteX11" fmla="*/ 1436414 w 3250788"/>
                  <a:gd name="connsiteY11" fmla="*/ 999878 h 1047237"/>
                  <a:gd name="connsiteX12" fmla="*/ 1481959 w 3250788"/>
                  <a:gd name="connsiteY12" fmla="*/ 1045424 h 1047237"/>
                  <a:gd name="connsiteX13" fmla="*/ 1594038 w 3250788"/>
                  <a:gd name="connsiteY13" fmla="*/ 1047237 h 1047237"/>
                  <a:gd name="connsiteX14" fmla="*/ 1723697 w 3250788"/>
                  <a:gd name="connsiteY14" fmla="*/ 996374 h 1047237"/>
                  <a:gd name="connsiteX15" fmla="*/ 1846317 w 3250788"/>
                  <a:gd name="connsiteY15" fmla="*/ 950830 h 1047237"/>
                  <a:gd name="connsiteX16" fmla="*/ 1930400 w 3250788"/>
                  <a:gd name="connsiteY16" fmla="*/ 880761 h 1047237"/>
                  <a:gd name="connsiteX17" fmla="*/ 2039007 w 3250788"/>
                  <a:gd name="connsiteY17" fmla="*/ 828209 h 1047237"/>
                  <a:gd name="connsiteX18" fmla="*/ 2182649 w 3250788"/>
                  <a:gd name="connsiteY18" fmla="*/ 712595 h 1047237"/>
                  <a:gd name="connsiteX19" fmla="*/ 2294759 w 3250788"/>
                  <a:gd name="connsiteY19" fmla="*/ 663548 h 1047237"/>
                  <a:gd name="connsiteX20" fmla="*/ 2427890 w 3250788"/>
                  <a:gd name="connsiteY20" fmla="*/ 698581 h 1047237"/>
                  <a:gd name="connsiteX21" fmla="*/ 2494455 w 3250788"/>
                  <a:gd name="connsiteY21" fmla="*/ 684568 h 1047237"/>
                  <a:gd name="connsiteX22" fmla="*/ 2585545 w 3250788"/>
                  <a:gd name="connsiteY22" fmla="*/ 656540 h 1047237"/>
                  <a:gd name="connsiteX23" fmla="*/ 2760717 w 3250788"/>
                  <a:gd name="connsiteY23" fmla="*/ 530416 h 1047237"/>
                  <a:gd name="connsiteX24" fmla="*/ 2886842 w 3250788"/>
                  <a:gd name="connsiteY24" fmla="*/ 428816 h 1047237"/>
                  <a:gd name="connsiteX25" fmla="*/ 3104055 w 3250788"/>
                  <a:gd name="connsiteY25" fmla="*/ 428816 h 1047237"/>
                  <a:gd name="connsiteX26" fmla="*/ 3250788 w 3250788"/>
                  <a:gd name="connsiteY26" fmla="*/ 380509 h 1047237"/>
                  <a:gd name="connsiteX27" fmla="*/ 3223791 w 3250788"/>
                  <a:gd name="connsiteY27" fmla="*/ 183794 h 1047237"/>
                  <a:gd name="connsiteX28" fmla="*/ 3192215 w 3250788"/>
                  <a:gd name="connsiteY28" fmla="*/ 44086 h 1047237"/>
                  <a:gd name="connsiteX29" fmla="*/ 3086538 w 3250788"/>
                  <a:gd name="connsiteY29" fmla="*/ 32927 h 1047237"/>
                  <a:gd name="connsiteX30" fmla="*/ 2995449 w 3250788"/>
                  <a:gd name="connsiteY30" fmla="*/ 1396 h 1047237"/>
                  <a:gd name="connsiteX31" fmla="*/ 2949905 w 3250788"/>
                  <a:gd name="connsiteY31" fmla="*/ 73318 h 1047237"/>
                  <a:gd name="connsiteX32" fmla="*/ 2835553 w 3250788"/>
                  <a:gd name="connsiteY32" fmla="*/ 155131 h 1047237"/>
                  <a:gd name="connsiteX33" fmla="*/ 2712932 w 3250788"/>
                  <a:gd name="connsiteY33" fmla="*/ 179035 h 1047237"/>
                  <a:gd name="connsiteX34" fmla="*/ 2654005 w 3250788"/>
                  <a:gd name="connsiteY34" fmla="*/ 237362 h 1047237"/>
                  <a:gd name="connsiteX35" fmla="*/ 2611332 w 3250788"/>
                  <a:gd name="connsiteY35" fmla="*/ 359146 h 1047237"/>
                  <a:gd name="connsiteX36" fmla="*/ 2523400 w 3250788"/>
                  <a:gd name="connsiteY36" fmla="*/ 435825 h 1047237"/>
                  <a:gd name="connsiteX37" fmla="*/ 2387172 w 3250788"/>
                  <a:gd name="connsiteY37" fmla="*/ 424697 h 1047237"/>
                  <a:gd name="connsiteX38" fmla="*/ 2277242 w 3250788"/>
                  <a:gd name="connsiteY38" fmla="*/ 385740 h 1047237"/>
                  <a:gd name="connsiteX39" fmla="*/ 2129529 w 3250788"/>
                  <a:gd name="connsiteY39" fmla="*/ 365335 h 1047237"/>
                  <a:gd name="connsiteX40" fmla="*/ 2035158 w 3250788"/>
                  <a:gd name="connsiteY40" fmla="*/ 464468 h 1047237"/>
                  <a:gd name="connsiteX41" fmla="*/ 1984846 w 3250788"/>
                  <a:gd name="connsiteY41" fmla="*/ 550403 h 1047237"/>
                  <a:gd name="connsiteX42" fmla="*/ 1881700 w 3250788"/>
                  <a:gd name="connsiteY42" fmla="*/ 602337 h 1047237"/>
                  <a:gd name="connsiteX43" fmla="*/ 1776249 w 3250788"/>
                  <a:gd name="connsiteY43" fmla="*/ 565451 h 1047237"/>
                  <a:gd name="connsiteX44" fmla="*/ 1706180 w 3250788"/>
                  <a:gd name="connsiteY44" fmla="*/ 533920 h 1047237"/>
                  <a:gd name="connsiteX45" fmla="*/ 1625223 w 3250788"/>
                  <a:gd name="connsiteY45" fmla="*/ 524474 h 1047237"/>
                  <a:gd name="connsiteX46" fmla="*/ 1523654 w 3250788"/>
                  <a:gd name="connsiteY46" fmla="*/ 589556 h 1047237"/>
                  <a:gd name="connsiteX47" fmla="*/ 1382600 w 3250788"/>
                  <a:gd name="connsiteY47" fmla="*/ 628095 h 1047237"/>
                  <a:gd name="connsiteX48" fmla="*/ 1275255 w 3250788"/>
                  <a:gd name="connsiteY48" fmla="*/ 571421 h 1047237"/>
                  <a:gd name="connsiteX49" fmla="*/ 1212824 w 3250788"/>
                  <a:gd name="connsiteY49" fmla="*/ 498466 h 1047237"/>
                  <a:gd name="connsiteX50" fmla="*/ 1145628 w 3250788"/>
                  <a:gd name="connsiteY50" fmla="*/ 418305 h 1047237"/>
                  <a:gd name="connsiteX51" fmla="*/ 1087331 w 3250788"/>
                  <a:gd name="connsiteY51" fmla="*/ 341848 h 1047237"/>
                  <a:gd name="connsiteX52" fmla="*/ 939208 w 3250788"/>
                  <a:gd name="connsiteY52" fmla="*/ 427782 h 1047237"/>
                  <a:gd name="connsiteX53" fmla="*/ 781207 w 3250788"/>
                  <a:gd name="connsiteY53" fmla="*/ 435405 h 1047237"/>
                  <a:gd name="connsiteX54" fmla="*/ 654515 w 3250788"/>
                  <a:gd name="connsiteY54" fmla="*/ 370492 h 1047237"/>
                  <a:gd name="connsiteX55" fmla="*/ 606097 w 3250788"/>
                  <a:gd name="connsiteY55" fmla="*/ 281672 h 1047237"/>
                  <a:gd name="connsiteX56" fmla="*/ 581573 w 3250788"/>
                  <a:gd name="connsiteY56" fmla="*/ 215105 h 1047237"/>
                  <a:gd name="connsiteX57" fmla="*/ 527760 w 3250788"/>
                  <a:gd name="connsiteY57" fmla="*/ 160902 h 1047237"/>
                  <a:gd name="connsiteX58" fmla="*/ 377395 w 3250788"/>
                  <a:gd name="connsiteY58" fmla="*/ 105465 h 1047237"/>
                  <a:gd name="connsiteX59" fmla="*/ 278036 w 3250788"/>
                  <a:gd name="connsiteY59" fmla="*/ 120097 h 1047237"/>
                  <a:gd name="connsiteX60" fmla="*/ 180571 w 3250788"/>
                  <a:gd name="connsiteY60" fmla="*/ 48792 h 1047237"/>
                  <a:gd name="connsiteX61" fmla="*/ 74787 w 3250788"/>
                  <a:gd name="connsiteY61" fmla="*/ 45316 h 1047237"/>
                  <a:gd name="connsiteX62" fmla="*/ 38538 w 3250788"/>
                  <a:gd name="connsiteY62" fmla="*/ 78471 h 1047237"/>
                  <a:gd name="connsiteX63" fmla="*/ 25597 w 3250788"/>
                  <a:gd name="connsiteY63" fmla="*/ 137306 h 1047237"/>
                  <a:gd name="connsiteX64" fmla="*/ 0 w 3250788"/>
                  <a:gd name="connsiteY64" fmla="*/ 232623 h 1047237"/>
                  <a:gd name="connsiteX65" fmla="*/ 4190 w 3250788"/>
                  <a:gd name="connsiteY65" fmla="*/ 320133 h 1047237"/>
                  <a:gd name="connsiteX0" fmla="*/ 4190 w 3250788"/>
                  <a:gd name="connsiteY0" fmla="*/ 320133 h 1047237"/>
                  <a:gd name="connsiteX1" fmla="*/ 217214 w 3250788"/>
                  <a:gd name="connsiteY1" fmla="*/ 418305 h 1047237"/>
                  <a:gd name="connsiteX2" fmla="*/ 346842 w 3250788"/>
                  <a:gd name="connsiteY2" fmla="*/ 418305 h 1047237"/>
                  <a:gd name="connsiteX3" fmla="*/ 434428 w 3250788"/>
                  <a:gd name="connsiteY3" fmla="*/ 533919 h 1047237"/>
                  <a:gd name="connsiteX4" fmla="*/ 557049 w 3250788"/>
                  <a:gd name="connsiteY4" fmla="*/ 649533 h 1047237"/>
                  <a:gd name="connsiteX5" fmla="*/ 760249 w 3250788"/>
                  <a:gd name="connsiteY5" fmla="*/ 684567 h 1047237"/>
                  <a:gd name="connsiteX6" fmla="*/ 959946 w 3250788"/>
                  <a:gd name="connsiteY6" fmla="*/ 674058 h 1047237"/>
                  <a:gd name="connsiteX7" fmla="*/ 1051035 w 3250788"/>
                  <a:gd name="connsiteY7" fmla="*/ 702085 h 1047237"/>
                  <a:gd name="connsiteX8" fmla="*/ 1156138 w 3250788"/>
                  <a:gd name="connsiteY8" fmla="*/ 772154 h 1047237"/>
                  <a:gd name="connsiteX9" fmla="*/ 1194676 w 3250788"/>
                  <a:gd name="connsiteY9" fmla="*/ 870250 h 1047237"/>
                  <a:gd name="connsiteX10" fmla="*/ 1331311 w 3250788"/>
                  <a:gd name="connsiteY10" fmla="*/ 929809 h 1047237"/>
                  <a:gd name="connsiteX11" fmla="*/ 1436414 w 3250788"/>
                  <a:gd name="connsiteY11" fmla="*/ 999878 h 1047237"/>
                  <a:gd name="connsiteX12" fmla="*/ 1481959 w 3250788"/>
                  <a:gd name="connsiteY12" fmla="*/ 1045424 h 1047237"/>
                  <a:gd name="connsiteX13" fmla="*/ 1594038 w 3250788"/>
                  <a:gd name="connsiteY13" fmla="*/ 1047237 h 1047237"/>
                  <a:gd name="connsiteX14" fmla="*/ 1723697 w 3250788"/>
                  <a:gd name="connsiteY14" fmla="*/ 996374 h 1047237"/>
                  <a:gd name="connsiteX15" fmla="*/ 1846317 w 3250788"/>
                  <a:gd name="connsiteY15" fmla="*/ 950830 h 1047237"/>
                  <a:gd name="connsiteX16" fmla="*/ 1930400 w 3250788"/>
                  <a:gd name="connsiteY16" fmla="*/ 880761 h 1047237"/>
                  <a:gd name="connsiteX17" fmla="*/ 2039007 w 3250788"/>
                  <a:gd name="connsiteY17" fmla="*/ 828209 h 1047237"/>
                  <a:gd name="connsiteX18" fmla="*/ 2182649 w 3250788"/>
                  <a:gd name="connsiteY18" fmla="*/ 712595 h 1047237"/>
                  <a:gd name="connsiteX19" fmla="*/ 2294759 w 3250788"/>
                  <a:gd name="connsiteY19" fmla="*/ 663548 h 1047237"/>
                  <a:gd name="connsiteX20" fmla="*/ 2427890 w 3250788"/>
                  <a:gd name="connsiteY20" fmla="*/ 698581 h 1047237"/>
                  <a:gd name="connsiteX21" fmla="*/ 2494455 w 3250788"/>
                  <a:gd name="connsiteY21" fmla="*/ 684568 h 1047237"/>
                  <a:gd name="connsiteX22" fmla="*/ 2585545 w 3250788"/>
                  <a:gd name="connsiteY22" fmla="*/ 656540 h 1047237"/>
                  <a:gd name="connsiteX23" fmla="*/ 2760717 w 3250788"/>
                  <a:gd name="connsiteY23" fmla="*/ 530416 h 1047237"/>
                  <a:gd name="connsiteX24" fmla="*/ 2886842 w 3250788"/>
                  <a:gd name="connsiteY24" fmla="*/ 428816 h 1047237"/>
                  <a:gd name="connsiteX25" fmla="*/ 3149539 w 3250788"/>
                  <a:gd name="connsiteY25" fmla="*/ 428816 h 1047237"/>
                  <a:gd name="connsiteX26" fmla="*/ 3250788 w 3250788"/>
                  <a:gd name="connsiteY26" fmla="*/ 380509 h 1047237"/>
                  <a:gd name="connsiteX27" fmla="*/ 3223791 w 3250788"/>
                  <a:gd name="connsiteY27" fmla="*/ 183794 h 1047237"/>
                  <a:gd name="connsiteX28" fmla="*/ 3192215 w 3250788"/>
                  <a:gd name="connsiteY28" fmla="*/ 44086 h 1047237"/>
                  <a:gd name="connsiteX29" fmla="*/ 3086538 w 3250788"/>
                  <a:gd name="connsiteY29" fmla="*/ 32927 h 1047237"/>
                  <a:gd name="connsiteX30" fmla="*/ 2995449 w 3250788"/>
                  <a:gd name="connsiteY30" fmla="*/ 1396 h 1047237"/>
                  <a:gd name="connsiteX31" fmla="*/ 2949905 w 3250788"/>
                  <a:gd name="connsiteY31" fmla="*/ 73318 h 1047237"/>
                  <a:gd name="connsiteX32" fmla="*/ 2835553 w 3250788"/>
                  <a:gd name="connsiteY32" fmla="*/ 155131 h 1047237"/>
                  <a:gd name="connsiteX33" fmla="*/ 2712932 w 3250788"/>
                  <a:gd name="connsiteY33" fmla="*/ 179035 h 1047237"/>
                  <a:gd name="connsiteX34" fmla="*/ 2654005 w 3250788"/>
                  <a:gd name="connsiteY34" fmla="*/ 237362 h 1047237"/>
                  <a:gd name="connsiteX35" fmla="*/ 2611332 w 3250788"/>
                  <a:gd name="connsiteY35" fmla="*/ 359146 h 1047237"/>
                  <a:gd name="connsiteX36" fmla="*/ 2523400 w 3250788"/>
                  <a:gd name="connsiteY36" fmla="*/ 435825 h 1047237"/>
                  <a:gd name="connsiteX37" fmla="*/ 2387172 w 3250788"/>
                  <a:gd name="connsiteY37" fmla="*/ 424697 h 1047237"/>
                  <a:gd name="connsiteX38" fmla="*/ 2277242 w 3250788"/>
                  <a:gd name="connsiteY38" fmla="*/ 385740 h 1047237"/>
                  <a:gd name="connsiteX39" fmla="*/ 2129529 w 3250788"/>
                  <a:gd name="connsiteY39" fmla="*/ 365335 h 1047237"/>
                  <a:gd name="connsiteX40" fmla="*/ 2035158 w 3250788"/>
                  <a:gd name="connsiteY40" fmla="*/ 464468 h 1047237"/>
                  <a:gd name="connsiteX41" fmla="*/ 1984846 w 3250788"/>
                  <a:gd name="connsiteY41" fmla="*/ 550403 h 1047237"/>
                  <a:gd name="connsiteX42" fmla="*/ 1881700 w 3250788"/>
                  <a:gd name="connsiteY42" fmla="*/ 602337 h 1047237"/>
                  <a:gd name="connsiteX43" fmla="*/ 1776249 w 3250788"/>
                  <a:gd name="connsiteY43" fmla="*/ 565451 h 1047237"/>
                  <a:gd name="connsiteX44" fmla="*/ 1706180 w 3250788"/>
                  <a:gd name="connsiteY44" fmla="*/ 533920 h 1047237"/>
                  <a:gd name="connsiteX45" fmla="*/ 1625223 w 3250788"/>
                  <a:gd name="connsiteY45" fmla="*/ 524474 h 1047237"/>
                  <a:gd name="connsiteX46" fmla="*/ 1523654 w 3250788"/>
                  <a:gd name="connsiteY46" fmla="*/ 589556 h 1047237"/>
                  <a:gd name="connsiteX47" fmla="*/ 1382600 w 3250788"/>
                  <a:gd name="connsiteY47" fmla="*/ 628095 h 1047237"/>
                  <a:gd name="connsiteX48" fmla="*/ 1275255 w 3250788"/>
                  <a:gd name="connsiteY48" fmla="*/ 571421 h 1047237"/>
                  <a:gd name="connsiteX49" fmla="*/ 1212824 w 3250788"/>
                  <a:gd name="connsiteY49" fmla="*/ 498466 h 1047237"/>
                  <a:gd name="connsiteX50" fmla="*/ 1145628 w 3250788"/>
                  <a:gd name="connsiteY50" fmla="*/ 418305 h 1047237"/>
                  <a:gd name="connsiteX51" fmla="*/ 1087331 w 3250788"/>
                  <a:gd name="connsiteY51" fmla="*/ 341848 h 1047237"/>
                  <a:gd name="connsiteX52" fmla="*/ 939208 w 3250788"/>
                  <a:gd name="connsiteY52" fmla="*/ 427782 h 1047237"/>
                  <a:gd name="connsiteX53" fmla="*/ 781207 w 3250788"/>
                  <a:gd name="connsiteY53" fmla="*/ 435405 h 1047237"/>
                  <a:gd name="connsiteX54" fmla="*/ 654515 w 3250788"/>
                  <a:gd name="connsiteY54" fmla="*/ 370492 h 1047237"/>
                  <a:gd name="connsiteX55" fmla="*/ 606097 w 3250788"/>
                  <a:gd name="connsiteY55" fmla="*/ 281672 h 1047237"/>
                  <a:gd name="connsiteX56" fmla="*/ 581573 w 3250788"/>
                  <a:gd name="connsiteY56" fmla="*/ 215105 h 1047237"/>
                  <a:gd name="connsiteX57" fmla="*/ 527760 w 3250788"/>
                  <a:gd name="connsiteY57" fmla="*/ 160902 h 1047237"/>
                  <a:gd name="connsiteX58" fmla="*/ 377395 w 3250788"/>
                  <a:gd name="connsiteY58" fmla="*/ 105465 h 1047237"/>
                  <a:gd name="connsiteX59" fmla="*/ 278036 w 3250788"/>
                  <a:gd name="connsiteY59" fmla="*/ 120097 h 1047237"/>
                  <a:gd name="connsiteX60" fmla="*/ 180571 w 3250788"/>
                  <a:gd name="connsiteY60" fmla="*/ 48792 h 1047237"/>
                  <a:gd name="connsiteX61" fmla="*/ 74787 w 3250788"/>
                  <a:gd name="connsiteY61" fmla="*/ 45316 h 1047237"/>
                  <a:gd name="connsiteX62" fmla="*/ 38538 w 3250788"/>
                  <a:gd name="connsiteY62" fmla="*/ 78471 h 1047237"/>
                  <a:gd name="connsiteX63" fmla="*/ 25597 w 3250788"/>
                  <a:gd name="connsiteY63" fmla="*/ 137306 h 1047237"/>
                  <a:gd name="connsiteX64" fmla="*/ 0 w 3250788"/>
                  <a:gd name="connsiteY64" fmla="*/ 232623 h 1047237"/>
                  <a:gd name="connsiteX65" fmla="*/ 4190 w 3250788"/>
                  <a:gd name="connsiteY65" fmla="*/ 320133 h 1047237"/>
                  <a:gd name="connsiteX0" fmla="*/ 4190 w 3250788"/>
                  <a:gd name="connsiteY0" fmla="*/ 320133 h 1047237"/>
                  <a:gd name="connsiteX1" fmla="*/ 217214 w 3250788"/>
                  <a:gd name="connsiteY1" fmla="*/ 418305 h 1047237"/>
                  <a:gd name="connsiteX2" fmla="*/ 346842 w 3250788"/>
                  <a:gd name="connsiteY2" fmla="*/ 418305 h 1047237"/>
                  <a:gd name="connsiteX3" fmla="*/ 434428 w 3250788"/>
                  <a:gd name="connsiteY3" fmla="*/ 533919 h 1047237"/>
                  <a:gd name="connsiteX4" fmla="*/ 557049 w 3250788"/>
                  <a:gd name="connsiteY4" fmla="*/ 649533 h 1047237"/>
                  <a:gd name="connsiteX5" fmla="*/ 760249 w 3250788"/>
                  <a:gd name="connsiteY5" fmla="*/ 684567 h 1047237"/>
                  <a:gd name="connsiteX6" fmla="*/ 959946 w 3250788"/>
                  <a:gd name="connsiteY6" fmla="*/ 674058 h 1047237"/>
                  <a:gd name="connsiteX7" fmla="*/ 1051035 w 3250788"/>
                  <a:gd name="connsiteY7" fmla="*/ 702085 h 1047237"/>
                  <a:gd name="connsiteX8" fmla="*/ 1156138 w 3250788"/>
                  <a:gd name="connsiteY8" fmla="*/ 772154 h 1047237"/>
                  <a:gd name="connsiteX9" fmla="*/ 1194676 w 3250788"/>
                  <a:gd name="connsiteY9" fmla="*/ 870250 h 1047237"/>
                  <a:gd name="connsiteX10" fmla="*/ 1331311 w 3250788"/>
                  <a:gd name="connsiteY10" fmla="*/ 929809 h 1047237"/>
                  <a:gd name="connsiteX11" fmla="*/ 1436414 w 3250788"/>
                  <a:gd name="connsiteY11" fmla="*/ 999878 h 1047237"/>
                  <a:gd name="connsiteX12" fmla="*/ 1481959 w 3250788"/>
                  <a:gd name="connsiteY12" fmla="*/ 1045424 h 1047237"/>
                  <a:gd name="connsiteX13" fmla="*/ 1594038 w 3250788"/>
                  <a:gd name="connsiteY13" fmla="*/ 1047237 h 1047237"/>
                  <a:gd name="connsiteX14" fmla="*/ 1723697 w 3250788"/>
                  <a:gd name="connsiteY14" fmla="*/ 996374 h 1047237"/>
                  <a:gd name="connsiteX15" fmla="*/ 1846317 w 3250788"/>
                  <a:gd name="connsiteY15" fmla="*/ 950830 h 1047237"/>
                  <a:gd name="connsiteX16" fmla="*/ 1930400 w 3250788"/>
                  <a:gd name="connsiteY16" fmla="*/ 880761 h 1047237"/>
                  <a:gd name="connsiteX17" fmla="*/ 2039007 w 3250788"/>
                  <a:gd name="connsiteY17" fmla="*/ 828209 h 1047237"/>
                  <a:gd name="connsiteX18" fmla="*/ 2182649 w 3250788"/>
                  <a:gd name="connsiteY18" fmla="*/ 712595 h 1047237"/>
                  <a:gd name="connsiteX19" fmla="*/ 2294759 w 3250788"/>
                  <a:gd name="connsiteY19" fmla="*/ 663548 h 1047237"/>
                  <a:gd name="connsiteX20" fmla="*/ 2427890 w 3250788"/>
                  <a:gd name="connsiteY20" fmla="*/ 698581 h 1047237"/>
                  <a:gd name="connsiteX21" fmla="*/ 2494455 w 3250788"/>
                  <a:gd name="connsiteY21" fmla="*/ 684568 h 1047237"/>
                  <a:gd name="connsiteX22" fmla="*/ 2585545 w 3250788"/>
                  <a:gd name="connsiteY22" fmla="*/ 656540 h 1047237"/>
                  <a:gd name="connsiteX23" fmla="*/ 2760717 w 3250788"/>
                  <a:gd name="connsiteY23" fmla="*/ 530416 h 1047237"/>
                  <a:gd name="connsiteX24" fmla="*/ 2924056 w 3250788"/>
                  <a:gd name="connsiteY24" fmla="*/ 449418 h 1047237"/>
                  <a:gd name="connsiteX25" fmla="*/ 3149539 w 3250788"/>
                  <a:gd name="connsiteY25" fmla="*/ 428816 h 1047237"/>
                  <a:gd name="connsiteX26" fmla="*/ 3250788 w 3250788"/>
                  <a:gd name="connsiteY26" fmla="*/ 380509 h 1047237"/>
                  <a:gd name="connsiteX27" fmla="*/ 3223791 w 3250788"/>
                  <a:gd name="connsiteY27" fmla="*/ 183794 h 1047237"/>
                  <a:gd name="connsiteX28" fmla="*/ 3192215 w 3250788"/>
                  <a:gd name="connsiteY28" fmla="*/ 44086 h 1047237"/>
                  <a:gd name="connsiteX29" fmla="*/ 3086538 w 3250788"/>
                  <a:gd name="connsiteY29" fmla="*/ 32927 h 1047237"/>
                  <a:gd name="connsiteX30" fmla="*/ 2995449 w 3250788"/>
                  <a:gd name="connsiteY30" fmla="*/ 1396 h 1047237"/>
                  <a:gd name="connsiteX31" fmla="*/ 2949905 w 3250788"/>
                  <a:gd name="connsiteY31" fmla="*/ 73318 h 1047237"/>
                  <a:gd name="connsiteX32" fmla="*/ 2835553 w 3250788"/>
                  <a:gd name="connsiteY32" fmla="*/ 155131 h 1047237"/>
                  <a:gd name="connsiteX33" fmla="*/ 2712932 w 3250788"/>
                  <a:gd name="connsiteY33" fmla="*/ 179035 h 1047237"/>
                  <a:gd name="connsiteX34" fmla="*/ 2654005 w 3250788"/>
                  <a:gd name="connsiteY34" fmla="*/ 237362 h 1047237"/>
                  <a:gd name="connsiteX35" fmla="*/ 2611332 w 3250788"/>
                  <a:gd name="connsiteY35" fmla="*/ 359146 h 1047237"/>
                  <a:gd name="connsiteX36" fmla="*/ 2523400 w 3250788"/>
                  <a:gd name="connsiteY36" fmla="*/ 435825 h 1047237"/>
                  <a:gd name="connsiteX37" fmla="*/ 2387172 w 3250788"/>
                  <a:gd name="connsiteY37" fmla="*/ 424697 h 1047237"/>
                  <a:gd name="connsiteX38" fmla="*/ 2277242 w 3250788"/>
                  <a:gd name="connsiteY38" fmla="*/ 385740 h 1047237"/>
                  <a:gd name="connsiteX39" fmla="*/ 2129529 w 3250788"/>
                  <a:gd name="connsiteY39" fmla="*/ 365335 h 1047237"/>
                  <a:gd name="connsiteX40" fmla="*/ 2035158 w 3250788"/>
                  <a:gd name="connsiteY40" fmla="*/ 464468 h 1047237"/>
                  <a:gd name="connsiteX41" fmla="*/ 1984846 w 3250788"/>
                  <a:gd name="connsiteY41" fmla="*/ 550403 h 1047237"/>
                  <a:gd name="connsiteX42" fmla="*/ 1881700 w 3250788"/>
                  <a:gd name="connsiteY42" fmla="*/ 602337 h 1047237"/>
                  <a:gd name="connsiteX43" fmla="*/ 1776249 w 3250788"/>
                  <a:gd name="connsiteY43" fmla="*/ 565451 h 1047237"/>
                  <a:gd name="connsiteX44" fmla="*/ 1706180 w 3250788"/>
                  <a:gd name="connsiteY44" fmla="*/ 533920 h 1047237"/>
                  <a:gd name="connsiteX45" fmla="*/ 1625223 w 3250788"/>
                  <a:gd name="connsiteY45" fmla="*/ 524474 h 1047237"/>
                  <a:gd name="connsiteX46" fmla="*/ 1523654 w 3250788"/>
                  <a:gd name="connsiteY46" fmla="*/ 589556 h 1047237"/>
                  <a:gd name="connsiteX47" fmla="*/ 1382600 w 3250788"/>
                  <a:gd name="connsiteY47" fmla="*/ 628095 h 1047237"/>
                  <a:gd name="connsiteX48" fmla="*/ 1275255 w 3250788"/>
                  <a:gd name="connsiteY48" fmla="*/ 571421 h 1047237"/>
                  <a:gd name="connsiteX49" fmla="*/ 1212824 w 3250788"/>
                  <a:gd name="connsiteY49" fmla="*/ 498466 h 1047237"/>
                  <a:gd name="connsiteX50" fmla="*/ 1145628 w 3250788"/>
                  <a:gd name="connsiteY50" fmla="*/ 418305 h 1047237"/>
                  <a:gd name="connsiteX51" fmla="*/ 1087331 w 3250788"/>
                  <a:gd name="connsiteY51" fmla="*/ 341848 h 1047237"/>
                  <a:gd name="connsiteX52" fmla="*/ 939208 w 3250788"/>
                  <a:gd name="connsiteY52" fmla="*/ 427782 h 1047237"/>
                  <a:gd name="connsiteX53" fmla="*/ 781207 w 3250788"/>
                  <a:gd name="connsiteY53" fmla="*/ 435405 h 1047237"/>
                  <a:gd name="connsiteX54" fmla="*/ 654515 w 3250788"/>
                  <a:gd name="connsiteY54" fmla="*/ 370492 h 1047237"/>
                  <a:gd name="connsiteX55" fmla="*/ 606097 w 3250788"/>
                  <a:gd name="connsiteY55" fmla="*/ 281672 h 1047237"/>
                  <a:gd name="connsiteX56" fmla="*/ 581573 w 3250788"/>
                  <a:gd name="connsiteY56" fmla="*/ 215105 h 1047237"/>
                  <a:gd name="connsiteX57" fmla="*/ 527760 w 3250788"/>
                  <a:gd name="connsiteY57" fmla="*/ 160902 h 1047237"/>
                  <a:gd name="connsiteX58" fmla="*/ 377395 w 3250788"/>
                  <a:gd name="connsiteY58" fmla="*/ 105465 h 1047237"/>
                  <a:gd name="connsiteX59" fmla="*/ 278036 w 3250788"/>
                  <a:gd name="connsiteY59" fmla="*/ 120097 h 1047237"/>
                  <a:gd name="connsiteX60" fmla="*/ 180571 w 3250788"/>
                  <a:gd name="connsiteY60" fmla="*/ 48792 h 1047237"/>
                  <a:gd name="connsiteX61" fmla="*/ 74787 w 3250788"/>
                  <a:gd name="connsiteY61" fmla="*/ 45316 h 1047237"/>
                  <a:gd name="connsiteX62" fmla="*/ 38538 w 3250788"/>
                  <a:gd name="connsiteY62" fmla="*/ 78471 h 1047237"/>
                  <a:gd name="connsiteX63" fmla="*/ 25597 w 3250788"/>
                  <a:gd name="connsiteY63" fmla="*/ 137306 h 1047237"/>
                  <a:gd name="connsiteX64" fmla="*/ 0 w 3250788"/>
                  <a:gd name="connsiteY64" fmla="*/ 232623 h 1047237"/>
                  <a:gd name="connsiteX65" fmla="*/ 4190 w 3250788"/>
                  <a:gd name="connsiteY65" fmla="*/ 320133 h 1047237"/>
                  <a:gd name="connsiteX0" fmla="*/ 4190 w 3254923"/>
                  <a:gd name="connsiteY0" fmla="*/ 320133 h 1047237"/>
                  <a:gd name="connsiteX1" fmla="*/ 217214 w 3254923"/>
                  <a:gd name="connsiteY1" fmla="*/ 418305 h 1047237"/>
                  <a:gd name="connsiteX2" fmla="*/ 346842 w 3254923"/>
                  <a:gd name="connsiteY2" fmla="*/ 418305 h 1047237"/>
                  <a:gd name="connsiteX3" fmla="*/ 434428 w 3254923"/>
                  <a:gd name="connsiteY3" fmla="*/ 533919 h 1047237"/>
                  <a:gd name="connsiteX4" fmla="*/ 557049 w 3254923"/>
                  <a:gd name="connsiteY4" fmla="*/ 649533 h 1047237"/>
                  <a:gd name="connsiteX5" fmla="*/ 760249 w 3254923"/>
                  <a:gd name="connsiteY5" fmla="*/ 684567 h 1047237"/>
                  <a:gd name="connsiteX6" fmla="*/ 959946 w 3254923"/>
                  <a:gd name="connsiteY6" fmla="*/ 674058 h 1047237"/>
                  <a:gd name="connsiteX7" fmla="*/ 1051035 w 3254923"/>
                  <a:gd name="connsiteY7" fmla="*/ 702085 h 1047237"/>
                  <a:gd name="connsiteX8" fmla="*/ 1156138 w 3254923"/>
                  <a:gd name="connsiteY8" fmla="*/ 772154 h 1047237"/>
                  <a:gd name="connsiteX9" fmla="*/ 1194676 w 3254923"/>
                  <a:gd name="connsiteY9" fmla="*/ 870250 h 1047237"/>
                  <a:gd name="connsiteX10" fmla="*/ 1331311 w 3254923"/>
                  <a:gd name="connsiteY10" fmla="*/ 929809 h 1047237"/>
                  <a:gd name="connsiteX11" fmla="*/ 1436414 w 3254923"/>
                  <a:gd name="connsiteY11" fmla="*/ 999878 h 1047237"/>
                  <a:gd name="connsiteX12" fmla="*/ 1481959 w 3254923"/>
                  <a:gd name="connsiteY12" fmla="*/ 1045424 h 1047237"/>
                  <a:gd name="connsiteX13" fmla="*/ 1594038 w 3254923"/>
                  <a:gd name="connsiteY13" fmla="*/ 1047237 h 1047237"/>
                  <a:gd name="connsiteX14" fmla="*/ 1723697 w 3254923"/>
                  <a:gd name="connsiteY14" fmla="*/ 996374 h 1047237"/>
                  <a:gd name="connsiteX15" fmla="*/ 1846317 w 3254923"/>
                  <a:gd name="connsiteY15" fmla="*/ 950830 h 1047237"/>
                  <a:gd name="connsiteX16" fmla="*/ 1930400 w 3254923"/>
                  <a:gd name="connsiteY16" fmla="*/ 880761 h 1047237"/>
                  <a:gd name="connsiteX17" fmla="*/ 2039007 w 3254923"/>
                  <a:gd name="connsiteY17" fmla="*/ 828209 h 1047237"/>
                  <a:gd name="connsiteX18" fmla="*/ 2182649 w 3254923"/>
                  <a:gd name="connsiteY18" fmla="*/ 712595 h 1047237"/>
                  <a:gd name="connsiteX19" fmla="*/ 2294759 w 3254923"/>
                  <a:gd name="connsiteY19" fmla="*/ 663548 h 1047237"/>
                  <a:gd name="connsiteX20" fmla="*/ 2427890 w 3254923"/>
                  <a:gd name="connsiteY20" fmla="*/ 698581 h 1047237"/>
                  <a:gd name="connsiteX21" fmla="*/ 2494455 w 3254923"/>
                  <a:gd name="connsiteY21" fmla="*/ 684568 h 1047237"/>
                  <a:gd name="connsiteX22" fmla="*/ 2585545 w 3254923"/>
                  <a:gd name="connsiteY22" fmla="*/ 656540 h 1047237"/>
                  <a:gd name="connsiteX23" fmla="*/ 2760717 w 3254923"/>
                  <a:gd name="connsiteY23" fmla="*/ 530416 h 1047237"/>
                  <a:gd name="connsiteX24" fmla="*/ 2924056 w 3254923"/>
                  <a:gd name="connsiteY24" fmla="*/ 449418 h 1047237"/>
                  <a:gd name="connsiteX25" fmla="*/ 3149539 w 3254923"/>
                  <a:gd name="connsiteY25" fmla="*/ 428816 h 1047237"/>
                  <a:gd name="connsiteX26" fmla="*/ 3254923 w 3254923"/>
                  <a:gd name="connsiteY26" fmla="*/ 405231 h 1047237"/>
                  <a:gd name="connsiteX27" fmla="*/ 3223791 w 3254923"/>
                  <a:gd name="connsiteY27" fmla="*/ 183794 h 1047237"/>
                  <a:gd name="connsiteX28" fmla="*/ 3192215 w 3254923"/>
                  <a:gd name="connsiteY28" fmla="*/ 44086 h 1047237"/>
                  <a:gd name="connsiteX29" fmla="*/ 3086538 w 3254923"/>
                  <a:gd name="connsiteY29" fmla="*/ 32927 h 1047237"/>
                  <a:gd name="connsiteX30" fmla="*/ 2995449 w 3254923"/>
                  <a:gd name="connsiteY30" fmla="*/ 1396 h 1047237"/>
                  <a:gd name="connsiteX31" fmla="*/ 2949905 w 3254923"/>
                  <a:gd name="connsiteY31" fmla="*/ 73318 h 1047237"/>
                  <a:gd name="connsiteX32" fmla="*/ 2835553 w 3254923"/>
                  <a:gd name="connsiteY32" fmla="*/ 155131 h 1047237"/>
                  <a:gd name="connsiteX33" fmla="*/ 2712932 w 3254923"/>
                  <a:gd name="connsiteY33" fmla="*/ 179035 h 1047237"/>
                  <a:gd name="connsiteX34" fmla="*/ 2654005 w 3254923"/>
                  <a:gd name="connsiteY34" fmla="*/ 237362 h 1047237"/>
                  <a:gd name="connsiteX35" fmla="*/ 2611332 w 3254923"/>
                  <a:gd name="connsiteY35" fmla="*/ 359146 h 1047237"/>
                  <a:gd name="connsiteX36" fmla="*/ 2523400 w 3254923"/>
                  <a:gd name="connsiteY36" fmla="*/ 435825 h 1047237"/>
                  <a:gd name="connsiteX37" fmla="*/ 2387172 w 3254923"/>
                  <a:gd name="connsiteY37" fmla="*/ 424697 h 1047237"/>
                  <a:gd name="connsiteX38" fmla="*/ 2277242 w 3254923"/>
                  <a:gd name="connsiteY38" fmla="*/ 385740 h 1047237"/>
                  <a:gd name="connsiteX39" fmla="*/ 2129529 w 3254923"/>
                  <a:gd name="connsiteY39" fmla="*/ 365335 h 1047237"/>
                  <a:gd name="connsiteX40" fmla="*/ 2035158 w 3254923"/>
                  <a:gd name="connsiteY40" fmla="*/ 464468 h 1047237"/>
                  <a:gd name="connsiteX41" fmla="*/ 1984846 w 3254923"/>
                  <a:gd name="connsiteY41" fmla="*/ 550403 h 1047237"/>
                  <a:gd name="connsiteX42" fmla="*/ 1881700 w 3254923"/>
                  <a:gd name="connsiteY42" fmla="*/ 602337 h 1047237"/>
                  <a:gd name="connsiteX43" fmla="*/ 1776249 w 3254923"/>
                  <a:gd name="connsiteY43" fmla="*/ 565451 h 1047237"/>
                  <a:gd name="connsiteX44" fmla="*/ 1706180 w 3254923"/>
                  <a:gd name="connsiteY44" fmla="*/ 533920 h 1047237"/>
                  <a:gd name="connsiteX45" fmla="*/ 1625223 w 3254923"/>
                  <a:gd name="connsiteY45" fmla="*/ 524474 h 1047237"/>
                  <a:gd name="connsiteX46" fmla="*/ 1523654 w 3254923"/>
                  <a:gd name="connsiteY46" fmla="*/ 589556 h 1047237"/>
                  <a:gd name="connsiteX47" fmla="*/ 1382600 w 3254923"/>
                  <a:gd name="connsiteY47" fmla="*/ 628095 h 1047237"/>
                  <a:gd name="connsiteX48" fmla="*/ 1275255 w 3254923"/>
                  <a:gd name="connsiteY48" fmla="*/ 571421 h 1047237"/>
                  <a:gd name="connsiteX49" fmla="*/ 1212824 w 3254923"/>
                  <a:gd name="connsiteY49" fmla="*/ 498466 h 1047237"/>
                  <a:gd name="connsiteX50" fmla="*/ 1145628 w 3254923"/>
                  <a:gd name="connsiteY50" fmla="*/ 418305 h 1047237"/>
                  <a:gd name="connsiteX51" fmla="*/ 1087331 w 3254923"/>
                  <a:gd name="connsiteY51" fmla="*/ 341848 h 1047237"/>
                  <a:gd name="connsiteX52" fmla="*/ 939208 w 3254923"/>
                  <a:gd name="connsiteY52" fmla="*/ 427782 h 1047237"/>
                  <a:gd name="connsiteX53" fmla="*/ 781207 w 3254923"/>
                  <a:gd name="connsiteY53" fmla="*/ 435405 h 1047237"/>
                  <a:gd name="connsiteX54" fmla="*/ 654515 w 3254923"/>
                  <a:gd name="connsiteY54" fmla="*/ 370492 h 1047237"/>
                  <a:gd name="connsiteX55" fmla="*/ 606097 w 3254923"/>
                  <a:gd name="connsiteY55" fmla="*/ 281672 h 1047237"/>
                  <a:gd name="connsiteX56" fmla="*/ 581573 w 3254923"/>
                  <a:gd name="connsiteY56" fmla="*/ 215105 h 1047237"/>
                  <a:gd name="connsiteX57" fmla="*/ 527760 w 3254923"/>
                  <a:gd name="connsiteY57" fmla="*/ 160902 h 1047237"/>
                  <a:gd name="connsiteX58" fmla="*/ 377395 w 3254923"/>
                  <a:gd name="connsiteY58" fmla="*/ 105465 h 1047237"/>
                  <a:gd name="connsiteX59" fmla="*/ 278036 w 3254923"/>
                  <a:gd name="connsiteY59" fmla="*/ 120097 h 1047237"/>
                  <a:gd name="connsiteX60" fmla="*/ 180571 w 3254923"/>
                  <a:gd name="connsiteY60" fmla="*/ 48792 h 1047237"/>
                  <a:gd name="connsiteX61" fmla="*/ 74787 w 3254923"/>
                  <a:gd name="connsiteY61" fmla="*/ 45316 h 1047237"/>
                  <a:gd name="connsiteX62" fmla="*/ 38538 w 3254923"/>
                  <a:gd name="connsiteY62" fmla="*/ 78471 h 1047237"/>
                  <a:gd name="connsiteX63" fmla="*/ 25597 w 3254923"/>
                  <a:gd name="connsiteY63" fmla="*/ 137306 h 1047237"/>
                  <a:gd name="connsiteX64" fmla="*/ 0 w 3254923"/>
                  <a:gd name="connsiteY64" fmla="*/ 232623 h 1047237"/>
                  <a:gd name="connsiteX65" fmla="*/ 4190 w 3254923"/>
                  <a:gd name="connsiteY65" fmla="*/ 320133 h 1047237"/>
                  <a:gd name="connsiteX0" fmla="*/ 4190 w 3254923"/>
                  <a:gd name="connsiteY0" fmla="*/ 320133 h 1047237"/>
                  <a:gd name="connsiteX1" fmla="*/ 217214 w 3254923"/>
                  <a:gd name="connsiteY1" fmla="*/ 418305 h 1047237"/>
                  <a:gd name="connsiteX2" fmla="*/ 346842 w 3254923"/>
                  <a:gd name="connsiteY2" fmla="*/ 418305 h 1047237"/>
                  <a:gd name="connsiteX3" fmla="*/ 434428 w 3254923"/>
                  <a:gd name="connsiteY3" fmla="*/ 533919 h 1047237"/>
                  <a:gd name="connsiteX4" fmla="*/ 557049 w 3254923"/>
                  <a:gd name="connsiteY4" fmla="*/ 649533 h 1047237"/>
                  <a:gd name="connsiteX5" fmla="*/ 760249 w 3254923"/>
                  <a:gd name="connsiteY5" fmla="*/ 684567 h 1047237"/>
                  <a:gd name="connsiteX6" fmla="*/ 959946 w 3254923"/>
                  <a:gd name="connsiteY6" fmla="*/ 674058 h 1047237"/>
                  <a:gd name="connsiteX7" fmla="*/ 1051035 w 3254923"/>
                  <a:gd name="connsiteY7" fmla="*/ 702085 h 1047237"/>
                  <a:gd name="connsiteX8" fmla="*/ 1156138 w 3254923"/>
                  <a:gd name="connsiteY8" fmla="*/ 772154 h 1047237"/>
                  <a:gd name="connsiteX9" fmla="*/ 1194676 w 3254923"/>
                  <a:gd name="connsiteY9" fmla="*/ 870250 h 1047237"/>
                  <a:gd name="connsiteX10" fmla="*/ 1331311 w 3254923"/>
                  <a:gd name="connsiteY10" fmla="*/ 929809 h 1047237"/>
                  <a:gd name="connsiteX11" fmla="*/ 1436414 w 3254923"/>
                  <a:gd name="connsiteY11" fmla="*/ 999878 h 1047237"/>
                  <a:gd name="connsiteX12" fmla="*/ 1481959 w 3254923"/>
                  <a:gd name="connsiteY12" fmla="*/ 1045424 h 1047237"/>
                  <a:gd name="connsiteX13" fmla="*/ 1594038 w 3254923"/>
                  <a:gd name="connsiteY13" fmla="*/ 1047237 h 1047237"/>
                  <a:gd name="connsiteX14" fmla="*/ 1723697 w 3254923"/>
                  <a:gd name="connsiteY14" fmla="*/ 996374 h 1047237"/>
                  <a:gd name="connsiteX15" fmla="*/ 1846317 w 3254923"/>
                  <a:gd name="connsiteY15" fmla="*/ 950830 h 1047237"/>
                  <a:gd name="connsiteX16" fmla="*/ 1930400 w 3254923"/>
                  <a:gd name="connsiteY16" fmla="*/ 880761 h 1047237"/>
                  <a:gd name="connsiteX17" fmla="*/ 2039007 w 3254923"/>
                  <a:gd name="connsiteY17" fmla="*/ 828209 h 1047237"/>
                  <a:gd name="connsiteX18" fmla="*/ 2182649 w 3254923"/>
                  <a:gd name="connsiteY18" fmla="*/ 712595 h 1047237"/>
                  <a:gd name="connsiteX19" fmla="*/ 2294759 w 3254923"/>
                  <a:gd name="connsiteY19" fmla="*/ 663548 h 1047237"/>
                  <a:gd name="connsiteX20" fmla="*/ 2427890 w 3254923"/>
                  <a:gd name="connsiteY20" fmla="*/ 698581 h 1047237"/>
                  <a:gd name="connsiteX21" fmla="*/ 2494455 w 3254923"/>
                  <a:gd name="connsiteY21" fmla="*/ 684568 h 1047237"/>
                  <a:gd name="connsiteX22" fmla="*/ 2585545 w 3254923"/>
                  <a:gd name="connsiteY22" fmla="*/ 656540 h 1047237"/>
                  <a:gd name="connsiteX23" fmla="*/ 2760717 w 3254923"/>
                  <a:gd name="connsiteY23" fmla="*/ 530416 h 1047237"/>
                  <a:gd name="connsiteX24" fmla="*/ 2911651 w 3254923"/>
                  <a:gd name="connsiteY24" fmla="*/ 445297 h 1047237"/>
                  <a:gd name="connsiteX25" fmla="*/ 3149539 w 3254923"/>
                  <a:gd name="connsiteY25" fmla="*/ 428816 h 1047237"/>
                  <a:gd name="connsiteX26" fmla="*/ 3254923 w 3254923"/>
                  <a:gd name="connsiteY26" fmla="*/ 405231 h 1047237"/>
                  <a:gd name="connsiteX27" fmla="*/ 3223791 w 3254923"/>
                  <a:gd name="connsiteY27" fmla="*/ 183794 h 1047237"/>
                  <a:gd name="connsiteX28" fmla="*/ 3192215 w 3254923"/>
                  <a:gd name="connsiteY28" fmla="*/ 44086 h 1047237"/>
                  <a:gd name="connsiteX29" fmla="*/ 3086538 w 3254923"/>
                  <a:gd name="connsiteY29" fmla="*/ 32927 h 1047237"/>
                  <a:gd name="connsiteX30" fmla="*/ 2995449 w 3254923"/>
                  <a:gd name="connsiteY30" fmla="*/ 1396 h 1047237"/>
                  <a:gd name="connsiteX31" fmla="*/ 2949905 w 3254923"/>
                  <a:gd name="connsiteY31" fmla="*/ 73318 h 1047237"/>
                  <a:gd name="connsiteX32" fmla="*/ 2835553 w 3254923"/>
                  <a:gd name="connsiteY32" fmla="*/ 155131 h 1047237"/>
                  <a:gd name="connsiteX33" fmla="*/ 2712932 w 3254923"/>
                  <a:gd name="connsiteY33" fmla="*/ 179035 h 1047237"/>
                  <a:gd name="connsiteX34" fmla="*/ 2654005 w 3254923"/>
                  <a:gd name="connsiteY34" fmla="*/ 237362 h 1047237"/>
                  <a:gd name="connsiteX35" fmla="*/ 2611332 w 3254923"/>
                  <a:gd name="connsiteY35" fmla="*/ 359146 h 1047237"/>
                  <a:gd name="connsiteX36" fmla="*/ 2523400 w 3254923"/>
                  <a:gd name="connsiteY36" fmla="*/ 435825 h 1047237"/>
                  <a:gd name="connsiteX37" fmla="*/ 2387172 w 3254923"/>
                  <a:gd name="connsiteY37" fmla="*/ 424697 h 1047237"/>
                  <a:gd name="connsiteX38" fmla="*/ 2277242 w 3254923"/>
                  <a:gd name="connsiteY38" fmla="*/ 385740 h 1047237"/>
                  <a:gd name="connsiteX39" fmla="*/ 2129529 w 3254923"/>
                  <a:gd name="connsiteY39" fmla="*/ 365335 h 1047237"/>
                  <a:gd name="connsiteX40" fmla="*/ 2035158 w 3254923"/>
                  <a:gd name="connsiteY40" fmla="*/ 464468 h 1047237"/>
                  <a:gd name="connsiteX41" fmla="*/ 1984846 w 3254923"/>
                  <a:gd name="connsiteY41" fmla="*/ 550403 h 1047237"/>
                  <a:gd name="connsiteX42" fmla="*/ 1881700 w 3254923"/>
                  <a:gd name="connsiteY42" fmla="*/ 602337 h 1047237"/>
                  <a:gd name="connsiteX43" fmla="*/ 1776249 w 3254923"/>
                  <a:gd name="connsiteY43" fmla="*/ 565451 h 1047237"/>
                  <a:gd name="connsiteX44" fmla="*/ 1706180 w 3254923"/>
                  <a:gd name="connsiteY44" fmla="*/ 533920 h 1047237"/>
                  <a:gd name="connsiteX45" fmla="*/ 1625223 w 3254923"/>
                  <a:gd name="connsiteY45" fmla="*/ 524474 h 1047237"/>
                  <a:gd name="connsiteX46" fmla="*/ 1523654 w 3254923"/>
                  <a:gd name="connsiteY46" fmla="*/ 589556 h 1047237"/>
                  <a:gd name="connsiteX47" fmla="*/ 1382600 w 3254923"/>
                  <a:gd name="connsiteY47" fmla="*/ 628095 h 1047237"/>
                  <a:gd name="connsiteX48" fmla="*/ 1275255 w 3254923"/>
                  <a:gd name="connsiteY48" fmla="*/ 571421 h 1047237"/>
                  <a:gd name="connsiteX49" fmla="*/ 1212824 w 3254923"/>
                  <a:gd name="connsiteY49" fmla="*/ 498466 h 1047237"/>
                  <a:gd name="connsiteX50" fmla="*/ 1145628 w 3254923"/>
                  <a:gd name="connsiteY50" fmla="*/ 418305 h 1047237"/>
                  <a:gd name="connsiteX51" fmla="*/ 1087331 w 3254923"/>
                  <a:gd name="connsiteY51" fmla="*/ 341848 h 1047237"/>
                  <a:gd name="connsiteX52" fmla="*/ 939208 w 3254923"/>
                  <a:gd name="connsiteY52" fmla="*/ 427782 h 1047237"/>
                  <a:gd name="connsiteX53" fmla="*/ 781207 w 3254923"/>
                  <a:gd name="connsiteY53" fmla="*/ 435405 h 1047237"/>
                  <a:gd name="connsiteX54" fmla="*/ 654515 w 3254923"/>
                  <a:gd name="connsiteY54" fmla="*/ 370492 h 1047237"/>
                  <a:gd name="connsiteX55" fmla="*/ 606097 w 3254923"/>
                  <a:gd name="connsiteY55" fmla="*/ 281672 h 1047237"/>
                  <a:gd name="connsiteX56" fmla="*/ 581573 w 3254923"/>
                  <a:gd name="connsiteY56" fmla="*/ 215105 h 1047237"/>
                  <a:gd name="connsiteX57" fmla="*/ 527760 w 3254923"/>
                  <a:gd name="connsiteY57" fmla="*/ 160902 h 1047237"/>
                  <a:gd name="connsiteX58" fmla="*/ 377395 w 3254923"/>
                  <a:gd name="connsiteY58" fmla="*/ 105465 h 1047237"/>
                  <a:gd name="connsiteX59" fmla="*/ 278036 w 3254923"/>
                  <a:gd name="connsiteY59" fmla="*/ 120097 h 1047237"/>
                  <a:gd name="connsiteX60" fmla="*/ 180571 w 3254923"/>
                  <a:gd name="connsiteY60" fmla="*/ 48792 h 1047237"/>
                  <a:gd name="connsiteX61" fmla="*/ 74787 w 3254923"/>
                  <a:gd name="connsiteY61" fmla="*/ 45316 h 1047237"/>
                  <a:gd name="connsiteX62" fmla="*/ 38538 w 3254923"/>
                  <a:gd name="connsiteY62" fmla="*/ 78471 h 1047237"/>
                  <a:gd name="connsiteX63" fmla="*/ 25597 w 3254923"/>
                  <a:gd name="connsiteY63" fmla="*/ 137306 h 1047237"/>
                  <a:gd name="connsiteX64" fmla="*/ 0 w 3254923"/>
                  <a:gd name="connsiteY64" fmla="*/ 232623 h 1047237"/>
                  <a:gd name="connsiteX65" fmla="*/ 4190 w 3254923"/>
                  <a:gd name="connsiteY65" fmla="*/ 320133 h 1047237"/>
                  <a:gd name="connsiteX0" fmla="*/ 4190 w 3254923"/>
                  <a:gd name="connsiteY0" fmla="*/ 320133 h 1047237"/>
                  <a:gd name="connsiteX1" fmla="*/ 217214 w 3254923"/>
                  <a:gd name="connsiteY1" fmla="*/ 418305 h 1047237"/>
                  <a:gd name="connsiteX2" fmla="*/ 346842 w 3254923"/>
                  <a:gd name="connsiteY2" fmla="*/ 418305 h 1047237"/>
                  <a:gd name="connsiteX3" fmla="*/ 434428 w 3254923"/>
                  <a:gd name="connsiteY3" fmla="*/ 533919 h 1047237"/>
                  <a:gd name="connsiteX4" fmla="*/ 557049 w 3254923"/>
                  <a:gd name="connsiteY4" fmla="*/ 649533 h 1047237"/>
                  <a:gd name="connsiteX5" fmla="*/ 760249 w 3254923"/>
                  <a:gd name="connsiteY5" fmla="*/ 684567 h 1047237"/>
                  <a:gd name="connsiteX6" fmla="*/ 959946 w 3254923"/>
                  <a:gd name="connsiteY6" fmla="*/ 674058 h 1047237"/>
                  <a:gd name="connsiteX7" fmla="*/ 1051035 w 3254923"/>
                  <a:gd name="connsiteY7" fmla="*/ 702085 h 1047237"/>
                  <a:gd name="connsiteX8" fmla="*/ 1156138 w 3254923"/>
                  <a:gd name="connsiteY8" fmla="*/ 772154 h 1047237"/>
                  <a:gd name="connsiteX9" fmla="*/ 1194676 w 3254923"/>
                  <a:gd name="connsiteY9" fmla="*/ 870250 h 1047237"/>
                  <a:gd name="connsiteX10" fmla="*/ 1331311 w 3254923"/>
                  <a:gd name="connsiteY10" fmla="*/ 929809 h 1047237"/>
                  <a:gd name="connsiteX11" fmla="*/ 1436414 w 3254923"/>
                  <a:gd name="connsiteY11" fmla="*/ 999878 h 1047237"/>
                  <a:gd name="connsiteX12" fmla="*/ 1481959 w 3254923"/>
                  <a:gd name="connsiteY12" fmla="*/ 1045424 h 1047237"/>
                  <a:gd name="connsiteX13" fmla="*/ 1594038 w 3254923"/>
                  <a:gd name="connsiteY13" fmla="*/ 1047237 h 1047237"/>
                  <a:gd name="connsiteX14" fmla="*/ 1723697 w 3254923"/>
                  <a:gd name="connsiteY14" fmla="*/ 996374 h 1047237"/>
                  <a:gd name="connsiteX15" fmla="*/ 1846317 w 3254923"/>
                  <a:gd name="connsiteY15" fmla="*/ 950830 h 1047237"/>
                  <a:gd name="connsiteX16" fmla="*/ 1930400 w 3254923"/>
                  <a:gd name="connsiteY16" fmla="*/ 880761 h 1047237"/>
                  <a:gd name="connsiteX17" fmla="*/ 2039007 w 3254923"/>
                  <a:gd name="connsiteY17" fmla="*/ 828209 h 1047237"/>
                  <a:gd name="connsiteX18" fmla="*/ 2182649 w 3254923"/>
                  <a:gd name="connsiteY18" fmla="*/ 712595 h 1047237"/>
                  <a:gd name="connsiteX19" fmla="*/ 2294759 w 3254923"/>
                  <a:gd name="connsiteY19" fmla="*/ 663548 h 1047237"/>
                  <a:gd name="connsiteX20" fmla="*/ 2427890 w 3254923"/>
                  <a:gd name="connsiteY20" fmla="*/ 698581 h 1047237"/>
                  <a:gd name="connsiteX21" fmla="*/ 2494455 w 3254923"/>
                  <a:gd name="connsiteY21" fmla="*/ 684568 h 1047237"/>
                  <a:gd name="connsiteX22" fmla="*/ 2585545 w 3254923"/>
                  <a:gd name="connsiteY22" fmla="*/ 656540 h 1047237"/>
                  <a:gd name="connsiteX23" fmla="*/ 2760717 w 3254923"/>
                  <a:gd name="connsiteY23" fmla="*/ 530417 h 1047237"/>
                  <a:gd name="connsiteX24" fmla="*/ 2911651 w 3254923"/>
                  <a:gd name="connsiteY24" fmla="*/ 445297 h 1047237"/>
                  <a:gd name="connsiteX25" fmla="*/ 3149539 w 3254923"/>
                  <a:gd name="connsiteY25" fmla="*/ 428816 h 1047237"/>
                  <a:gd name="connsiteX26" fmla="*/ 3254923 w 3254923"/>
                  <a:gd name="connsiteY26" fmla="*/ 405231 h 1047237"/>
                  <a:gd name="connsiteX27" fmla="*/ 3223791 w 3254923"/>
                  <a:gd name="connsiteY27" fmla="*/ 183794 h 1047237"/>
                  <a:gd name="connsiteX28" fmla="*/ 3192215 w 3254923"/>
                  <a:gd name="connsiteY28" fmla="*/ 44086 h 1047237"/>
                  <a:gd name="connsiteX29" fmla="*/ 3086538 w 3254923"/>
                  <a:gd name="connsiteY29" fmla="*/ 32927 h 1047237"/>
                  <a:gd name="connsiteX30" fmla="*/ 2995449 w 3254923"/>
                  <a:gd name="connsiteY30" fmla="*/ 1396 h 1047237"/>
                  <a:gd name="connsiteX31" fmla="*/ 2949905 w 3254923"/>
                  <a:gd name="connsiteY31" fmla="*/ 73318 h 1047237"/>
                  <a:gd name="connsiteX32" fmla="*/ 2835553 w 3254923"/>
                  <a:gd name="connsiteY32" fmla="*/ 155131 h 1047237"/>
                  <a:gd name="connsiteX33" fmla="*/ 2712932 w 3254923"/>
                  <a:gd name="connsiteY33" fmla="*/ 179035 h 1047237"/>
                  <a:gd name="connsiteX34" fmla="*/ 2654005 w 3254923"/>
                  <a:gd name="connsiteY34" fmla="*/ 237362 h 1047237"/>
                  <a:gd name="connsiteX35" fmla="*/ 2611332 w 3254923"/>
                  <a:gd name="connsiteY35" fmla="*/ 359146 h 1047237"/>
                  <a:gd name="connsiteX36" fmla="*/ 2523400 w 3254923"/>
                  <a:gd name="connsiteY36" fmla="*/ 435825 h 1047237"/>
                  <a:gd name="connsiteX37" fmla="*/ 2387172 w 3254923"/>
                  <a:gd name="connsiteY37" fmla="*/ 424697 h 1047237"/>
                  <a:gd name="connsiteX38" fmla="*/ 2277242 w 3254923"/>
                  <a:gd name="connsiteY38" fmla="*/ 385740 h 1047237"/>
                  <a:gd name="connsiteX39" fmla="*/ 2129529 w 3254923"/>
                  <a:gd name="connsiteY39" fmla="*/ 365335 h 1047237"/>
                  <a:gd name="connsiteX40" fmla="*/ 2035158 w 3254923"/>
                  <a:gd name="connsiteY40" fmla="*/ 464468 h 1047237"/>
                  <a:gd name="connsiteX41" fmla="*/ 1984846 w 3254923"/>
                  <a:gd name="connsiteY41" fmla="*/ 550403 h 1047237"/>
                  <a:gd name="connsiteX42" fmla="*/ 1881700 w 3254923"/>
                  <a:gd name="connsiteY42" fmla="*/ 602337 h 1047237"/>
                  <a:gd name="connsiteX43" fmla="*/ 1776249 w 3254923"/>
                  <a:gd name="connsiteY43" fmla="*/ 565451 h 1047237"/>
                  <a:gd name="connsiteX44" fmla="*/ 1706180 w 3254923"/>
                  <a:gd name="connsiteY44" fmla="*/ 533920 h 1047237"/>
                  <a:gd name="connsiteX45" fmla="*/ 1625223 w 3254923"/>
                  <a:gd name="connsiteY45" fmla="*/ 524474 h 1047237"/>
                  <a:gd name="connsiteX46" fmla="*/ 1523654 w 3254923"/>
                  <a:gd name="connsiteY46" fmla="*/ 589556 h 1047237"/>
                  <a:gd name="connsiteX47" fmla="*/ 1382600 w 3254923"/>
                  <a:gd name="connsiteY47" fmla="*/ 628095 h 1047237"/>
                  <a:gd name="connsiteX48" fmla="*/ 1275255 w 3254923"/>
                  <a:gd name="connsiteY48" fmla="*/ 571421 h 1047237"/>
                  <a:gd name="connsiteX49" fmla="*/ 1212824 w 3254923"/>
                  <a:gd name="connsiteY49" fmla="*/ 498466 h 1047237"/>
                  <a:gd name="connsiteX50" fmla="*/ 1145628 w 3254923"/>
                  <a:gd name="connsiteY50" fmla="*/ 418305 h 1047237"/>
                  <a:gd name="connsiteX51" fmla="*/ 1087331 w 3254923"/>
                  <a:gd name="connsiteY51" fmla="*/ 341848 h 1047237"/>
                  <a:gd name="connsiteX52" fmla="*/ 939208 w 3254923"/>
                  <a:gd name="connsiteY52" fmla="*/ 427782 h 1047237"/>
                  <a:gd name="connsiteX53" fmla="*/ 781207 w 3254923"/>
                  <a:gd name="connsiteY53" fmla="*/ 435405 h 1047237"/>
                  <a:gd name="connsiteX54" fmla="*/ 654515 w 3254923"/>
                  <a:gd name="connsiteY54" fmla="*/ 370492 h 1047237"/>
                  <a:gd name="connsiteX55" fmla="*/ 606097 w 3254923"/>
                  <a:gd name="connsiteY55" fmla="*/ 281672 h 1047237"/>
                  <a:gd name="connsiteX56" fmla="*/ 581573 w 3254923"/>
                  <a:gd name="connsiteY56" fmla="*/ 215105 h 1047237"/>
                  <a:gd name="connsiteX57" fmla="*/ 527760 w 3254923"/>
                  <a:gd name="connsiteY57" fmla="*/ 160902 h 1047237"/>
                  <a:gd name="connsiteX58" fmla="*/ 377395 w 3254923"/>
                  <a:gd name="connsiteY58" fmla="*/ 105465 h 1047237"/>
                  <a:gd name="connsiteX59" fmla="*/ 278036 w 3254923"/>
                  <a:gd name="connsiteY59" fmla="*/ 120097 h 1047237"/>
                  <a:gd name="connsiteX60" fmla="*/ 180571 w 3254923"/>
                  <a:gd name="connsiteY60" fmla="*/ 48792 h 1047237"/>
                  <a:gd name="connsiteX61" fmla="*/ 74787 w 3254923"/>
                  <a:gd name="connsiteY61" fmla="*/ 45316 h 1047237"/>
                  <a:gd name="connsiteX62" fmla="*/ 38538 w 3254923"/>
                  <a:gd name="connsiteY62" fmla="*/ 78471 h 1047237"/>
                  <a:gd name="connsiteX63" fmla="*/ 25597 w 3254923"/>
                  <a:gd name="connsiteY63" fmla="*/ 137306 h 1047237"/>
                  <a:gd name="connsiteX64" fmla="*/ 0 w 3254923"/>
                  <a:gd name="connsiteY64" fmla="*/ 232623 h 1047237"/>
                  <a:gd name="connsiteX65" fmla="*/ 4190 w 3254923"/>
                  <a:gd name="connsiteY65" fmla="*/ 320133 h 1047237"/>
                  <a:gd name="connsiteX0" fmla="*/ 4190 w 3254923"/>
                  <a:gd name="connsiteY0" fmla="*/ 320133 h 1047237"/>
                  <a:gd name="connsiteX1" fmla="*/ 217214 w 3254923"/>
                  <a:gd name="connsiteY1" fmla="*/ 418305 h 1047237"/>
                  <a:gd name="connsiteX2" fmla="*/ 346842 w 3254923"/>
                  <a:gd name="connsiteY2" fmla="*/ 418305 h 1047237"/>
                  <a:gd name="connsiteX3" fmla="*/ 434428 w 3254923"/>
                  <a:gd name="connsiteY3" fmla="*/ 533919 h 1047237"/>
                  <a:gd name="connsiteX4" fmla="*/ 557049 w 3254923"/>
                  <a:gd name="connsiteY4" fmla="*/ 649533 h 1047237"/>
                  <a:gd name="connsiteX5" fmla="*/ 760249 w 3254923"/>
                  <a:gd name="connsiteY5" fmla="*/ 684567 h 1047237"/>
                  <a:gd name="connsiteX6" fmla="*/ 959946 w 3254923"/>
                  <a:gd name="connsiteY6" fmla="*/ 674058 h 1047237"/>
                  <a:gd name="connsiteX7" fmla="*/ 1051035 w 3254923"/>
                  <a:gd name="connsiteY7" fmla="*/ 702085 h 1047237"/>
                  <a:gd name="connsiteX8" fmla="*/ 1156138 w 3254923"/>
                  <a:gd name="connsiteY8" fmla="*/ 772154 h 1047237"/>
                  <a:gd name="connsiteX9" fmla="*/ 1194676 w 3254923"/>
                  <a:gd name="connsiteY9" fmla="*/ 870250 h 1047237"/>
                  <a:gd name="connsiteX10" fmla="*/ 1331311 w 3254923"/>
                  <a:gd name="connsiteY10" fmla="*/ 929809 h 1047237"/>
                  <a:gd name="connsiteX11" fmla="*/ 1436414 w 3254923"/>
                  <a:gd name="connsiteY11" fmla="*/ 999878 h 1047237"/>
                  <a:gd name="connsiteX12" fmla="*/ 1481959 w 3254923"/>
                  <a:gd name="connsiteY12" fmla="*/ 1045424 h 1047237"/>
                  <a:gd name="connsiteX13" fmla="*/ 1594038 w 3254923"/>
                  <a:gd name="connsiteY13" fmla="*/ 1047237 h 1047237"/>
                  <a:gd name="connsiteX14" fmla="*/ 1723697 w 3254923"/>
                  <a:gd name="connsiteY14" fmla="*/ 996374 h 1047237"/>
                  <a:gd name="connsiteX15" fmla="*/ 1846317 w 3254923"/>
                  <a:gd name="connsiteY15" fmla="*/ 950830 h 1047237"/>
                  <a:gd name="connsiteX16" fmla="*/ 1930400 w 3254923"/>
                  <a:gd name="connsiteY16" fmla="*/ 880761 h 1047237"/>
                  <a:gd name="connsiteX17" fmla="*/ 2039007 w 3254923"/>
                  <a:gd name="connsiteY17" fmla="*/ 828209 h 1047237"/>
                  <a:gd name="connsiteX18" fmla="*/ 2182649 w 3254923"/>
                  <a:gd name="connsiteY18" fmla="*/ 712595 h 1047237"/>
                  <a:gd name="connsiteX19" fmla="*/ 2315434 w 3254923"/>
                  <a:gd name="connsiteY19" fmla="*/ 684150 h 1047237"/>
                  <a:gd name="connsiteX20" fmla="*/ 2427890 w 3254923"/>
                  <a:gd name="connsiteY20" fmla="*/ 698581 h 1047237"/>
                  <a:gd name="connsiteX21" fmla="*/ 2494455 w 3254923"/>
                  <a:gd name="connsiteY21" fmla="*/ 684568 h 1047237"/>
                  <a:gd name="connsiteX22" fmla="*/ 2585545 w 3254923"/>
                  <a:gd name="connsiteY22" fmla="*/ 656540 h 1047237"/>
                  <a:gd name="connsiteX23" fmla="*/ 2760717 w 3254923"/>
                  <a:gd name="connsiteY23" fmla="*/ 530417 h 1047237"/>
                  <a:gd name="connsiteX24" fmla="*/ 2911651 w 3254923"/>
                  <a:gd name="connsiteY24" fmla="*/ 445297 h 1047237"/>
                  <a:gd name="connsiteX25" fmla="*/ 3149539 w 3254923"/>
                  <a:gd name="connsiteY25" fmla="*/ 428816 h 1047237"/>
                  <a:gd name="connsiteX26" fmla="*/ 3254923 w 3254923"/>
                  <a:gd name="connsiteY26" fmla="*/ 405231 h 1047237"/>
                  <a:gd name="connsiteX27" fmla="*/ 3223791 w 3254923"/>
                  <a:gd name="connsiteY27" fmla="*/ 183794 h 1047237"/>
                  <a:gd name="connsiteX28" fmla="*/ 3192215 w 3254923"/>
                  <a:gd name="connsiteY28" fmla="*/ 44086 h 1047237"/>
                  <a:gd name="connsiteX29" fmla="*/ 3086538 w 3254923"/>
                  <a:gd name="connsiteY29" fmla="*/ 32927 h 1047237"/>
                  <a:gd name="connsiteX30" fmla="*/ 2995449 w 3254923"/>
                  <a:gd name="connsiteY30" fmla="*/ 1396 h 1047237"/>
                  <a:gd name="connsiteX31" fmla="*/ 2949905 w 3254923"/>
                  <a:gd name="connsiteY31" fmla="*/ 73318 h 1047237"/>
                  <a:gd name="connsiteX32" fmla="*/ 2835553 w 3254923"/>
                  <a:gd name="connsiteY32" fmla="*/ 155131 h 1047237"/>
                  <a:gd name="connsiteX33" fmla="*/ 2712932 w 3254923"/>
                  <a:gd name="connsiteY33" fmla="*/ 179035 h 1047237"/>
                  <a:gd name="connsiteX34" fmla="*/ 2654005 w 3254923"/>
                  <a:gd name="connsiteY34" fmla="*/ 237362 h 1047237"/>
                  <a:gd name="connsiteX35" fmla="*/ 2611332 w 3254923"/>
                  <a:gd name="connsiteY35" fmla="*/ 359146 h 1047237"/>
                  <a:gd name="connsiteX36" fmla="*/ 2523400 w 3254923"/>
                  <a:gd name="connsiteY36" fmla="*/ 435825 h 1047237"/>
                  <a:gd name="connsiteX37" fmla="*/ 2387172 w 3254923"/>
                  <a:gd name="connsiteY37" fmla="*/ 424697 h 1047237"/>
                  <a:gd name="connsiteX38" fmla="*/ 2277242 w 3254923"/>
                  <a:gd name="connsiteY38" fmla="*/ 385740 h 1047237"/>
                  <a:gd name="connsiteX39" fmla="*/ 2129529 w 3254923"/>
                  <a:gd name="connsiteY39" fmla="*/ 365335 h 1047237"/>
                  <a:gd name="connsiteX40" fmla="*/ 2035158 w 3254923"/>
                  <a:gd name="connsiteY40" fmla="*/ 464468 h 1047237"/>
                  <a:gd name="connsiteX41" fmla="*/ 1984846 w 3254923"/>
                  <a:gd name="connsiteY41" fmla="*/ 550403 h 1047237"/>
                  <a:gd name="connsiteX42" fmla="*/ 1881700 w 3254923"/>
                  <a:gd name="connsiteY42" fmla="*/ 602337 h 1047237"/>
                  <a:gd name="connsiteX43" fmla="*/ 1776249 w 3254923"/>
                  <a:gd name="connsiteY43" fmla="*/ 565451 h 1047237"/>
                  <a:gd name="connsiteX44" fmla="*/ 1706180 w 3254923"/>
                  <a:gd name="connsiteY44" fmla="*/ 533920 h 1047237"/>
                  <a:gd name="connsiteX45" fmla="*/ 1625223 w 3254923"/>
                  <a:gd name="connsiteY45" fmla="*/ 524474 h 1047237"/>
                  <a:gd name="connsiteX46" fmla="*/ 1523654 w 3254923"/>
                  <a:gd name="connsiteY46" fmla="*/ 589556 h 1047237"/>
                  <a:gd name="connsiteX47" fmla="*/ 1382600 w 3254923"/>
                  <a:gd name="connsiteY47" fmla="*/ 628095 h 1047237"/>
                  <a:gd name="connsiteX48" fmla="*/ 1275255 w 3254923"/>
                  <a:gd name="connsiteY48" fmla="*/ 571421 h 1047237"/>
                  <a:gd name="connsiteX49" fmla="*/ 1212824 w 3254923"/>
                  <a:gd name="connsiteY49" fmla="*/ 498466 h 1047237"/>
                  <a:gd name="connsiteX50" fmla="*/ 1145628 w 3254923"/>
                  <a:gd name="connsiteY50" fmla="*/ 418305 h 1047237"/>
                  <a:gd name="connsiteX51" fmla="*/ 1087331 w 3254923"/>
                  <a:gd name="connsiteY51" fmla="*/ 341848 h 1047237"/>
                  <a:gd name="connsiteX52" fmla="*/ 939208 w 3254923"/>
                  <a:gd name="connsiteY52" fmla="*/ 427782 h 1047237"/>
                  <a:gd name="connsiteX53" fmla="*/ 781207 w 3254923"/>
                  <a:gd name="connsiteY53" fmla="*/ 435405 h 1047237"/>
                  <a:gd name="connsiteX54" fmla="*/ 654515 w 3254923"/>
                  <a:gd name="connsiteY54" fmla="*/ 370492 h 1047237"/>
                  <a:gd name="connsiteX55" fmla="*/ 606097 w 3254923"/>
                  <a:gd name="connsiteY55" fmla="*/ 281672 h 1047237"/>
                  <a:gd name="connsiteX56" fmla="*/ 581573 w 3254923"/>
                  <a:gd name="connsiteY56" fmla="*/ 215105 h 1047237"/>
                  <a:gd name="connsiteX57" fmla="*/ 527760 w 3254923"/>
                  <a:gd name="connsiteY57" fmla="*/ 160902 h 1047237"/>
                  <a:gd name="connsiteX58" fmla="*/ 377395 w 3254923"/>
                  <a:gd name="connsiteY58" fmla="*/ 105465 h 1047237"/>
                  <a:gd name="connsiteX59" fmla="*/ 278036 w 3254923"/>
                  <a:gd name="connsiteY59" fmla="*/ 120097 h 1047237"/>
                  <a:gd name="connsiteX60" fmla="*/ 180571 w 3254923"/>
                  <a:gd name="connsiteY60" fmla="*/ 48792 h 1047237"/>
                  <a:gd name="connsiteX61" fmla="*/ 74787 w 3254923"/>
                  <a:gd name="connsiteY61" fmla="*/ 45316 h 1047237"/>
                  <a:gd name="connsiteX62" fmla="*/ 38538 w 3254923"/>
                  <a:gd name="connsiteY62" fmla="*/ 78471 h 1047237"/>
                  <a:gd name="connsiteX63" fmla="*/ 25597 w 3254923"/>
                  <a:gd name="connsiteY63" fmla="*/ 137306 h 1047237"/>
                  <a:gd name="connsiteX64" fmla="*/ 0 w 3254923"/>
                  <a:gd name="connsiteY64" fmla="*/ 232623 h 1047237"/>
                  <a:gd name="connsiteX65" fmla="*/ 4190 w 3254923"/>
                  <a:gd name="connsiteY65" fmla="*/ 320133 h 1047237"/>
                  <a:gd name="connsiteX0" fmla="*/ 4190 w 3254923"/>
                  <a:gd name="connsiteY0" fmla="*/ 320133 h 1047237"/>
                  <a:gd name="connsiteX1" fmla="*/ 217214 w 3254923"/>
                  <a:gd name="connsiteY1" fmla="*/ 418305 h 1047237"/>
                  <a:gd name="connsiteX2" fmla="*/ 346842 w 3254923"/>
                  <a:gd name="connsiteY2" fmla="*/ 418305 h 1047237"/>
                  <a:gd name="connsiteX3" fmla="*/ 434428 w 3254923"/>
                  <a:gd name="connsiteY3" fmla="*/ 533919 h 1047237"/>
                  <a:gd name="connsiteX4" fmla="*/ 557049 w 3254923"/>
                  <a:gd name="connsiteY4" fmla="*/ 649533 h 1047237"/>
                  <a:gd name="connsiteX5" fmla="*/ 760249 w 3254923"/>
                  <a:gd name="connsiteY5" fmla="*/ 684567 h 1047237"/>
                  <a:gd name="connsiteX6" fmla="*/ 959946 w 3254923"/>
                  <a:gd name="connsiteY6" fmla="*/ 674058 h 1047237"/>
                  <a:gd name="connsiteX7" fmla="*/ 1051035 w 3254923"/>
                  <a:gd name="connsiteY7" fmla="*/ 702085 h 1047237"/>
                  <a:gd name="connsiteX8" fmla="*/ 1156138 w 3254923"/>
                  <a:gd name="connsiteY8" fmla="*/ 772154 h 1047237"/>
                  <a:gd name="connsiteX9" fmla="*/ 1194676 w 3254923"/>
                  <a:gd name="connsiteY9" fmla="*/ 870250 h 1047237"/>
                  <a:gd name="connsiteX10" fmla="*/ 1331311 w 3254923"/>
                  <a:gd name="connsiteY10" fmla="*/ 929809 h 1047237"/>
                  <a:gd name="connsiteX11" fmla="*/ 1436414 w 3254923"/>
                  <a:gd name="connsiteY11" fmla="*/ 999878 h 1047237"/>
                  <a:gd name="connsiteX12" fmla="*/ 1481959 w 3254923"/>
                  <a:gd name="connsiteY12" fmla="*/ 1045424 h 1047237"/>
                  <a:gd name="connsiteX13" fmla="*/ 1594038 w 3254923"/>
                  <a:gd name="connsiteY13" fmla="*/ 1047237 h 1047237"/>
                  <a:gd name="connsiteX14" fmla="*/ 1723697 w 3254923"/>
                  <a:gd name="connsiteY14" fmla="*/ 996374 h 1047237"/>
                  <a:gd name="connsiteX15" fmla="*/ 1846317 w 3254923"/>
                  <a:gd name="connsiteY15" fmla="*/ 950830 h 1047237"/>
                  <a:gd name="connsiteX16" fmla="*/ 1930400 w 3254923"/>
                  <a:gd name="connsiteY16" fmla="*/ 880761 h 1047237"/>
                  <a:gd name="connsiteX17" fmla="*/ 2010064 w 3254923"/>
                  <a:gd name="connsiteY17" fmla="*/ 852932 h 1047237"/>
                  <a:gd name="connsiteX18" fmla="*/ 2182649 w 3254923"/>
                  <a:gd name="connsiteY18" fmla="*/ 712595 h 1047237"/>
                  <a:gd name="connsiteX19" fmla="*/ 2315434 w 3254923"/>
                  <a:gd name="connsiteY19" fmla="*/ 684150 h 1047237"/>
                  <a:gd name="connsiteX20" fmla="*/ 2427890 w 3254923"/>
                  <a:gd name="connsiteY20" fmla="*/ 698581 h 1047237"/>
                  <a:gd name="connsiteX21" fmla="*/ 2494455 w 3254923"/>
                  <a:gd name="connsiteY21" fmla="*/ 684568 h 1047237"/>
                  <a:gd name="connsiteX22" fmla="*/ 2585545 w 3254923"/>
                  <a:gd name="connsiteY22" fmla="*/ 656540 h 1047237"/>
                  <a:gd name="connsiteX23" fmla="*/ 2760717 w 3254923"/>
                  <a:gd name="connsiteY23" fmla="*/ 530417 h 1047237"/>
                  <a:gd name="connsiteX24" fmla="*/ 2911651 w 3254923"/>
                  <a:gd name="connsiteY24" fmla="*/ 445297 h 1047237"/>
                  <a:gd name="connsiteX25" fmla="*/ 3149539 w 3254923"/>
                  <a:gd name="connsiteY25" fmla="*/ 428816 h 1047237"/>
                  <a:gd name="connsiteX26" fmla="*/ 3254923 w 3254923"/>
                  <a:gd name="connsiteY26" fmla="*/ 405231 h 1047237"/>
                  <a:gd name="connsiteX27" fmla="*/ 3223791 w 3254923"/>
                  <a:gd name="connsiteY27" fmla="*/ 183794 h 1047237"/>
                  <a:gd name="connsiteX28" fmla="*/ 3192215 w 3254923"/>
                  <a:gd name="connsiteY28" fmla="*/ 44086 h 1047237"/>
                  <a:gd name="connsiteX29" fmla="*/ 3086538 w 3254923"/>
                  <a:gd name="connsiteY29" fmla="*/ 32927 h 1047237"/>
                  <a:gd name="connsiteX30" fmla="*/ 2995449 w 3254923"/>
                  <a:gd name="connsiteY30" fmla="*/ 1396 h 1047237"/>
                  <a:gd name="connsiteX31" fmla="*/ 2949905 w 3254923"/>
                  <a:gd name="connsiteY31" fmla="*/ 73318 h 1047237"/>
                  <a:gd name="connsiteX32" fmla="*/ 2835553 w 3254923"/>
                  <a:gd name="connsiteY32" fmla="*/ 155131 h 1047237"/>
                  <a:gd name="connsiteX33" fmla="*/ 2712932 w 3254923"/>
                  <a:gd name="connsiteY33" fmla="*/ 179035 h 1047237"/>
                  <a:gd name="connsiteX34" fmla="*/ 2654005 w 3254923"/>
                  <a:gd name="connsiteY34" fmla="*/ 237362 h 1047237"/>
                  <a:gd name="connsiteX35" fmla="*/ 2611332 w 3254923"/>
                  <a:gd name="connsiteY35" fmla="*/ 359146 h 1047237"/>
                  <a:gd name="connsiteX36" fmla="*/ 2523400 w 3254923"/>
                  <a:gd name="connsiteY36" fmla="*/ 435825 h 1047237"/>
                  <a:gd name="connsiteX37" fmla="*/ 2387172 w 3254923"/>
                  <a:gd name="connsiteY37" fmla="*/ 424697 h 1047237"/>
                  <a:gd name="connsiteX38" fmla="*/ 2277242 w 3254923"/>
                  <a:gd name="connsiteY38" fmla="*/ 385740 h 1047237"/>
                  <a:gd name="connsiteX39" fmla="*/ 2129529 w 3254923"/>
                  <a:gd name="connsiteY39" fmla="*/ 365335 h 1047237"/>
                  <a:gd name="connsiteX40" fmla="*/ 2035158 w 3254923"/>
                  <a:gd name="connsiteY40" fmla="*/ 464468 h 1047237"/>
                  <a:gd name="connsiteX41" fmla="*/ 1984846 w 3254923"/>
                  <a:gd name="connsiteY41" fmla="*/ 550403 h 1047237"/>
                  <a:gd name="connsiteX42" fmla="*/ 1881700 w 3254923"/>
                  <a:gd name="connsiteY42" fmla="*/ 602337 h 1047237"/>
                  <a:gd name="connsiteX43" fmla="*/ 1776249 w 3254923"/>
                  <a:gd name="connsiteY43" fmla="*/ 565451 h 1047237"/>
                  <a:gd name="connsiteX44" fmla="*/ 1706180 w 3254923"/>
                  <a:gd name="connsiteY44" fmla="*/ 533920 h 1047237"/>
                  <a:gd name="connsiteX45" fmla="*/ 1625223 w 3254923"/>
                  <a:gd name="connsiteY45" fmla="*/ 524474 h 1047237"/>
                  <a:gd name="connsiteX46" fmla="*/ 1523654 w 3254923"/>
                  <a:gd name="connsiteY46" fmla="*/ 589556 h 1047237"/>
                  <a:gd name="connsiteX47" fmla="*/ 1382600 w 3254923"/>
                  <a:gd name="connsiteY47" fmla="*/ 628095 h 1047237"/>
                  <a:gd name="connsiteX48" fmla="*/ 1275255 w 3254923"/>
                  <a:gd name="connsiteY48" fmla="*/ 571421 h 1047237"/>
                  <a:gd name="connsiteX49" fmla="*/ 1212824 w 3254923"/>
                  <a:gd name="connsiteY49" fmla="*/ 498466 h 1047237"/>
                  <a:gd name="connsiteX50" fmla="*/ 1145628 w 3254923"/>
                  <a:gd name="connsiteY50" fmla="*/ 418305 h 1047237"/>
                  <a:gd name="connsiteX51" fmla="*/ 1087331 w 3254923"/>
                  <a:gd name="connsiteY51" fmla="*/ 341848 h 1047237"/>
                  <a:gd name="connsiteX52" fmla="*/ 939208 w 3254923"/>
                  <a:gd name="connsiteY52" fmla="*/ 427782 h 1047237"/>
                  <a:gd name="connsiteX53" fmla="*/ 781207 w 3254923"/>
                  <a:gd name="connsiteY53" fmla="*/ 435405 h 1047237"/>
                  <a:gd name="connsiteX54" fmla="*/ 654515 w 3254923"/>
                  <a:gd name="connsiteY54" fmla="*/ 370492 h 1047237"/>
                  <a:gd name="connsiteX55" fmla="*/ 606097 w 3254923"/>
                  <a:gd name="connsiteY55" fmla="*/ 281672 h 1047237"/>
                  <a:gd name="connsiteX56" fmla="*/ 581573 w 3254923"/>
                  <a:gd name="connsiteY56" fmla="*/ 215105 h 1047237"/>
                  <a:gd name="connsiteX57" fmla="*/ 527760 w 3254923"/>
                  <a:gd name="connsiteY57" fmla="*/ 160902 h 1047237"/>
                  <a:gd name="connsiteX58" fmla="*/ 377395 w 3254923"/>
                  <a:gd name="connsiteY58" fmla="*/ 105465 h 1047237"/>
                  <a:gd name="connsiteX59" fmla="*/ 278036 w 3254923"/>
                  <a:gd name="connsiteY59" fmla="*/ 120097 h 1047237"/>
                  <a:gd name="connsiteX60" fmla="*/ 180571 w 3254923"/>
                  <a:gd name="connsiteY60" fmla="*/ 48792 h 1047237"/>
                  <a:gd name="connsiteX61" fmla="*/ 74787 w 3254923"/>
                  <a:gd name="connsiteY61" fmla="*/ 45316 h 1047237"/>
                  <a:gd name="connsiteX62" fmla="*/ 38538 w 3254923"/>
                  <a:gd name="connsiteY62" fmla="*/ 78471 h 1047237"/>
                  <a:gd name="connsiteX63" fmla="*/ 25597 w 3254923"/>
                  <a:gd name="connsiteY63" fmla="*/ 137306 h 1047237"/>
                  <a:gd name="connsiteX64" fmla="*/ 0 w 3254923"/>
                  <a:gd name="connsiteY64" fmla="*/ 232623 h 1047237"/>
                  <a:gd name="connsiteX65" fmla="*/ 4190 w 3254923"/>
                  <a:gd name="connsiteY65" fmla="*/ 320133 h 1047237"/>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23697 w 3254923"/>
                  <a:gd name="connsiteY14" fmla="*/ 996374 h 1076080"/>
                  <a:gd name="connsiteX15" fmla="*/ 1846317 w 3254923"/>
                  <a:gd name="connsiteY15" fmla="*/ 950830 h 1076080"/>
                  <a:gd name="connsiteX16" fmla="*/ 1930400 w 3254923"/>
                  <a:gd name="connsiteY16" fmla="*/ 880761 h 1076080"/>
                  <a:gd name="connsiteX17" fmla="*/ 2010064 w 3254923"/>
                  <a:gd name="connsiteY17" fmla="*/ 852932 h 1076080"/>
                  <a:gd name="connsiteX18" fmla="*/ 2182649 w 3254923"/>
                  <a:gd name="connsiteY18" fmla="*/ 712595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30400 w 3254923"/>
                  <a:gd name="connsiteY16" fmla="*/ 880761 h 1076080"/>
                  <a:gd name="connsiteX17" fmla="*/ 2010064 w 3254923"/>
                  <a:gd name="connsiteY17" fmla="*/ 852932 h 1076080"/>
                  <a:gd name="connsiteX18" fmla="*/ 2182649 w 3254923"/>
                  <a:gd name="connsiteY18" fmla="*/ 712595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82649 w 3254923"/>
                  <a:gd name="connsiteY18" fmla="*/ 712595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315434 w 3254923"/>
                  <a:gd name="connsiteY19" fmla="*/ 684150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257546 w 3254923"/>
                  <a:gd name="connsiteY19" fmla="*/ 692391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257546 w 3254923"/>
                  <a:gd name="connsiteY19" fmla="*/ 692391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257546 w 3254923"/>
                  <a:gd name="connsiteY19" fmla="*/ 692391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257546 w 3254923"/>
                  <a:gd name="connsiteY19" fmla="*/ 692391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95055 w 3254923"/>
                  <a:gd name="connsiteY18" fmla="*/ 720836 h 1076080"/>
                  <a:gd name="connsiteX19" fmla="*/ 2257546 w 3254923"/>
                  <a:gd name="connsiteY19" fmla="*/ 692391 h 1076080"/>
                  <a:gd name="connsiteX20" fmla="*/ 2427890 w 3254923"/>
                  <a:gd name="connsiteY20" fmla="*/ 698581 h 1076080"/>
                  <a:gd name="connsiteX21" fmla="*/ 2494455 w 3254923"/>
                  <a:gd name="connsiteY21" fmla="*/ 684568 h 1076080"/>
                  <a:gd name="connsiteX22" fmla="*/ 2585545 w 3254923"/>
                  <a:gd name="connsiteY22" fmla="*/ 656540 h 1076080"/>
                  <a:gd name="connsiteX23" fmla="*/ 2760717 w 3254923"/>
                  <a:gd name="connsiteY23" fmla="*/ 530417 h 1076080"/>
                  <a:gd name="connsiteX24" fmla="*/ 2911651 w 3254923"/>
                  <a:gd name="connsiteY24" fmla="*/ 445297 h 1076080"/>
                  <a:gd name="connsiteX25" fmla="*/ 3149539 w 3254923"/>
                  <a:gd name="connsiteY25" fmla="*/ 428816 h 1076080"/>
                  <a:gd name="connsiteX26" fmla="*/ 3254923 w 3254923"/>
                  <a:gd name="connsiteY26" fmla="*/ 405231 h 1076080"/>
                  <a:gd name="connsiteX27" fmla="*/ 3223791 w 3254923"/>
                  <a:gd name="connsiteY27" fmla="*/ 183794 h 1076080"/>
                  <a:gd name="connsiteX28" fmla="*/ 3192215 w 3254923"/>
                  <a:gd name="connsiteY28" fmla="*/ 44086 h 1076080"/>
                  <a:gd name="connsiteX29" fmla="*/ 3086538 w 3254923"/>
                  <a:gd name="connsiteY29" fmla="*/ 32927 h 1076080"/>
                  <a:gd name="connsiteX30" fmla="*/ 2995449 w 3254923"/>
                  <a:gd name="connsiteY30" fmla="*/ 1396 h 1076080"/>
                  <a:gd name="connsiteX31" fmla="*/ 2949905 w 3254923"/>
                  <a:gd name="connsiteY31" fmla="*/ 73318 h 1076080"/>
                  <a:gd name="connsiteX32" fmla="*/ 2835553 w 3254923"/>
                  <a:gd name="connsiteY32" fmla="*/ 155131 h 1076080"/>
                  <a:gd name="connsiteX33" fmla="*/ 2712932 w 3254923"/>
                  <a:gd name="connsiteY33" fmla="*/ 179035 h 1076080"/>
                  <a:gd name="connsiteX34" fmla="*/ 2654005 w 3254923"/>
                  <a:gd name="connsiteY34" fmla="*/ 237362 h 1076080"/>
                  <a:gd name="connsiteX35" fmla="*/ 2611332 w 3254923"/>
                  <a:gd name="connsiteY35" fmla="*/ 359146 h 1076080"/>
                  <a:gd name="connsiteX36" fmla="*/ 2523400 w 3254923"/>
                  <a:gd name="connsiteY36" fmla="*/ 435825 h 1076080"/>
                  <a:gd name="connsiteX37" fmla="*/ 2387172 w 3254923"/>
                  <a:gd name="connsiteY37" fmla="*/ 424697 h 1076080"/>
                  <a:gd name="connsiteX38" fmla="*/ 2277242 w 3254923"/>
                  <a:gd name="connsiteY38" fmla="*/ 385740 h 1076080"/>
                  <a:gd name="connsiteX39" fmla="*/ 2129529 w 3254923"/>
                  <a:gd name="connsiteY39" fmla="*/ 365335 h 1076080"/>
                  <a:gd name="connsiteX40" fmla="*/ 2035158 w 3254923"/>
                  <a:gd name="connsiteY40" fmla="*/ 464468 h 1076080"/>
                  <a:gd name="connsiteX41" fmla="*/ 1984846 w 3254923"/>
                  <a:gd name="connsiteY41" fmla="*/ 550403 h 1076080"/>
                  <a:gd name="connsiteX42" fmla="*/ 1881700 w 3254923"/>
                  <a:gd name="connsiteY42" fmla="*/ 602337 h 1076080"/>
                  <a:gd name="connsiteX43" fmla="*/ 1776249 w 3254923"/>
                  <a:gd name="connsiteY43" fmla="*/ 565451 h 1076080"/>
                  <a:gd name="connsiteX44" fmla="*/ 1706180 w 3254923"/>
                  <a:gd name="connsiteY44" fmla="*/ 533920 h 1076080"/>
                  <a:gd name="connsiteX45" fmla="*/ 1625223 w 3254923"/>
                  <a:gd name="connsiteY45" fmla="*/ 524474 h 1076080"/>
                  <a:gd name="connsiteX46" fmla="*/ 1523654 w 3254923"/>
                  <a:gd name="connsiteY46" fmla="*/ 589556 h 1076080"/>
                  <a:gd name="connsiteX47" fmla="*/ 1382600 w 3254923"/>
                  <a:gd name="connsiteY47" fmla="*/ 628095 h 1076080"/>
                  <a:gd name="connsiteX48" fmla="*/ 1275255 w 3254923"/>
                  <a:gd name="connsiteY48" fmla="*/ 571421 h 1076080"/>
                  <a:gd name="connsiteX49" fmla="*/ 1212824 w 3254923"/>
                  <a:gd name="connsiteY49" fmla="*/ 498466 h 1076080"/>
                  <a:gd name="connsiteX50" fmla="*/ 1145628 w 3254923"/>
                  <a:gd name="connsiteY50" fmla="*/ 418305 h 1076080"/>
                  <a:gd name="connsiteX51" fmla="*/ 1087331 w 3254923"/>
                  <a:gd name="connsiteY51" fmla="*/ 341848 h 1076080"/>
                  <a:gd name="connsiteX52" fmla="*/ 939208 w 3254923"/>
                  <a:gd name="connsiteY52" fmla="*/ 427782 h 1076080"/>
                  <a:gd name="connsiteX53" fmla="*/ 781207 w 3254923"/>
                  <a:gd name="connsiteY53" fmla="*/ 435405 h 1076080"/>
                  <a:gd name="connsiteX54" fmla="*/ 654515 w 3254923"/>
                  <a:gd name="connsiteY54" fmla="*/ 370492 h 1076080"/>
                  <a:gd name="connsiteX55" fmla="*/ 606097 w 3254923"/>
                  <a:gd name="connsiteY55" fmla="*/ 281672 h 1076080"/>
                  <a:gd name="connsiteX56" fmla="*/ 581573 w 3254923"/>
                  <a:gd name="connsiteY56" fmla="*/ 215105 h 1076080"/>
                  <a:gd name="connsiteX57" fmla="*/ 527760 w 3254923"/>
                  <a:gd name="connsiteY57" fmla="*/ 160902 h 1076080"/>
                  <a:gd name="connsiteX58" fmla="*/ 377395 w 3254923"/>
                  <a:gd name="connsiteY58" fmla="*/ 105465 h 1076080"/>
                  <a:gd name="connsiteX59" fmla="*/ 278036 w 3254923"/>
                  <a:gd name="connsiteY59" fmla="*/ 120097 h 1076080"/>
                  <a:gd name="connsiteX60" fmla="*/ 180571 w 3254923"/>
                  <a:gd name="connsiteY60" fmla="*/ 48792 h 1076080"/>
                  <a:gd name="connsiteX61" fmla="*/ 74787 w 3254923"/>
                  <a:gd name="connsiteY61" fmla="*/ 45316 h 1076080"/>
                  <a:gd name="connsiteX62" fmla="*/ 38538 w 3254923"/>
                  <a:gd name="connsiteY62" fmla="*/ 78471 h 1076080"/>
                  <a:gd name="connsiteX63" fmla="*/ 25597 w 3254923"/>
                  <a:gd name="connsiteY63" fmla="*/ 137306 h 1076080"/>
                  <a:gd name="connsiteX64" fmla="*/ 0 w 3254923"/>
                  <a:gd name="connsiteY64" fmla="*/ 232623 h 1076080"/>
                  <a:gd name="connsiteX65" fmla="*/ 4190 w 3254923"/>
                  <a:gd name="connsiteY65"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427890 w 3254923"/>
                  <a:gd name="connsiteY21" fmla="*/ 698581 h 1076080"/>
                  <a:gd name="connsiteX22" fmla="*/ 2494455 w 3254923"/>
                  <a:gd name="connsiteY22" fmla="*/ 684568 h 1076080"/>
                  <a:gd name="connsiteX23" fmla="*/ 2585545 w 3254923"/>
                  <a:gd name="connsiteY23" fmla="*/ 656540 h 1076080"/>
                  <a:gd name="connsiteX24" fmla="*/ 2760717 w 3254923"/>
                  <a:gd name="connsiteY24" fmla="*/ 530417 h 1076080"/>
                  <a:gd name="connsiteX25" fmla="*/ 2911651 w 3254923"/>
                  <a:gd name="connsiteY25" fmla="*/ 445297 h 1076080"/>
                  <a:gd name="connsiteX26" fmla="*/ 3149539 w 3254923"/>
                  <a:gd name="connsiteY26" fmla="*/ 428816 h 1076080"/>
                  <a:gd name="connsiteX27" fmla="*/ 3254923 w 3254923"/>
                  <a:gd name="connsiteY27" fmla="*/ 405231 h 1076080"/>
                  <a:gd name="connsiteX28" fmla="*/ 3223791 w 3254923"/>
                  <a:gd name="connsiteY28" fmla="*/ 183794 h 1076080"/>
                  <a:gd name="connsiteX29" fmla="*/ 3192215 w 3254923"/>
                  <a:gd name="connsiteY29" fmla="*/ 44086 h 1076080"/>
                  <a:gd name="connsiteX30" fmla="*/ 3086538 w 3254923"/>
                  <a:gd name="connsiteY30" fmla="*/ 32927 h 1076080"/>
                  <a:gd name="connsiteX31" fmla="*/ 2995449 w 3254923"/>
                  <a:gd name="connsiteY31" fmla="*/ 1396 h 1076080"/>
                  <a:gd name="connsiteX32" fmla="*/ 2949905 w 3254923"/>
                  <a:gd name="connsiteY32" fmla="*/ 73318 h 1076080"/>
                  <a:gd name="connsiteX33" fmla="*/ 2835553 w 3254923"/>
                  <a:gd name="connsiteY33" fmla="*/ 155131 h 1076080"/>
                  <a:gd name="connsiteX34" fmla="*/ 2712932 w 3254923"/>
                  <a:gd name="connsiteY34" fmla="*/ 179035 h 1076080"/>
                  <a:gd name="connsiteX35" fmla="*/ 2654005 w 3254923"/>
                  <a:gd name="connsiteY35" fmla="*/ 237362 h 1076080"/>
                  <a:gd name="connsiteX36" fmla="*/ 2611332 w 3254923"/>
                  <a:gd name="connsiteY36" fmla="*/ 359146 h 1076080"/>
                  <a:gd name="connsiteX37" fmla="*/ 2523400 w 3254923"/>
                  <a:gd name="connsiteY37" fmla="*/ 435825 h 1076080"/>
                  <a:gd name="connsiteX38" fmla="*/ 2387172 w 3254923"/>
                  <a:gd name="connsiteY38" fmla="*/ 424697 h 1076080"/>
                  <a:gd name="connsiteX39" fmla="*/ 2277242 w 3254923"/>
                  <a:gd name="connsiteY39" fmla="*/ 385740 h 1076080"/>
                  <a:gd name="connsiteX40" fmla="*/ 2129529 w 3254923"/>
                  <a:gd name="connsiteY40" fmla="*/ 365335 h 1076080"/>
                  <a:gd name="connsiteX41" fmla="*/ 2035158 w 3254923"/>
                  <a:gd name="connsiteY41" fmla="*/ 464468 h 1076080"/>
                  <a:gd name="connsiteX42" fmla="*/ 1984846 w 3254923"/>
                  <a:gd name="connsiteY42" fmla="*/ 550403 h 1076080"/>
                  <a:gd name="connsiteX43" fmla="*/ 1881700 w 3254923"/>
                  <a:gd name="connsiteY43" fmla="*/ 602337 h 1076080"/>
                  <a:gd name="connsiteX44" fmla="*/ 1776249 w 3254923"/>
                  <a:gd name="connsiteY44" fmla="*/ 565451 h 1076080"/>
                  <a:gd name="connsiteX45" fmla="*/ 1706180 w 3254923"/>
                  <a:gd name="connsiteY45" fmla="*/ 533920 h 1076080"/>
                  <a:gd name="connsiteX46" fmla="*/ 1625223 w 3254923"/>
                  <a:gd name="connsiteY46" fmla="*/ 524474 h 1076080"/>
                  <a:gd name="connsiteX47" fmla="*/ 1523654 w 3254923"/>
                  <a:gd name="connsiteY47" fmla="*/ 589556 h 1076080"/>
                  <a:gd name="connsiteX48" fmla="*/ 1382600 w 3254923"/>
                  <a:gd name="connsiteY48" fmla="*/ 628095 h 1076080"/>
                  <a:gd name="connsiteX49" fmla="*/ 1275255 w 3254923"/>
                  <a:gd name="connsiteY49" fmla="*/ 571421 h 1076080"/>
                  <a:gd name="connsiteX50" fmla="*/ 1212824 w 3254923"/>
                  <a:gd name="connsiteY50" fmla="*/ 498466 h 1076080"/>
                  <a:gd name="connsiteX51" fmla="*/ 1145628 w 3254923"/>
                  <a:gd name="connsiteY51" fmla="*/ 418305 h 1076080"/>
                  <a:gd name="connsiteX52" fmla="*/ 1087331 w 3254923"/>
                  <a:gd name="connsiteY52" fmla="*/ 341848 h 1076080"/>
                  <a:gd name="connsiteX53" fmla="*/ 939208 w 3254923"/>
                  <a:gd name="connsiteY53" fmla="*/ 427782 h 1076080"/>
                  <a:gd name="connsiteX54" fmla="*/ 781207 w 3254923"/>
                  <a:gd name="connsiteY54" fmla="*/ 435405 h 1076080"/>
                  <a:gd name="connsiteX55" fmla="*/ 654515 w 3254923"/>
                  <a:gd name="connsiteY55" fmla="*/ 370492 h 1076080"/>
                  <a:gd name="connsiteX56" fmla="*/ 606097 w 3254923"/>
                  <a:gd name="connsiteY56" fmla="*/ 281672 h 1076080"/>
                  <a:gd name="connsiteX57" fmla="*/ 581573 w 3254923"/>
                  <a:gd name="connsiteY57" fmla="*/ 215105 h 1076080"/>
                  <a:gd name="connsiteX58" fmla="*/ 527760 w 3254923"/>
                  <a:gd name="connsiteY58" fmla="*/ 160902 h 1076080"/>
                  <a:gd name="connsiteX59" fmla="*/ 377395 w 3254923"/>
                  <a:gd name="connsiteY59" fmla="*/ 105465 h 1076080"/>
                  <a:gd name="connsiteX60" fmla="*/ 278036 w 3254923"/>
                  <a:gd name="connsiteY60" fmla="*/ 120097 h 1076080"/>
                  <a:gd name="connsiteX61" fmla="*/ 180571 w 3254923"/>
                  <a:gd name="connsiteY61" fmla="*/ 48792 h 1076080"/>
                  <a:gd name="connsiteX62" fmla="*/ 74787 w 3254923"/>
                  <a:gd name="connsiteY62" fmla="*/ 45316 h 1076080"/>
                  <a:gd name="connsiteX63" fmla="*/ 38538 w 3254923"/>
                  <a:gd name="connsiteY63" fmla="*/ 78471 h 1076080"/>
                  <a:gd name="connsiteX64" fmla="*/ 25597 w 3254923"/>
                  <a:gd name="connsiteY64" fmla="*/ 137306 h 1076080"/>
                  <a:gd name="connsiteX65" fmla="*/ 0 w 3254923"/>
                  <a:gd name="connsiteY65" fmla="*/ 232623 h 1076080"/>
                  <a:gd name="connsiteX66" fmla="*/ 4190 w 3254923"/>
                  <a:gd name="connsiteY66"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452700 w 3254923"/>
                  <a:gd name="connsiteY21" fmla="*/ 723304 h 1076080"/>
                  <a:gd name="connsiteX22" fmla="*/ 2494455 w 3254923"/>
                  <a:gd name="connsiteY22" fmla="*/ 684568 h 1076080"/>
                  <a:gd name="connsiteX23" fmla="*/ 2585545 w 3254923"/>
                  <a:gd name="connsiteY23" fmla="*/ 656540 h 1076080"/>
                  <a:gd name="connsiteX24" fmla="*/ 2760717 w 3254923"/>
                  <a:gd name="connsiteY24" fmla="*/ 530417 h 1076080"/>
                  <a:gd name="connsiteX25" fmla="*/ 2911651 w 3254923"/>
                  <a:gd name="connsiteY25" fmla="*/ 445297 h 1076080"/>
                  <a:gd name="connsiteX26" fmla="*/ 3149539 w 3254923"/>
                  <a:gd name="connsiteY26" fmla="*/ 428816 h 1076080"/>
                  <a:gd name="connsiteX27" fmla="*/ 3254923 w 3254923"/>
                  <a:gd name="connsiteY27" fmla="*/ 405231 h 1076080"/>
                  <a:gd name="connsiteX28" fmla="*/ 3223791 w 3254923"/>
                  <a:gd name="connsiteY28" fmla="*/ 183794 h 1076080"/>
                  <a:gd name="connsiteX29" fmla="*/ 3192215 w 3254923"/>
                  <a:gd name="connsiteY29" fmla="*/ 44086 h 1076080"/>
                  <a:gd name="connsiteX30" fmla="*/ 3086538 w 3254923"/>
                  <a:gd name="connsiteY30" fmla="*/ 32927 h 1076080"/>
                  <a:gd name="connsiteX31" fmla="*/ 2995449 w 3254923"/>
                  <a:gd name="connsiteY31" fmla="*/ 1396 h 1076080"/>
                  <a:gd name="connsiteX32" fmla="*/ 2949905 w 3254923"/>
                  <a:gd name="connsiteY32" fmla="*/ 73318 h 1076080"/>
                  <a:gd name="connsiteX33" fmla="*/ 2835553 w 3254923"/>
                  <a:gd name="connsiteY33" fmla="*/ 155131 h 1076080"/>
                  <a:gd name="connsiteX34" fmla="*/ 2712932 w 3254923"/>
                  <a:gd name="connsiteY34" fmla="*/ 179035 h 1076080"/>
                  <a:gd name="connsiteX35" fmla="*/ 2654005 w 3254923"/>
                  <a:gd name="connsiteY35" fmla="*/ 237362 h 1076080"/>
                  <a:gd name="connsiteX36" fmla="*/ 2611332 w 3254923"/>
                  <a:gd name="connsiteY36" fmla="*/ 359146 h 1076080"/>
                  <a:gd name="connsiteX37" fmla="*/ 2523400 w 3254923"/>
                  <a:gd name="connsiteY37" fmla="*/ 435825 h 1076080"/>
                  <a:gd name="connsiteX38" fmla="*/ 2387172 w 3254923"/>
                  <a:gd name="connsiteY38" fmla="*/ 424697 h 1076080"/>
                  <a:gd name="connsiteX39" fmla="*/ 2277242 w 3254923"/>
                  <a:gd name="connsiteY39" fmla="*/ 385740 h 1076080"/>
                  <a:gd name="connsiteX40" fmla="*/ 2129529 w 3254923"/>
                  <a:gd name="connsiteY40" fmla="*/ 365335 h 1076080"/>
                  <a:gd name="connsiteX41" fmla="*/ 2035158 w 3254923"/>
                  <a:gd name="connsiteY41" fmla="*/ 464468 h 1076080"/>
                  <a:gd name="connsiteX42" fmla="*/ 1984846 w 3254923"/>
                  <a:gd name="connsiteY42" fmla="*/ 550403 h 1076080"/>
                  <a:gd name="connsiteX43" fmla="*/ 1881700 w 3254923"/>
                  <a:gd name="connsiteY43" fmla="*/ 602337 h 1076080"/>
                  <a:gd name="connsiteX44" fmla="*/ 1776249 w 3254923"/>
                  <a:gd name="connsiteY44" fmla="*/ 565451 h 1076080"/>
                  <a:gd name="connsiteX45" fmla="*/ 1706180 w 3254923"/>
                  <a:gd name="connsiteY45" fmla="*/ 533920 h 1076080"/>
                  <a:gd name="connsiteX46" fmla="*/ 1625223 w 3254923"/>
                  <a:gd name="connsiteY46" fmla="*/ 524474 h 1076080"/>
                  <a:gd name="connsiteX47" fmla="*/ 1523654 w 3254923"/>
                  <a:gd name="connsiteY47" fmla="*/ 589556 h 1076080"/>
                  <a:gd name="connsiteX48" fmla="*/ 1382600 w 3254923"/>
                  <a:gd name="connsiteY48" fmla="*/ 628095 h 1076080"/>
                  <a:gd name="connsiteX49" fmla="*/ 1275255 w 3254923"/>
                  <a:gd name="connsiteY49" fmla="*/ 571421 h 1076080"/>
                  <a:gd name="connsiteX50" fmla="*/ 1212824 w 3254923"/>
                  <a:gd name="connsiteY50" fmla="*/ 498466 h 1076080"/>
                  <a:gd name="connsiteX51" fmla="*/ 1145628 w 3254923"/>
                  <a:gd name="connsiteY51" fmla="*/ 418305 h 1076080"/>
                  <a:gd name="connsiteX52" fmla="*/ 1087331 w 3254923"/>
                  <a:gd name="connsiteY52" fmla="*/ 341848 h 1076080"/>
                  <a:gd name="connsiteX53" fmla="*/ 939208 w 3254923"/>
                  <a:gd name="connsiteY53" fmla="*/ 427782 h 1076080"/>
                  <a:gd name="connsiteX54" fmla="*/ 781207 w 3254923"/>
                  <a:gd name="connsiteY54" fmla="*/ 435405 h 1076080"/>
                  <a:gd name="connsiteX55" fmla="*/ 654515 w 3254923"/>
                  <a:gd name="connsiteY55" fmla="*/ 370492 h 1076080"/>
                  <a:gd name="connsiteX56" fmla="*/ 606097 w 3254923"/>
                  <a:gd name="connsiteY56" fmla="*/ 281672 h 1076080"/>
                  <a:gd name="connsiteX57" fmla="*/ 581573 w 3254923"/>
                  <a:gd name="connsiteY57" fmla="*/ 215105 h 1076080"/>
                  <a:gd name="connsiteX58" fmla="*/ 527760 w 3254923"/>
                  <a:gd name="connsiteY58" fmla="*/ 160902 h 1076080"/>
                  <a:gd name="connsiteX59" fmla="*/ 377395 w 3254923"/>
                  <a:gd name="connsiteY59" fmla="*/ 105465 h 1076080"/>
                  <a:gd name="connsiteX60" fmla="*/ 278036 w 3254923"/>
                  <a:gd name="connsiteY60" fmla="*/ 120097 h 1076080"/>
                  <a:gd name="connsiteX61" fmla="*/ 180571 w 3254923"/>
                  <a:gd name="connsiteY61" fmla="*/ 48792 h 1076080"/>
                  <a:gd name="connsiteX62" fmla="*/ 74787 w 3254923"/>
                  <a:gd name="connsiteY62" fmla="*/ 45316 h 1076080"/>
                  <a:gd name="connsiteX63" fmla="*/ 38538 w 3254923"/>
                  <a:gd name="connsiteY63" fmla="*/ 78471 h 1076080"/>
                  <a:gd name="connsiteX64" fmla="*/ 25597 w 3254923"/>
                  <a:gd name="connsiteY64" fmla="*/ 137306 h 1076080"/>
                  <a:gd name="connsiteX65" fmla="*/ 0 w 3254923"/>
                  <a:gd name="connsiteY65" fmla="*/ 232623 h 1076080"/>
                  <a:gd name="connsiteX66" fmla="*/ 4190 w 3254923"/>
                  <a:gd name="connsiteY66"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52700 w 3254923"/>
                  <a:gd name="connsiteY22" fmla="*/ 723304 h 1076080"/>
                  <a:gd name="connsiteX23" fmla="*/ 2494455 w 3254923"/>
                  <a:gd name="connsiteY23" fmla="*/ 684568 h 1076080"/>
                  <a:gd name="connsiteX24" fmla="*/ 2585545 w 3254923"/>
                  <a:gd name="connsiteY24" fmla="*/ 656540 h 1076080"/>
                  <a:gd name="connsiteX25" fmla="*/ 2760717 w 3254923"/>
                  <a:gd name="connsiteY25" fmla="*/ 530417 h 1076080"/>
                  <a:gd name="connsiteX26" fmla="*/ 2911651 w 3254923"/>
                  <a:gd name="connsiteY26" fmla="*/ 445297 h 1076080"/>
                  <a:gd name="connsiteX27" fmla="*/ 3149539 w 3254923"/>
                  <a:gd name="connsiteY27" fmla="*/ 428816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23756 w 3254923"/>
                  <a:gd name="connsiteY22" fmla="*/ 727425 h 1076080"/>
                  <a:gd name="connsiteX23" fmla="*/ 2494455 w 3254923"/>
                  <a:gd name="connsiteY23" fmla="*/ 684568 h 1076080"/>
                  <a:gd name="connsiteX24" fmla="*/ 2585545 w 3254923"/>
                  <a:gd name="connsiteY24" fmla="*/ 656540 h 1076080"/>
                  <a:gd name="connsiteX25" fmla="*/ 2760717 w 3254923"/>
                  <a:gd name="connsiteY25" fmla="*/ 530417 h 1076080"/>
                  <a:gd name="connsiteX26" fmla="*/ 2911651 w 3254923"/>
                  <a:gd name="connsiteY26" fmla="*/ 445297 h 1076080"/>
                  <a:gd name="connsiteX27" fmla="*/ 3149539 w 3254923"/>
                  <a:gd name="connsiteY27" fmla="*/ 428816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23756 w 3254923"/>
                  <a:gd name="connsiteY22" fmla="*/ 727425 h 1076080"/>
                  <a:gd name="connsiteX23" fmla="*/ 2523398 w 3254923"/>
                  <a:gd name="connsiteY23" fmla="*/ 705172 h 1076080"/>
                  <a:gd name="connsiteX24" fmla="*/ 2585545 w 3254923"/>
                  <a:gd name="connsiteY24" fmla="*/ 656540 h 1076080"/>
                  <a:gd name="connsiteX25" fmla="*/ 2760717 w 3254923"/>
                  <a:gd name="connsiteY25" fmla="*/ 530417 h 1076080"/>
                  <a:gd name="connsiteX26" fmla="*/ 2911651 w 3254923"/>
                  <a:gd name="connsiteY26" fmla="*/ 445297 h 1076080"/>
                  <a:gd name="connsiteX27" fmla="*/ 3149539 w 3254923"/>
                  <a:gd name="connsiteY27" fmla="*/ 428816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23756 w 3254923"/>
                  <a:gd name="connsiteY22" fmla="*/ 727425 h 1076080"/>
                  <a:gd name="connsiteX23" fmla="*/ 2523398 w 3254923"/>
                  <a:gd name="connsiteY23" fmla="*/ 705172 h 1076080"/>
                  <a:gd name="connsiteX24" fmla="*/ 2635161 w 3254923"/>
                  <a:gd name="connsiteY24" fmla="*/ 652419 h 1076080"/>
                  <a:gd name="connsiteX25" fmla="*/ 2760717 w 3254923"/>
                  <a:gd name="connsiteY25" fmla="*/ 530417 h 1076080"/>
                  <a:gd name="connsiteX26" fmla="*/ 2911651 w 3254923"/>
                  <a:gd name="connsiteY26" fmla="*/ 445297 h 1076080"/>
                  <a:gd name="connsiteX27" fmla="*/ 3149539 w 3254923"/>
                  <a:gd name="connsiteY27" fmla="*/ 428816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23756 w 3254923"/>
                  <a:gd name="connsiteY22" fmla="*/ 727425 h 1076080"/>
                  <a:gd name="connsiteX23" fmla="*/ 2523398 w 3254923"/>
                  <a:gd name="connsiteY23" fmla="*/ 705172 h 1076080"/>
                  <a:gd name="connsiteX24" fmla="*/ 2635161 w 3254923"/>
                  <a:gd name="connsiteY24" fmla="*/ 652419 h 1076080"/>
                  <a:gd name="connsiteX25" fmla="*/ 2785526 w 3254923"/>
                  <a:gd name="connsiteY25" fmla="*/ 567503 h 1076080"/>
                  <a:gd name="connsiteX26" fmla="*/ 2911651 w 3254923"/>
                  <a:gd name="connsiteY26" fmla="*/ 445297 h 1076080"/>
                  <a:gd name="connsiteX27" fmla="*/ 3149539 w 3254923"/>
                  <a:gd name="connsiteY27" fmla="*/ 428816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4923"/>
                  <a:gd name="connsiteY0" fmla="*/ 320133 h 1076080"/>
                  <a:gd name="connsiteX1" fmla="*/ 217214 w 3254923"/>
                  <a:gd name="connsiteY1" fmla="*/ 418305 h 1076080"/>
                  <a:gd name="connsiteX2" fmla="*/ 346842 w 3254923"/>
                  <a:gd name="connsiteY2" fmla="*/ 418305 h 1076080"/>
                  <a:gd name="connsiteX3" fmla="*/ 434428 w 3254923"/>
                  <a:gd name="connsiteY3" fmla="*/ 533919 h 1076080"/>
                  <a:gd name="connsiteX4" fmla="*/ 557049 w 3254923"/>
                  <a:gd name="connsiteY4" fmla="*/ 649533 h 1076080"/>
                  <a:gd name="connsiteX5" fmla="*/ 760249 w 3254923"/>
                  <a:gd name="connsiteY5" fmla="*/ 684567 h 1076080"/>
                  <a:gd name="connsiteX6" fmla="*/ 959946 w 3254923"/>
                  <a:gd name="connsiteY6" fmla="*/ 674058 h 1076080"/>
                  <a:gd name="connsiteX7" fmla="*/ 1051035 w 3254923"/>
                  <a:gd name="connsiteY7" fmla="*/ 702085 h 1076080"/>
                  <a:gd name="connsiteX8" fmla="*/ 1156138 w 3254923"/>
                  <a:gd name="connsiteY8" fmla="*/ 772154 h 1076080"/>
                  <a:gd name="connsiteX9" fmla="*/ 1194676 w 3254923"/>
                  <a:gd name="connsiteY9" fmla="*/ 870250 h 1076080"/>
                  <a:gd name="connsiteX10" fmla="*/ 1331311 w 3254923"/>
                  <a:gd name="connsiteY10" fmla="*/ 929809 h 1076080"/>
                  <a:gd name="connsiteX11" fmla="*/ 1436414 w 3254923"/>
                  <a:gd name="connsiteY11" fmla="*/ 999878 h 1076080"/>
                  <a:gd name="connsiteX12" fmla="*/ 1481959 w 3254923"/>
                  <a:gd name="connsiteY12" fmla="*/ 1045424 h 1076080"/>
                  <a:gd name="connsiteX13" fmla="*/ 1598173 w 3254923"/>
                  <a:gd name="connsiteY13" fmla="*/ 1076080 h 1076080"/>
                  <a:gd name="connsiteX14" fmla="*/ 1744370 w 3254923"/>
                  <a:gd name="connsiteY14" fmla="*/ 1016977 h 1076080"/>
                  <a:gd name="connsiteX15" fmla="*/ 1846317 w 3254923"/>
                  <a:gd name="connsiteY15" fmla="*/ 950830 h 1076080"/>
                  <a:gd name="connsiteX16" fmla="*/ 1946941 w 3254923"/>
                  <a:gd name="connsiteY16" fmla="*/ 893122 h 1076080"/>
                  <a:gd name="connsiteX17" fmla="*/ 2010064 w 3254923"/>
                  <a:gd name="connsiteY17" fmla="*/ 852932 h 1076080"/>
                  <a:gd name="connsiteX18" fmla="*/ 2113376 w 3254923"/>
                  <a:gd name="connsiteY18" fmla="*/ 805957 h 1076080"/>
                  <a:gd name="connsiteX19" fmla="*/ 2195055 w 3254923"/>
                  <a:gd name="connsiteY19" fmla="*/ 720836 h 1076080"/>
                  <a:gd name="connsiteX20" fmla="*/ 2257546 w 3254923"/>
                  <a:gd name="connsiteY20" fmla="*/ 692391 h 1076080"/>
                  <a:gd name="connsiteX21" fmla="*/ 2332520 w 3254923"/>
                  <a:gd name="connsiteY21" fmla="*/ 669979 h 1076080"/>
                  <a:gd name="connsiteX22" fmla="*/ 2423756 w 3254923"/>
                  <a:gd name="connsiteY22" fmla="*/ 727425 h 1076080"/>
                  <a:gd name="connsiteX23" fmla="*/ 2523398 w 3254923"/>
                  <a:gd name="connsiteY23" fmla="*/ 705172 h 1076080"/>
                  <a:gd name="connsiteX24" fmla="*/ 2635161 w 3254923"/>
                  <a:gd name="connsiteY24" fmla="*/ 652419 h 1076080"/>
                  <a:gd name="connsiteX25" fmla="*/ 2785526 w 3254923"/>
                  <a:gd name="connsiteY25" fmla="*/ 567503 h 1076080"/>
                  <a:gd name="connsiteX26" fmla="*/ 2911651 w 3254923"/>
                  <a:gd name="connsiteY26" fmla="*/ 445297 h 1076080"/>
                  <a:gd name="connsiteX27" fmla="*/ 3145404 w 3254923"/>
                  <a:gd name="connsiteY27" fmla="*/ 445297 h 1076080"/>
                  <a:gd name="connsiteX28" fmla="*/ 3254923 w 3254923"/>
                  <a:gd name="connsiteY28" fmla="*/ 405231 h 1076080"/>
                  <a:gd name="connsiteX29" fmla="*/ 3223791 w 3254923"/>
                  <a:gd name="connsiteY29" fmla="*/ 183794 h 1076080"/>
                  <a:gd name="connsiteX30" fmla="*/ 3192215 w 3254923"/>
                  <a:gd name="connsiteY30" fmla="*/ 44086 h 1076080"/>
                  <a:gd name="connsiteX31" fmla="*/ 3086538 w 3254923"/>
                  <a:gd name="connsiteY31" fmla="*/ 32927 h 1076080"/>
                  <a:gd name="connsiteX32" fmla="*/ 2995449 w 3254923"/>
                  <a:gd name="connsiteY32" fmla="*/ 1396 h 1076080"/>
                  <a:gd name="connsiteX33" fmla="*/ 2949905 w 3254923"/>
                  <a:gd name="connsiteY33" fmla="*/ 73318 h 1076080"/>
                  <a:gd name="connsiteX34" fmla="*/ 2835553 w 3254923"/>
                  <a:gd name="connsiteY34" fmla="*/ 155131 h 1076080"/>
                  <a:gd name="connsiteX35" fmla="*/ 2712932 w 3254923"/>
                  <a:gd name="connsiteY35" fmla="*/ 179035 h 1076080"/>
                  <a:gd name="connsiteX36" fmla="*/ 2654005 w 3254923"/>
                  <a:gd name="connsiteY36" fmla="*/ 237362 h 1076080"/>
                  <a:gd name="connsiteX37" fmla="*/ 2611332 w 3254923"/>
                  <a:gd name="connsiteY37" fmla="*/ 359146 h 1076080"/>
                  <a:gd name="connsiteX38" fmla="*/ 2523400 w 3254923"/>
                  <a:gd name="connsiteY38" fmla="*/ 435825 h 1076080"/>
                  <a:gd name="connsiteX39" fmla="*/ 2387172 w 3254923"/>
                  <a:gd name="connsiteY39" fmla="*/ 424697 h 1076080"/>
                  <a:gd name="connsiteX40" fmla="*/ 2277242 w 3254923"/>
                  <a:gd name="connsiteY40" fmla="*/ 385740 h 1076080"/>
                  <a:gd name="connsiteX41" fmla="*/ 2129529 w 3254923"/>
                  <a:gd name="connsiteY41" fmla="*/ 365335 h 1076080"/>
                  <a:gd name="connsiteX42" fmla="*/ 2035158 w 3254923"/>
                  <a:gd name="connsiteY42" fmla="*/ 464468 h 1076080"/>
                  <a:gd name="connsiteX43" fmla="*/ 1984846 w 3254923"/>
                  <a:gd name="connsiteY43" fmla="*/ 550403 h 1076080"/>
                  <a:gd name="connsiteX44" fmla="*/ 1881700 w 3254923"/>
                  <a:gd name="connsiteY44" fmla="*/ 602337 h 1076080"/>
                  <a:gd name="connsiteX45" fmla="*/ 1776249 w 3254923"/>
                  <a:gd name="connsiteY45" fmla="*/ 565451 h 1076080"/>
                  <a:gd name="connsiteX46" fmla="*/ 1706180 w 3254923"/>
                  <a:gd name="connsiteY46" fmla="*/ 533920 h 1076080"/>
                  <a:gd name="connsiteX47" fmla="*/ 1625223 w 3254923"/>
                  <a:gd name="connsiteY47" fmla="*/ 524474 h 1076080"/>
                  <a:gd name="connsiteX48" fmla="*/ 1523654 w 3254923"/>
                  <a:gd name="connsiteY48" fmla="*/ 589556 h 1076080"/>
                  <a:gd name="connsiteX49" fmla="*/ 1382600 w 3254923"/>
                  <a:gd name="connsiteY49" fmla="*/ 628095 h 1076080"/>
                  <a:gd name="connsiteX50" fmla="*/ 1275255 w 3254923"/>
                  <a:gd name="connsiteY50" fmla="*/ 571421 h 1076080"/>
                  <a:gd name="connsiteX51" fmla="*/ 1212824 w 3254923"/>
                  <a:gd name="connsiteY51" fmla="*/ 498466 h 1076080"/>
                  <a:gd name="connsiteX52" fmla="*/ 1145628 w 3254923"/>
                  <a:gd name="connsiteY52" fmla="*/ 418305 h 1076080"/>
                  <a:gd name="connsiteX53" fmla="*/ 1087331 w 3254923"/>
                  <a:gd name="connsiteY53" fmla="*/ 341848 h 1076080"/>
                  <a:gd name="connsiteX54" fmla="*/ 939208 w 3254923"/>
                  <a:gd name="connsiteY54" fmla="*/ 427782 h 1076080"/>
                  <a:gd name="connsiteX55" fmla="*/ 781207 w 3254923"/>
                  <a:gd name="connsiteY55" fmla="*/ 435405 h 1076080"/>
                  <a:gd name="connsiteX56" fmla="*/ 654515 w 3254923"/>
                  <a:gd name="connsiteY56" fmla="*/ 370492 h 1076080"/>
                  <a:gd name="connsiteX57" fmla="*/ 606097 w 3254923"/>
                  <a:gd name="connsiteY57" fmla="*/ 281672 h 1076080"/>
                  <a:gd name="connsiteX58" fmla="*/ 581573 w 3254923"/>
                  <a:gd name="connsiteY58" fmla="*/ 215105 h 1076080"/>
                  <a:gd name="connsiteX59" fmla="*/ 527760 w 3254923"/>
                  <a:gd name="connsiteY59" fmla="*/ 160902 h 1076080"/>
                  <a:gd name="connsiteX60" fmla="*/ 377395 w 3254923"/>
                  <a:gd name="connsiteY60" fmla="*/ 105465 h 1076080"/>
                  <a:gd name="connsiteX61" fmla="*/ 278036 w 3254923"/>
                  <a:gd name="connsiteY61" fmla="*/ 120097 h 1076080"/>
                  <a:gd name="connsiteX62" fmla="*/ 180571 w 3254923"/>
                  <a:gd name="connsiteY62" fmla="*/ 48792 h 1076080"/>
                  <a:gd name="connsiteX63" fmla="*/ 74787 w 3254923"/>
                  <a:gd name="connsiteY63" fmla="*/ 45316 h 1076080"/>
                  <a:gd name="connsiteX64" fmla="*/ 38538 w 3254923"/>
                  <a:gd name="connsiteY64" fmla="*/ 78471 h 1076080"/>
                  <a:gd name="connsiteX65" fmla="*/ 25597 w 3254923"/>
                  <a:gd name="connsiteY65" fmla="*/ 137306 h 1076080"/>
                  <a:gd name="connsiteX66" fmla="*/ 0 w 3254923"/>
                  <a:gd name="connsiteY66" fmla="*/ 232623 h 1076080"/>
                  <a:gd name="connsiteX67" fmla="*/ 4190 w 3254923"/>
                  <a:gd name="connsiteY67" fmla="*/ 320133 h 1076080"/>
                  <a:gd name="connsiteX0" fmla="*/ 4190 w 3259058"/>
                  <a:gd name="connsiteY0" fmla="*/ 320133 h 1076080"/>
                  <a:gd name="connsiteX1" fmla="*/ 217214 w 3259058"/>
                  <a:gd name="connsiteY1" fmla="*/ 418305 h 1076080"/>
                  <a:gd name="connsiteX2" fmla="*/ 346842 w 3259058"/>
                  <a:gd name="connsiteY2" fmla="*/ 418305 h 1076080"/>
                  <a:gd name="connsiteX3" fmla="*/ 434428 w 3259058"/>
                  <a:gd name="connsiteY3" fmla="*/ 533919 h 1076080"/>
                  <a:gd name="connsiteX4" fmla="*/ 557049 w 3259058"/>
                  <a:gd name="connsiteY4" fmla="*/ 649533 h 1076080"/>
                  <a:gd name="connsiteX5" fmla="*/ 760249 w 3259058"/>
                  <a:gd name="connsiteY5" fmla="*/ 684567 h 1076080"/>
                  <a:gd name="connsiteX6" fmla="*/ 959946 w 3259058"/>
                  <a:gd name="connsiteY6" fmla="*/ 674058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2 w 3259058"/>
                  <a:gd name="connsiteY2" fmla="*/ 418305 h 1076080"/>
                  <a:gd name="connsiteX3" fmla="*/ 434428 w 3259058"/>
                  <a:gd name="connsiteY3" fmla="*/ 533919 h 1076080"/>
                  <a:gd name="connsiteX4" fmla="*/ 557049 w 3259058"/>
                  <a:gd name="connsiteY4" fmla="*/ 649533 h 1076080"/>
                  <a:gd name="connsiteX5" fmla="*/ 760249 w 3259058"/>
                  <a:gd name="connsiteY5" fmla="*/ 684567 h 1076080"/>
                  <a:gd name="connsiteX6" fmla="*/ 959946 w 3259058"/>
                  <a:gd name="connsiteY6" fmla="*/ 674058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33919 h 1076080"/>
                  <a:gd name="connsiteX4" fmla="*/ 557049 w 3259058"/>
                  <a:gd name="connsiteY4" fmla="*/ 649533 h 1076080"/>
                  <a:gd name="connsiteX5" fmla="*/ 760249 w 3259058"/>
                  <a:gd name="connsiteY5" fmla="*/ 684567 h 1076080"/>
                  <a:gd name="connsiteX6" fmla="*/ 959946 w 3259058"/>
                  <a:gd name="connsiteY6" fmla="*/ 674058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49 w 3259058"/>
                  <a:gd name="connsiteY5" fmla="*/ 684567 h 1076080"/>
                  <a:gd name="connsiteX6" fmla="*/ 959946 w 3259058"/>
                  <a:gd name="connsiteY6" fmla="*/ 674058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50 w 3259058"/>
                  <a:gd name="connsiteY5" fmla="*/ 705170 h 1076080"/>
                  <a:gd name="connsiteX6" fmla="*/ 959946 w 3259058"/>
                  <a:gd name="connsiteY6" fmla="*/ 674058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50 w 3259058"/>
                  <a:gd name="connsiteY5" fmla="*/ 705170 h 1076080"/>
                  <a:gd name="connsiteX6" fmla="*/ 959946 w 3259058"/>
                  <a:gd name="connsiteY6" fmla="*/ 682300 h 1076080"/>
                  <a:gd name="connsiteX7" fmla="*/ 1051035 w 3259058"/>
                  <a:gd name="connsiteY7" fmla="*/ 702085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50 w 3259058"/>
                  <a:gd name="connsiteY5" fmla="*/ 705170 h 1076080"/>
                  <a:gd name="connsiteX6" fmla="*/ 959946 w 3259058"/>
                  <a:gd name="connsiteY6" fmla="*/ 682300 h 1076080"/>
                  <a:gd name="connsiteX7" fmla="*/ 1059305 w 3259058"/>
                  <a:gd name="connsiteY7" fmla="*/ 735049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3078 w 3259058"/>
                  <a:gd name="connsiteY1" fmla="*/ 434787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50 w 3259058"/>
                  <a:gd name="connsiteY5" fmla="*/ 705170 h 1076080"/>
                  <a:gd name="connsiteX6" fmla="*/ 959946 w 3259058"/>
                  <a:gd name="connsiteY6" fmla="*/ 682300 h 1076080"/>
                  <a:gd name="connsiteX7" fmla="*/ 1059305 w 3259058"/>
                  <a:gd name="connsiteY7" fmla="*/ 735049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218655 w 3259058"/>
                  <a:gd name="connsiteY1" fmla="*/ 431953 h 1076080"/>
                  <a:gd name="connsiteX2" fmla="*/ 346843 w 3259058"/>
                  <a:gd name="connsiteY2" fmla="*/ 430665 h 1076080"/>
                  <a:gd name="connsiteX3" fmla="*/ 434428 w 3259058"/>
                  <a:gd name="connsiteY3" fmla="*/ 554522 h 1076080"/>
                  <a:gd name="connsiteX4" fmla="*/ 557049 w 3259058"/>
                  <a:gd name="connsiteY4" fmla="*/ 649533 h 1076080"/>
                  <a:gd name="connsiteX5" fmla="*/ 760250 w 3259058"/>
                  <a:gd name="connsiteY5" fmla="*/ 705170 h 1076080"/>
                  <a:gd name="connsiteX6" fmla="*/ 959946 w 3259058"/>
                  <a:gd name="connsiteY6" fmla="*/ 682300 h 1076080"/>
                  <a:gd name="connsiteX7" fmla="*/ 1059305 w 3259058"/>
                  <a:gd name="connsiteY7" fmla="*/ 735049 h 1076080"/>
                  <a:gd name="connsiteX8" fmla="*/ 1156138 w 3259058"/>
                  <a:gd name="connsiteY8" fmla="*/ 772154 h 1076080"/>
                  <a:gd name="connsiteX9" fmla="*/ 1194676 w 3259058"/>
                  <a:gd name="connsiteY9" fmla="*/ 870250 h 1076080"/>
                  <a:gd name="connsiteX10" fmla="*/ 1331311 w 3259058"/>
                  <a:gd name="connsiteY10" fmla="*/ 929809 h 1076080"/>
                  <a:gd name="connsiteX11" fmla="*/ 1436414 w 3259058"/>
                  <a:gd name="connsiteY11" fmla="*/ 999878 h 1076080"/>
                  <a:gd name="connsiteX12" fmla="*/ 1481959 w 3259058"/>
                  <a:gd name="connsiteY12" fmla="*/ 1045424 h 1076080"/>
                  <a:gd name="connsiteX13" fmla="*/ 1598173 w 3259058"/>
                  <a:gd name="connsiteY13" fmla="*/ 1076080 h 1076080"/>
                  <a:gd name="connsiteX14" fmla="*/ 1744370 w 3259058"/>
                  <a:gd name="connsiteY14" fmla="*/ 1016977 h 1076080"/>
                  <a:gd name="connsiteX15" fmla="*/ 1846317 w 3259058"/>
                  <a:gd name="connsiteY15" fmla="*/ 950830 h 1076080"/>
                  <a:gd name="connsiteX16" fmla="*/ 1946941 w 3259058"/>
                  <a:gd name="connsiteY16" fmla="*/ 893122 h 1076080"/>
                  <a:gd name="connsiteX17" fmla="*/ 2010064 w 3259058"/>
                  <a:gd name="connsiteY17" fmla="*/ 852932 h 1076080"/>
                  <a:gd name="connsiteX18" fmla="*/ 2113376 w 3259058"/>
                  <a:gd name="connsiteY18" fmla="*/ 805957 h 1076080"/>
                  <a:gd name="connsiteX19" fmla="*/ 2195055 w 3259058"/>
                  <a:gd name="connsiteY19" fmla="*/ 720836 h 1076080"/>
                  <a:gd name="connsiteX20" fmla="*/ 2257546 w 3259058"/>
                  <a:gd name="connsiteY20" fmla="*/ 692391 h 1076080"/>
                  <a:gd name="connsiteX21" fmla="*/ 2332520 w 3259058"/>
                  <a:gd name="connsiteY21" fmla="*/ 669979 h 1076080"/>
                  <a:gd name="connsiteX22" fmla="*/ 2423756 w 3259058"/>
                  <a:gd name="connsiteY22" fmla="*/ 727425 h 1076080"/>
                  <a:gd name="connsiteX23" fmla="*/ 2523398 w 3259058"/>
                  <a:gd name="connsiteY23" fmla="*/ 705172 h 1076080"/>
                  <a:gd name="connsiteX24" fmla="*/ 2635161 w 3259058"/>
                  <a:gd name="connsiteY24" fmla="*/ 652419 h 1076080"/>
                  <a:gd name="connsiteX25" fmla="*/ 2785526 w 3259058"/>
                  <a:gd name="connsiteY25" fmla="*/ 567503 h 1076080"/>
                  <a:gd name="connsiteX26" fmla="*/ 2911651 w 3259058"/>
                  <a:gd name="connsiteY26" fmla="*/ 445297 h 1076080"/>
                  <a:gd name="connsiteX27" fmla="*/ 3145404 w 3259058"/>
                  <a:gd name="connsiteY27" fmla="*/ 445297 h 1076080"/>
                  <a:gd name="connsiteX28" fmla="*/ 3259058 w 3259058"/>
                  <a:gd name="connsiteY28" fmla="*/ 384629 h 1076080"/>
                  <a:gd name="connsiteX29" fmla="*/ 3223791 w 3259058"/>
                  <a:gd name="connsiteY29" fmla="*/ 183794 h 1076080"/>
                  <a:gd name="connsiteX30" fmla="*/ 3192215 w 3259058"/>
                  <a:gd name="connsiteY30" fmla="*/ 44086 h 1076080"/>
                  <a:gd name="connsiteX31" fmla="*/ 3086538 w 3259058"/>
                  <a:gd name="connsiteY31" fmla="*/ 32927 h 1076080"/>
                  <a:gd name="connsiteX32" fmla="*/ 2995449 w 3259058"/>
                  <a:gd name="connsiteY32" fmla="*/ 1396 h 1076080"/>
                  <a:gd name="connsiteX33" fmla="*/ 2949905 w 3259058"/>
                  <a:gd name="connsiteY33" fmla="*/ 73318 h 1076080"/>
                  <a:gd name="connsiteX34" fmla="*/ 2835553 w 3259058"/>
                  <a:gd name="connsiteY34" fmla="*/ 155131 h 1076080"/>
                  <a:gd name="connsiteX35" fmla="*/ 2712932 w 3259058"/>
                  <a:gd name="connsiteY35" fmla="*/ 179035 h 1076080"/>
                  <a:gd name="connsiteX36" fmla="*/ 2654005 w 3259058"/>
                  <a:gd name="connsiteY36" fmla="*/ 237362 h 1076080"/>
                  <a:gd name="connsiteX37" fmla="*/ 2611332 w 3259058"/>
                  <a:gd name="connsiteY37" fmla="*/ 359146 h 1076080"/>
                  <a:gd name="connsiteX38" fmla="*/ 2523400 w 3259058"/>
                  <a:gd name="connsiteY38" fmla="*/ 435825 h 1076080"/>
                  <a:gd name="connsiteX39" fmla="*/ 2387172 w 3259058"/>
                  <a:gd name="connsiteY39" fmla="*/ 424697 h 1076080"/>
                  <a:gd name="connsiteX40" fmla="*/ 2277242 w 3259058"/>
                  <a:gd name="connsiteY40" fmla="*/ 385740 h 1076080"/>
                  <a:gd name="connsiteX41" fmla="*/ 2129529 w 3259058"/>
                  <a:gd name="connsiteY41" fmla="*/ 365335 h 1076080"/>
                  <a:gd name="connsiteX42" fmla="*/ 2035158 w 3259058"/>
                  <a:gd name="connsiteY42" fmla="*/ 464468 h 1076080"/>
                  <a:gd name="connsiteX43" fmla="*/ 1984846 w 3259058"/>
                  <a:gd name="connsiteY43" fmla="*/ 550403 h 1076080"/>
                  <a:gd name="connsiteX44" fmla="*/ 1881700 w 3259058"/>
                  <a:gd name="connsiteY44" fmla="*/ 602337 h 1076080"/>
                  <a:gd name="connsiteX45" fmla="*/ 1776249 w 3259058"/>
                  <a:gd name="connsiteY45" fmla="*/ 565451 h 1076080"/>
                  <a:gd name="connsiteX46" fmla="*/ 1706180 w 3259058"/>
                  <a:gd name="connsiteY46" fmla="*/ 533920 h 1076080"/>
                  <a:gd name="connsiteX47" fmla="*/ 1625223 w 3259058"/>
                  <a:gd name="connsiteY47" fmla="*/ 524474 h 1076080"/>
                  <a:gd name="connsiteX48" fmla="*/ 1523654 w 3259058"/>
                  <a:gd name="connsiteY48" fmla="*/ 589556 h 1076080"/>
                  <a:gd name="connsiteX49" fmla="*/ 1382600 w 3259058"/>
                  <a:gd name="connsiteY49" fmla="*/ 628095 h 1076080"/>
                  <a:gd name="connsiteX50" fmla="*/ 1275255 w 3259058"/>
                  <a:gd name="connsiteY50" fmla="*/ 571421 h 1076080"/>
                  <a:gd name="connsiteX51" fmla="*/ 1212824 w 3259058"/>
                  <a:gd name="connsiteY51" fmla="*/ 498466 h 1076080"/>
                  <a:gd name="connsiteX52" fmla="*/ 1145628 w 3259058"/>
                  <a:gd name="connsiteY52" fmla="*/ 418305 h 1076080"/>
                  <a:gd name="connsiteX53" fmla="*/ 1087331 w 3259058"/>
                  <a:gd name="connsiteY53" fmla="*/ 341848 h 1076080"/>
                  <a:gd name="connsiteX54" fmla="*/ 939208 w 3259058"/>
                  <a:gd name="connsiteY54" fmla="*/ 427782 h 1076080"/>
                  <a:gd name="connsiteX55" fmla="*/ 781207 w 3259058"/>
                  <a:gd name="connsiteY55" fmla="*/ 435405 h 1076080"/>
                  <a:gd name="connsiteX56" fmla="*/ 654515 w 3259058"/>
                  <a:gd name="connsiteY56" fmla="*/ 370492 h 1076080"/>
                  <a:gd name="connsiteX57" fmla="*/ 606097 w 3259058"/>
                  <a:gd name="connsiteY57" fmla="*/ 281672 h 1076080"/>
                  <a:gd name="connsiteX58" fmla="*/ 581573 w 3259058"/>
                  <a:gd name="connsiteY58" fmla="*/ 215105 h 1076080"/>
                  <a:gd name="connsiteX59" fmla="*/ 527760 w 3259058"/>
                  <a:gd name="connsiteY59" fmla="*/ 160902 h 1076080"/>
                  <a:gd name="connsiteX60" fmla="*/ 377395 w 3259058"/>
                  <a:gd name="connsiteY60" fmla="*/ 105465 h 1076080"/>
                  <a:gd name="connsiteX61" fmla="*/ 278036 w 3259058"/>
                  <a:gd name="connsiteY61" fmla="*/ 120097 h 1076080"/>
                  <a:gd name="connsiteX62" fmla="*/ 180571 w 3259058"/>
                  <a:gd name="connsiteY62" fmla="*/ 48792 h 1076080"/>
                  <a:gd name="connsiteX63" fmla="*/ 74787 w 3259058"/>
                  <a:gd name="connsiteY63" fmla="*/ 45316 h 1076080"/>
                  <a:gd name="connsiteX64" fmla="*/ 38538 w 3259058"/>
                  <a:gd name="connsiteY64" fmla="*/ 78471 h 1076080"/>
                  <a:gd name="connsiteX65" fmla="*/ 25597 w 3259058"/>
                  <a:gd name="connsiteY65" fmla="*/ 137306 h 1076080"/>
                  <a:gd name="connsiteX66" fmla="*/ 0 w 3259058"/>
                  <a:gd name="connsiteY66" fmla="*/ 232623 h 1076080"/>
                  <a:gd name="connsiteX67" fmla="*/ 4190 w 3259058"/>
                  <a:gd name="connsiteY67" fmla="*/ 320133 h 1076080"/>
                  <a:gd name="connsiteX0" fmla="*/ 4190 w 3259058"/>
                  <a:gd name="connsiteY0" fmla="*/ 320133 h 1076080"/>
                  <a:gd name="connsiteX1" fmla="*/ 129132 w 3259058"/>
                  <a:gd name="connsiteY1" fmla="*/ 386562 h 1076080"/>
                  <a:gd name="connsiteX2" fmla="*/ 218655 w 3259058"/>
                  <a:gd name="connsiteY2" fmla="*/ 431953 h 1076080"/>
                  <a:gd name="connsiteX3" fmla="*/ 346843 w 3259058"/>
                  <a:gd name="connsiteY3" fmla="*/ 430665 h 1076080"/>
                  <a:gd name="connsiteX4" fmla="*/ 434428 w 3259058"/>
                  <a:gd name="connsiteY4" fmla="*/ 554522 h 1076080"/>
                  <a:gd name="connsiteX5" fmla="*/ 557049 w 3259058"/>
                  <a:gd name="connsiteY5" fmla="*/ 649533 h 1076080"/>
                  <a:gd name="connsiteX6" fmla="*/ 760250 w 3259058"/>
                  <a:gd name="connsiteY6" fmla="*/ 705170 h 1076080"/>
                  <a:gd name="connsiteX7" fmla="*/ 959946 w 3259058"/>
                  <a:gd name="connsiteY7" fmla="*/ 682300 h 1076080"/>
                  <a:gd name="connsiteX8" fmla="*/ 1059305 w 3259058"/>
                  <a:gd name="connsiteY8" fmla="*/ 735049 h 1076080"/>
                  <a:gd name="connsiteX9" fmla="*/ 1156138 w 3259058"/>
                  <a:gd name="connsiteY9" fmla="*/ 772154 h 1076080"/>
                  <a:gd name="connsiteX10" fmla="*/ 1194676 w 3259058"/>
                  <a:gd name="connsiteY10" fmla="*/ 870250 h 1076080"/>
                  <a:gd name="connsiteX11" fmla="*/ 1331311 w 3259058"/>
                  <a:gd name="connsiteY11" fmla="*/ 929809 h 1076080"/>
                  <a:gd name="connsiteX12" fmla="*/ 1436414 w 3259058"/>
                  <a:gd name="connsiteY12" fmla="*/ 999878 h 1076080"/>
                  <a:gd name="connsiteX13" fmla="*/ 1481959 w 3259058"/>
                  <a:gd name="connsiteY13" fmla="*/ 1045424 h 1076080"/>
                  <a:gd name="connsiteX14" fmla="*/ 1598173 w 3259058"/>
                  <a:gd name="connsiteY14" fmla="*/ 1076080 h 1076080"/>
                  <a:gd name="connsiteX15" fmla="*/ 1744370 w 3259058"/>
                  <a:gd name="connsiteY15" fmla="*/ 1016977 h 1076080"/>
                  <a:gd name="connsiteX16" fmla="*/ 1846317 w 3259058"/>
                  <a:gd name="connsiteY16" fmla="*/ 950830 h 1076080"/>
                  <a:gd name="connsiteX17" fmla="*/ 1946941 w 3259058"/>
                  <a:gd name="connsiteY17" fmla="*/ 893122 h 1076080"/>
                  <a:gd name="connsiteX18" fmla="*/ 2010064 w 3259058"/>
                  <a:gd name="connsiteY18" fmla="*/ 852932 h 1076080"/>
                  <a:gd name="connsiteX19" fmla="*/ 2113376 w 3259058"/>
                  <a:gd name="connsiteY19" fmla="*/ 805957 h 1076080"/>
                  <a:gd name="connsiteX20" fmla="*/ 2195055 w 3259058"/>
                  <a:gd name="connsiteY20" fmla="*/ 720836 h 1076080"/>
                  <a:gd name="connsiteX21" fmla="*/ 2257546 w 3259058"/>
                  <a:gd name="connsiteY21" fmla="*/ 692391 h 1076080"/>
                  <a:gd name="connsiteX22" fmla="*/ 2332520 w 3259058"/>
                  <a:gd name="connsiteY22" fmla="*/ 669979 h 1076080"/>
                  <a:gd name="connsiteX23" fmla="*/ 2423756 w 3259058"/>
                  <a:gd name="connsiteY23" fmla="*/ 727425 h 1076080"/>
                  <a:gd name="connsiteX24" fmla="*/ 2523398 w 3259058"/>
                  <a:gd name="connsiteY24" fmla="*/ 705172 h 1076080"/>
                  <a:gd name="connsiteX25" fmla="*/ 2635161 w 3259058"/>
                  <a:gd name="connsiteY25" fmla="*/ 652419 h 1076080"/>
                  <a:gd name="connsiteX26" fmla="*/ 2785526 w 3259058"/>
                  <a:gd name="connsiteY26" fmla="*/ 567503 h 1076080"/>
                  <a:gd name="connsiteX27" fmla="*/ 2911651 w 3259058"/>
                  <a:gd name="connsiteY27" fmla="*/ 445297 h 1076080"/>
                  <a:gd name="connsiteX28" fmla="*/ 3145404 w 3259058"/>
                  <a:gd name="connsiteY28" fmla="*/ 445297 h 1076080"/>
                  <a:gd name="connsiteX29" fmla="*/ 3259058 w 3259058"/>
                  <a:gd name="connsiteY29" fmla="*/ 384629 h 1076080"/>
                  <a:gd name="connsiteX30" fmla="*/ 3223791 w 3259058"/>
                  <a:gd name="connsiteY30" fmla="*/ 183794 h 1076080"/>
                  <a:gd name="connsiteX31" fmla="*/ 3192215 w 3259058"/>
                  <a:gd name="connsiteY31" fmla="*/ 44086 h 1076080"/>
                  <a:gd name="connsiteX32" fmla="*/ 3086538 w 3259058"/>
                  <a:gd name="connsiteY32" fmla="*/ 32927 h 1076080"/>
                  <a:gd name="connsiteX33" fmla="*/ 2995449 w 3259058"/>
                  <a:gd name="connsiteY33" fmla="*/ 1396 h 1076080"/>
                  <a:gd name="connsiteX34" fmla="*/ 2949905 w 3259058"/>
                  <a:gd name="connsiteY34" fmla="*/ 73318 h 1076080"/>
                  <a:gd name="connsiteX35" fmla="*/ 2835553 w 3259058"/>
                  <a:gd name="connsiteY35" fmla="*/ 155131 h 1076080"/>
                  <a:gd name="connsiteX36" fmla="*/ 2712932 w 3259058"/>
                  <a:gd name="connsiteY36" fmla="*/ 179035 h 1076080"/>
                  <a:gd name="connsiteX37" fmla="*/ 2654005 w 3259058"/>
                  <a:gd name="connsiteY37" fmla="*/ 237362 h 1076080"/>
                  <a:gd name="connsiteX38" fmla="*/ 2611332 w 3259058"/>
                  <a:gd name="connsiteY38" fmla="*/ 359146 h 1076080"/>
                  <a:gd name="connsiteX39" fmla="*/ 2523400 w 3259058"/>
                  <a:gd name="connsiteY39" fmla="*/ 435825 h 1076080"/>
                  <a:gd name="connsiteX40" fmla="*/ 2387172 w 3259058"/>
                  <a:gd name="connsiteY40" fmla="*/ 424697 h 1076080"/>
                  <a:gd name="connsiteX41" fmla="*/ 2277242 w 3259058"/>
                  <a:gd name="connsiteY41" fmla="*/ 385740 h 1076080"/>
                  <a:gd name="connsiteX42" fmla="*/ 2129529 w 3259058"/>
                  <a:gd name="connsiteY42" fmla="*/ 365335 h 1076080"/>
                  <a:gd name="connsiteX43" fmla="*/ 2035158 w 3259058"/>
                  <a:gd name="connsiteY43" fmla="*/ 464468 h 1076080"/>
                  <a:gd name="connsiteX44" fmla="*/ 1984846 w 3259058"/>
                  <a:gd name="connsiteY44" fmla="*/ 550403 h 1076080"/>
                  <a:gd name="connsiteX45" fmla="*/ 1881700 w 3259058"/>
                  <a:gd name="connsiteY45" fmla="*/ 602337 h 1076080"/>
                  <a:gd name="connsiteX46" fmla="*/ 1776249 w 3259058"/>
                  <a:gd name="connsiteY46" fmla="*/ 565451 h 1076080"/>
                  <a:gd name="connsiteX47" fmla="*/ 1706180 w 3259058"/>
                  <a:gd name="connsiteY47" fmla="*/ 533920 h 1076080"/>
                  <a:gd name="connsiteX48" fmla="*/ 1625223 w 3259058"/>
                  <a:gd name="connsiteY48" fmla="*/ 524474 h 1076080"/>
                  <a:gd name="connsiteX49" fmla="*/ 1523654 w 3259058"/>
                  <a:gd name="connsiteY49" fmla="*/ 589556 h 1076080"/>
                  <a:gd name="connsiteX50" fmla="*/ 1382600 w 3259058"/>
                  <a:gd name="connsiteY50" fmla="*/ 628095 h 1076080"/>
                  <a:gd name="connsiteX51" fmla="*/ 1275255 w 3259058"/>
                  <a:gd name="connsiteY51" fmla="*/ 571421 h 1076080"/>
                  <a:gd name="connsiteX52" fmla="*/ 1212824 w 3259058"/>
                  <a:gd name="connsiteY52" fmla="*/ 498466 h 1076080"/>
                  <a:gd name="connsiteX53" fmla="*/ 1145628 w 3259058"/>
                  <a:gd name="connsiteY53" fmla="*/ 418305 h 1076080"/>
                  <a:gd name="connsiteX54" fmla="*/ 1087331 w 3259058"/>
                  <a:gd name="connsiteY54" fmla="*/ 341848 h 1076080"/>
                  <a:gd name="connsiteX55" fmla="*/ 939208 w 3259058"/>
                  <a:gd name="connsiteY55" fmla="*/ 427782 h 1076080"/>
                  <a:gd name="connsiteX56" fmla="*/ 781207 w 3259058"/>
                  <a:gd name="connsiteY56" fmla="*/ 435405 h 1076080"/>
                  <a:gd name="connsiteX57" fmla="*/ 654515 w 3259058"/>
                  <a:gd name="connsiteY57" fmla="*/ 370492 h 1076080"/>
                  <a:gd name="connsiteX58" fmla="*/ 606097 w 3259058"/>
                  <a:gd name="connsiteY58" fmla="*/ 281672 h 1076080"/>
                  <a:gd name="connsiteX59" fmla="*/ 581573 w 3259058"/>
                  <a:gd name="connsiteY59" fmla="*/ 215105 h 1076080"/>
                  <a:gd name="connsiteX60" fmla="*/ 527760 w 3259058"/>
                  <a:gd name="connsiteY60" fmla="*/ 160902 h 1076080"/>
                  <a:gd name="connsiteX61" fmla="*/ 377395 w 3259058"/>
                  <a:gd name="connsiteY61" fmla="*/ 105465 h 1076080"/>
                  <a:gd name="connsiteX62" fmla="*/ 278036 w 3259058"/>
                  <a:gd name="connsiteY62" fmla="*/ 120097 h 1076080"/>
                  <a:gd name="connsiteX63" fmla="*/ 180571 w 3259058"/>
                  <a:gd name="connsiteY63" fmla="*/ 48792 h 1076080"/>
                  <a:gd name="connsiteX64" fmla="*/ 74787 w 3259058"/>
                  <a:gd name="connsiteY64" fmla="*/ 45316 h 1076080"/>
                  <a:gd name="connsiteX65" fmla="*/ 38538 w 3259058"/>
                  <a:gd name="connsiteY65" fmla="*/ 78471 h 1076080"/>
                  <a:gd name="connsiteX66" fmla="*/ 25597 w 3259058"/>
                  <a:gd name="connsiteY66" fmla="*/ 137306 h 1076080"/>
                  <a:gd name="connsiteX67" fmla="*/ 0 w 3259058"/>
                  <a:gd name="connsiteY67" fmla="*/ 232623 h 1076080"/>
                  <a:gd name="connsiteX68" fmla="*/ 4190 w 3259058"/>
                  <a:gd name="connsiteY68" fmla="*/ 320133 h 1076080"/>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94676 w 3259058"/>
                  <a:gd name="connsiteY10" fmla="*/ 870250 h 1090252"/>
                  <a:gd name="connsiteX11" fmla="*/ 1331311 w 3259058"/>
                  <a:gd name="connsiteY11" fmla="*/ 929809 h 1090252"/>
                  <a:gd name="connsiteX12" fmla="*/ 1436414 w 3259058"/>
                  <a:gd name="connsiteY12" fmla="*/ 999878 h 1090252"/>
                  <a:gd name="connsiteX13" fmla="*/ 1481959 w 3259058"/>
                  <a:gd name="connsiteY13" fmla="*/ 1045424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32520 w 3259058"/>
                  <a:gd name="connsiteY22" fmla="*/ 669979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94676 w 3259058"/>
                  <a:gd name="connsiteY10" fmla="*/ 870250 h 1090252"/>
                  <a:gd name="connsiteX11" fmla="*/ 1331311 w 3259058"/>
                  <a:gd name="connsiteY11" fmla="*/ 929809 h 1090252"/>
                  <a:gd name="connsiteX12" fmla="*/ 1436414 w 3259058"/>
                  <a:gd name="connsiteY12" fmla="*/ 999878 h 1090252"/>
                  <a:gd name="connsiteX13" fmla="*/ 1473594 w 3259058"/>
                  <a:gd name="connsiteY13" fmla="*/ 1062430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32520 w 3259058"/>
                  <a:gd name="connsiteY22" fmla="*/ 669979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94676 w 3259058"/>
                  <a:gd name="connsiteY10" fmla="*/ 870250 h 1090252"/>
                  <a:gd name="connsiteX11" fmla="*/ 1331311 w 3259058"/>
                  <a:gd name="connsiteY11" fmla="*/ 929809 h 1090252"/>
                  <a:gd name="connsiteX12" fmla="*/ 1411318 w 3259058"/>
                  <a:gd name="connsiteY12" fmla="*/ 1008380 h 1090252"/>
                  <a:gd name="connsiteX13" fmla="*/ 1473594 w 3259058"/>
                  <a:gd name="connsiteY13" fmla="*/ 1062430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32520 w 3259058"/>
                  <a:gd name="connsiteY22" fmla="*/ 669979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83523 w 3259058"/>
                  <a:gd name="connsiteY10" fmla="*/ 861748 h 1090252"/>
                  <a:gd name="connsiteX11" fmla="*/ 1331311 w 3259058"/>
                  <a:gd name="connsiteY11" fmla="*/ 929809 h 1090252"/>
                  <a:gd name="connsiteX12" fmla="*/ 1411318 w 3259058"/>
                  <a:gd name="connsiteY12" fmla="*/ 1008380 h 1090252"/>
                  <a:gd name="connsiteX13" fmla="*/ 1473594 w 3259058"/>
                  <a:gd name="connsiteY13" fmla="*/ 1062430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32520 w 3259058"/>
                  <a:gd name="connsiteY22" fmla="*/ 669979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83523 w 3259058"/>
                  <a:gd name="connsiteY10" fmla="*/ 861748 h 1090252"/>
                  <a:gd name="connsiteX11" fmla="*/ 1320157 w 3259058"/>
                  <a:gd name="connsiteY11" fmla="*/ 943980 h 1090252"/>
                  <a:gd name="connsiteX12" fmla="*/ 1411318 w 3259058"/>
                  <a:gd name="connsiteY12" fmla="*/ 1008380 h 1090252"/>
                  <a:gd name="connsiteX13" fmla="*/ 1473594 w 3259058"/>
                  <a:gd name="connsiteY13" fmla="*/ 1062430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32520 w 3259058"/>
                  <a:gd name="connsiteY22" fmla="*/ 669979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59058"/>
                  <a:gd name="connsiteY0" fmla="*/ 320133 h 1090252"/>
                  <a:gd name="connsiteX1" fmla="*/ 129132 w 3259058"/>
                  <a:gd name="connsiteY1" fmla="*/ 386562 h 1090252"/>
                  <a:gd name="connsiteX2" fmla="*/ 218655 w 3259058"/>
                  <a:gd name="connsiteY2" fmla="*/ 431953 h 1090252"/>
                  <a:gd name="connsiteX3" fmla="*/ 346843 w 3259058"/>
                  <a:gd name="connsiteY3" fmla="*/ 430665 h 1090252"/>
                  <a:gd name="connsiteX4" fmla="*/ 434428 w 3259058"/>
                  <a:gd name="connsiteY4" fmla="*/ 554522 h 1090252"/>
                  <a:gd name="connsiteX5" fmla="*/ 557049 w 3259058"/>
                  <a:gd name="connsiteY5" fmla="*/ 649533 h 1090252"/>
                  <a:gd name="connsiteX6" fmla="*/ 760250 w 3259058"/>
                  <a:gd name="connsiteY6" fmla="*/ 705170 h 1090252"/>
                  <a:gd name="connsiteX7" fmla="*/ 959946 w 3259058"/>
                  <a:gd name="connsiteY7" fmla="*/ 682300 h 1090252"/>
                  <a:gd name="connsiteX8" fmla="*/ 1059305 w 3259058"/>
                  <a:gd name="connsiteY8" fmla="*/ 735049 h 1090252"/>
                  <a:gd name="connsiteX9" fmla="*/ 1156138 w 3259058"/>
                  <a:gd name="connsiteY9" fmla="*/ 772154 h 1090252"/>
                  <a:gd name="connsiteX10" fmla="*/ 1183523 w 3259058"/>
                  <a:gd name="connsiteY10" fmla="*/ 861748 h 1090252"/>
                  <a:gd name="connsiteX11" fmla="*/ 1320157 w 3259058"/>
                  <a:gd name="connsiteY11" fmla="*/ 943980 h 1090252"/>
                  <a:gd name="connsiteX12" fmla="*/ 1411318 w 3259058"/>
                  <a:gd name="connsiteY12" fmla="*/ 1008380 h 1090252"/>
                  <a:gd name="connsiteX13" fmla="*/ 1473594 w 3259058"/>
                  <a:gd name="connsiteY13" fmla="*/ 1062430 h 1090252"/>
                  <a:gd name="connsiteX14" fmla="*/ 1584231 w 3259058"/>
                  <a:gd name="connsiteY14" fmla="*/ 1090252 h 1090252"/>
                  <a:gd name="connsiteX15" fmla="*/ 1744370 w 3259058"/>
                  <a:gd name="connsiteY15" fmla="*/ 1016977 h 1090252"/>
                  <a:gd name="connsiteX16" fmla="*/ 1846317 w 3259058"/>
                  <a:gd name="connsiteY16" fmla="*/ 950830 h 1090252"/>
                  <a:gd name="connsiteX17" fmla="*/ 1946941 w 3259058"/>
                  <a:gd name="connsiteY17" fmla="*/ 893122 h 1090252"/>
                  <a:gd name="connsiteX18" fmla="*/ 2010064 w 3259058"/>
                  <a:gd name="connsiteY18" fmla="*/ 852932 h 1090252"/>
                  <a:gd name="connsiteX19" fmla="*/ 2113376 w 3259058"/>
                  <a:gd name="connsiteY19" fmla="*/ 805957 h 1090252"/>
                  <a:gd name="connsiteX20" fmla="*/ 2195055 w 3259058"/>
                  <a:gd name="connsiteY20" fmla="*/ 720836 h 1090252"/>
                  <a:gd name="connsiteX21" fmla="*/ 2257546 w 3259058"/>
                  <a:gd name="connsiteY21" fmla="*/ 692391 h 1090252"/>
                  <a:gd name="connsiteX22" fmla="*/ 2315789 w 3259058"/>
                  <a:gd name="connsiteY22" fmla="*/ 672814 h 1090252"/>
                  <a:gd name="connsiteX23" fmla="*/ 2423756 w 3259058"/>
                  <a:gd name="connsiteY23" fmla="*/ 727425 h 1090252"/>
                  <a:gd name="connsiteX24" fmla="*/ 2523398 w 3259058"/>
                  <a:gd name="connsiteY24" fmla="*/ 705172 h 1090252"/>
                  <a:gd name="connsiteX25" fmla="*/ 2635161 w 3259058"/>
                  <a:gd name="connsiteY25" fmla="*/ 652419 h 1090252"/>
                  <a:gd name="connsiteX26" fmla="*/ 2785526 w 3259058"/>
                  <a:gd name="connsiteY26" fmla="*/ 567503 h 1090252"/>
                  <a:gd name="connsiteX27" fmla="*/ 2911651 w 3259058"/>
                  <a:gd name="connsiteY27" fmla="*/ 445297 h 1090252"/>
                  <a:gd name="connsiteX28" fmla="*/ 3145404 w 3259058"/>
                  <a:gd name="connsiteY28" fmla="*/ 445297 h 1090252"/>
                  <a:gd name="connsiteX29" fmla="*/ 3259058 w 3259058"/>
                  <a:gd name="connsiteY29" fmla="*/ 384629 h 1090252"/>
                  <a:gd name="connsiteX30" fmla="*/ 3223791 w 3259058"/>
                  <a:gd name="connsiteY30" fmla="*/ 183794 h 1090252"/>
                  <a:gd name="connsiteX31" fmla="*/ 3192215 w 3259058"/>
                  <a:gd name="connsiteY31" fmla="*/ 44086 h 1090252"/>
                  <a:gd name="connsiteX32" fmla="*/ 3086538 w 3259058"/>
                  <a:gd name="connsiteY32" fmla="*/ 32927 h 1090252"/>
                  <a:gd name="connsiteX33" fmla="*/ 2995449 w 3259058"/>
                  <a:gd name="connsiteY33" fmla="*/ 1396 h 1090252"/>
                  <a:gd name="connsiteX34" fmla="*/ 2949905 w 3259058"/>
                  <a:gd name="connsiteY34" fmla="*/ 73318 h 1090252"/>
                  <a:gd name="connsiteX35" fmla="*/ 2835553 w 3259058"/>
                  <a:gd name="connsiteY35" fmla="*/ 155131 h 1090252"/>
                  <a:gd name="connsiteX36" fmla="*/ 2712932 w 3259058"/>
                  <a:gd name="connsiteY36" fmla="*/ 179035 h 1090252"/>
                  <a:gd name="connsiteX37" fmla="*/ 2654005 w 3259058"/>
                  <a:gd name="connsiteY37" fmla="*/ 237362 h 1090252"/>
                  <a:gd name="connsiteX38" fmla="*/ 2611332 w 3259058"/>
                  <a:gd name="connsiteY38" fmla="*/ 359146 h 1090252"/>
                  <a:gd name="connsiteX39" fmla="*/ 2523400 w 3259058"/>
                  <a:gd name="connsiteY39" fmla="*/ 435825 h 1090252"/>
                  <a:gd name="connsiteX40" fmla="*/ 2387172 w 3259058"/>
                  <a:gd name="connsiteY40" fmla="*/ 424697 h 1090252"/>
                  <a:gd name="connsiteX41" fmla="*/ 2277242 w 3259058"/>
                  <a:gd name="connsiteY41" fmla="*/ 385740 h 1090252"/>
                  <a:gd name="connsiteX42" fmla="*/ 2129529 w 3259058"/>
                  <a:gd name="connsiteY42" fmla="*/ 365335 h 1090252"/>
                  <a:gd name="connsiteX43" fmla="*/ 2035158 w 3259058"/>
                  <a:gd name="connsiteY43" fmla="*/ 464468 h 1090252"/>
                  <a:gd name="connsiteX44" fmla="*/ 1984846 w 3259058"/>
                  <a:gd name="connsiteY44" fmla="*/ 550403 h 1090252"/>
                  <a:gd name="connsiteX45" fmla="*/ 1881700 w 3259058"/>
                  <a:gd name="connsiteY45" fmla="*/ 602337 h 1090252"/>
                  <a:gd name="connsiteX46" fmla="*/ 1776249 w 3259058"/>
                  <a:gd name="connsiteY46" fmla="*/ 565451 h 1090252"/>
                  <a:gd name="connsiteX47" fmla="*/ 1706180 w 3259058"/>
                  <a:gd name="connsiteY47" fmla="*/ 533920 h 1090252"/>
                  <a:gd name="connsiteX48" fmla="*/ 1625223 w 3259058"/>
                  <a:gd name="connsiteY48" fmla="*/ 524474 h 1090252"/>
                  <a:gd name="connsiteX49" fmla="*/ 1523654 w 3259058"/>
                  <a:gd name="connsiteY49" fmla="*/ 589556 h 1090252"/>
                  <a:gd name="connsiteX50" fmla="*/ 1382600 w 3259058"/>
                  <a:gd name="connsiteY50" fmla="*/ 628095 h 1090252"/>
                  <a:gd name="connsiteX51" fmla="*/ 1275255 w 3259058"/>
                  <a:gd name="connsiteY51" fmla="*/ 571421 h 1090252"/>
                  <a:gd name="connsiteX52" fmla="*/ 1212824 w 3259058"/>
                  <a:gd name="connsiteY52" fmla="*/ 498466 h 1090252"/>
                  <a:gd name="connsiteX53" fmla="*/ 1145628 w 3259058"/>
                  <a:gd name="connsiteY53" fmla="*/ 418305 h 1090252"/>
                  <a:gd name="connsiteX54" fmla="*/ 1087331 w 3259058"/>
                  <a:gd name="connsiteY54" fmla="*/ 341848 h 1090252"/>
                  <a:gd name="connsiteX55" fmla="*/ 939208 w 3259058"/>
                  <a:gd name="connsiteY55" fmla="*/ 427782 h 1090252"/>
                  <a:gd name="connsiteX56" fmla="*/ 781207 w 3259058"/>
                  <a:gd name="connsiteY56" fmla="*/ 435405 h 1090252"/>
                  <a:gd name="connsiteX57" fmla="*/ 654515 w 3259058"/>
                  <a:gd name="connsiteY57" fmla="*/ 370492 h 1090252"/>
                  <a:gd name="connsiteX58" fmla="*/ 606097 w 3259058"/>
                  <a:gd name="connsiteY58" fmla="*/ 281672 h 1090252"/>
                  <a:gd name="connsiteX59" fmla="*/ 581573 w 3259058"/>
                  <a:gd name="connsiteY59" fmla="*/ 215105 h 1090252"/>
                  <a:gd name="connsiteX60" fmla="*/ 527760 w 3259058"/>
                  <a:gd name="connsiteY60" fmla="*/ 160902 h 1090252"/>
                  <a:gd name="connsiteX61" fmla="*/ 377395 w 3259058"/>
                  <a:gd name="connsiteY61" fmla="*/ 105465 h 1090252"/>
                  <a:gd name="connsiteX62" fmla="*/ 278036 w 3259058"/>
                  <a:gd name="connsiteY62" fmla="*/ 120097 h 1090252"/>
                  <a:gd name="connsiteX63" fmla="*/ 180571 w 3259058"/>
                  <a:gd name="connsiteY63" fmla="*/ 48792 h 1090252"/>
                  <a:gd name="connsiteX64" fmla="*/ 74787 w 3259058"/>
                  <a:gd name="connsiteY64" fmla="*/ 45316 h 1090252"/>
                  <a:gd name="connsiteX65" fmla="*/ 38538 w 3259058"/>
                  <a:gd name="connsiteY65" fmla="*/ 78471 h 1090252"/>
                  <a:gd name="connsiteX66" fmla="*/ 25597 w 3259058"/>
                  <a:gd name="connsiteY66" fmla="*/ 137306 h 1090252"/>
                  <a:gd name="connsiteX67" fmla="*/ 0 w 3259058"/>
                  <a:gd name="connsiteY67" fmla="*/ 232623 h 1090252"/>
                  <a:gd name="connsiteX68" fmla="*/ 4190 w 3259058"/>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85526 w 3247904"/>
                  <a:gd name="connsiteY26" fmla="*/ 567503 h 1090252"/>
                  <a:gd name="connsiteX27" fmla="*/ 2911651 w 3247904"/>
                  <a:gd name="connsiteY27" fmla="*/ 445297 h 1090252"/>
                  <a:gd name="connsiteX28" fmla="*/ 3145404 w 3247904"/>
                  <a:gd name="connsiteY28" fmla="*/ 445297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54005 w 3247904"/>
                  <a:gd name="connsiteY37" fmla="*/ 237362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85526 w 3247904"/>
                  <a:gd name="connsiteY26" fmla="*/ 567503 h 1090252"/>
                  <a:gd name="connsiteX27" fmla="*/ 2911651 w 3247904"/>
                  <a:gd name="connsiteY27" fmla="*/ 445297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54005 w 3247904"/>
                  <a:gd name="connsiteY37" fmla="*/ 237362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85526 w 3247904"/>
                  <a:gd name="connsiteY26" fmla="*/ 567503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54005 w 3247904"/>
                  <a:gd name="connsiteY37" fmla="*/ 237362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54005 w 3247904"/>
                  <a:gd name="connsiteY37" fmla="*/ 237362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34486 w 3247904"/>
                  <a:gd name="connsiteY37" fmla="*/ 254367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34486 w 3247904"/>
                  <a:gd name="connsiteY37" fmla="*/ 254367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2932 w 3247904"/>
                  <a:gd name="connsiteY36" fmla="*/ 179035 h 1090252"/>
                  <a:gd name="connsiteX37" fmla="*/ 2634486 w 3247904"/>
                  <a:gd name="connsiteY37" fmla="*/ 254367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35553 w 3247904"/>
                  <a:gd name="connsiteY35" fmla="*/ 155131 h 1090252"/>
                  <a:gd name="connsiteX36" fmla="*/ 2715721 w 3247904"/>
                  <a:gd name="connsiteY36" fmla="*/ 167698 h 1090252"/>
                  <a:gd name="connsiteX37" fmla="*/ 2634486 w 3247904"/>
                  <a:gd name="connsiteY37" fmla="*/ 254367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20133 h 1090252"/>
                  <a:gd name="connsiteX1" fmla="*/ 129132 w 3247904"/>
                  <a:gd name="connsiteY1" fmla="*/ 386562 h 1090252"/>
                  <a:gd name="connsiteX2" fmla="*/ 218655 w 3247904"/>
                  <a:gd name="connsiteY2" fmla="*/ 431953 h 1090252"/>
                  <a:gd name="connsiteX3" fmla="*/ 346843 w 3247904"/>
                  <a:gd name="connsiteY3" fmla="*/ 430665 h 1090252"/>
                  <a:gd name="connsiteX4" fmla="*/ 434428 w 3247904"/>
                  <a:gd name="connsiteY4" fmla="*/ 554522 h 1090252"/>
                  <a:gd name="connsiteX5" fmla="*/ 557049 w 3247904"/>
                  <a:gd name="connsiteY5" fmla="*/ 649533 h 1090252"/>
                  <a:gd name="connsiteX6" fmla="*/ 760250 w 3247904"/>
                  <a:gd name="connsiteY6" fmla="*/ 705170 h 1090252"/>
                  <a:gd name="connsiteX7" fmla="*/ 959946 w 3247904"/>
                  <a:gd name="connsiteY7" fmla="*/ 682300 h 1090252"/>
                  <a:gd name="connsiteX8" fmla="*/ 1059305 w 3247904"/>
                  <a:gd name="connsiteY8" fmla="*/ 735049 h 1090252"/>
                  <a:gd name="connsiteX9" fmla="*/ 1156138 w 3247904"/>
                  <a:gd name="connsiteY9" fmla="*/ 772154 h 1090252"/>
                  <a:gd name="connsiteX10" fmla="*/ 1183523 w 3247904"/>
                  <a:gd name="connsiteY10" fmla="*/ 861748 h 1090252"/>
                  <a:gd name="connsiteX11" fmla="*/ 1320157 w 3247904"/>
                  <a:gd name="connsiteY11" fmla="*/ 943980 h 1090252"/>
                  <a:gd name="connsiteX12" fmla="*/ 1411318 w 3247904"/>
                  <a:gd name="connsiteY12" fmla="*/ 1008380 h 1090252"/>
                  <a:gd name="connsiteX13" fmla="*/ 1473594 w 3247904"/>
                  <a:gd name="connsiteY13" fmla="*/ 1062430 h 1090252"/>
                  <a:gd name="connsiteX14" fmla="*/ 1584231 w 3247904"/>
                  <a:gd name="connsiteY14" fmla="*/ 1090252 h 1090252"/>
                  <a:gd name="connsiteX15" fmla="*/ 1744370 w 3247904"/>
                  <a:gd name="connsiteY15" fmla="*/ 1016977 h 1090252"/>
                  <a:gd name="connsiteX16" fmla="*/ 1846317 w 3247904"/>
                  <a:gd name="connsiteY16" fmla="*/ 950830 h 1090252"/>
                  <a:gd name="connsiteX17" fmla="*/ 1946941 w 3247904"/>
                  <a:gd name="connsiteY17" fmla="*/ 893122 h 1090252"/>
                  <a:gd name="connsiteX18" fmla="*/ 2010064 w 3247904"/>
                  <a:gd name="connsiteY18" fmla="*/ 852932 h 1090252"/>
                  <a:gd name="connsiteX19" fmla="*/ 2113376 w 3247904"/>
                  <a:gd name="connsiteY19" fmla="*/ 805957 h 1090252"/>
                  <a:gd name="connsiteX20" fmla="*/ 2195055 w 3247904"/>
                  <a:gd name="connsiteY20" fmla="*/ 720836 h 1090252"/>
                  <a:gd name="connsiteX21" fmla="*/ 2257546 w 3247904"/>
                  <a:gd name="connsiteY21" fmla="*/ 692391 h 1090252"/>
                  <a:gd name="connsiteX22" fmla="*/ 2315789 w 3247904"/>
                  <a:gd name="connsiteY22" fmla="*/ 672814 h 1090252"/>
                  <a:gd name="connsiteX23" fmla="*/ 2423756 w 3247904"/>
                  <a:gd name="connsiteY23" fmla="*/ 727425 h 1090252"/>
                  <a:gd name="connsiteX24" fmla="*/ 2523398 w 3247904"/>
                  <a:gd name="connsiteY24" fmla="*/ 705172 h 1090252"/>
                  <a:gd name="connsiteX25" fmla="*/ 2635161 w 3247904"/>
                  <a:gd name="connsiteY25" fmla="*/ 652419 h 1090252"/>
                  <a:gd name="connsiteX26" fmla="*/ 2768796 w 3247904"/>
                  <a:gd name="connsiteY26" fmla="*/ 556166 h 1090252"/>
                  <a:gd name="connsiteX27" fmla="*/ 2925593 w 3247904"/>
                  <a:gd name="connsiteY27" fmla="*/ 439629 h 1090252"/>
                  <a:gd name="connsiteX28" fmla="*/ 3148192 w 3247904"/>
                  <a:gd name="connsiteY28" fmla="*/ 431125 h 1090252"/>
                  <a:gd name="connsiteX29" fmla="*/ 3247904 w 3247904"/>
                  <a:gd name="connsiteY29" fmla="*/ 344949 h 1090252"/>
                  <a:gd name="connsiteX30" fmla="*/ 3223791 w 3247904"/>
                  <a:gd name="connsiteY30" fmla="*/ 183794 h 1090252"/>
                  <a:gd name="connsiteX31" fmla="*/ 3192215 w 3247904"/>
                  <a:gd name="connsiteY31" fmla="*/ 44086 h 1090252"/>
                  <a:gd name="connsiteX32" fmla="*/ 3086538 w 3247904"/>
                  <a:gd name="connsiteY32" fmla="*/ 32927 h 1090252"/>
                  <a:gd name="connsiteX33" fmla="*/ 2995449 w 3247904"/>
                  <a:gd name="connsiteY33" fmla="*/ 1396 h 1090252"/>
                  <a:gd name="connsiteX34" fmla="*/ 2949905 w 3247904"/>
                  <a:gd name="connsiteY34" fmla="*/ 73318 h 1090252"/>
                  <a:gd name="connsiteX35" fmla="*/ 2841130 w 3247904"/>
                  <a:gd name="connsiteY35" fmla="*/ 138125 h 1090252"/>
                  <a:gd name="connsiteX36" fmla="*/ 2715721 w 3247904"/>
                  <a:gd name="connsiteY36" fmla="*/ 167698 h 1090252"/>
                  <a:gd name="connsiteX37" fmla="*/ 2634486 w 3247904"/>
                  <a:gd name="connsiteY37" fmla="*/ 254367 h 1090252"/>
                  <a:gd name="connsiteX38" fmla="*/ 2611332 w 3247904"/>
                  <a:gd name="connsiteY38" fmla="*/ 359146 h 1090252"/>
                  <a:gd name="connsiteX39" fmla="*/ 2523400 w 3247904"/>
                  <a:gd name="connsiteY39" fmla="*/ 435825 h 1090252"/>
                  <a:gd name="connsiteX40" fmla="*/ 2387172 w 3247904"/>
                  <a:gd name="connsiteY40" fmla="*/ 424697 h 1090252"/>
                  <a:gd name="connsiteX41" fmla="*/ 2277242 w 3247904"/>
                  <a:gd name="connsiteY41" fmla="*/ 385740 h 1090252"/>
                  <a:gd name="connsiteX42" fmla="*/ 2129529 w 3247904"/>
                  <a:gd name="connsiteY42" fmla="*/ 365335 h 1090252"/>
                  <a:gd name="connsiteX43" fmla="*/ 2035158 w 3247904"/>
                  <a:gd name="connsiteY43" fmla="*/ 464468 h 1090252"/>
                  <a:gd name="connsiteX44" fmla="*/ 1984846 w 3247904"/>
                  <a:gd name="connsiteY44" fmla="*/ 550403 h 1090252"/>
                  <a:gd name="connsiteX45" fmla="*/ 1881700 w 3247904"/>
                  <a:gd name="connsiteY45" fmla="*/ 602337 h 1090252"/>
                  <a:gd name="connsiteX46" fmla="*/ 1776249 w 3247904"/>
                  <a:gd name="connsiteY46" fmla="*/ 565451 h 1090252"/>
                  <a:gd name="connsiteX47" fmla="*/ 1706180 w 3247904"/>
                  <a:gd name="connsiteY47" fmla="*/ 533920 h 1090252"/>
                  <a:gd name="connsiteX48" fmla="*/ 1625223 w 3247904"/>
                  <a:gd name="connsiteY48" fmla="*/ 524474 h 1090252"/>
                  <a:gd name="connsiteX49" fmla="*/ 1523654 w 3247904"/>
                  <a:gd name="connsiteY49" fmla="*/ 589556 h 1090252"/>
                  <a:gd name="connsiteX50" fmla="*/ 1382600 w 3247904"/>
                  <a:gd name="connsiteY50" fmla="*/ 628095 h 1090252"/>
                  <a:gd name="connsiteX51" fmla="*/ 1275255 w 3247904"/>
                  <a:gd name="connsiteY51" fmla="*/ 571421 h 1090252"/>
                  <a:gd name="connsiteX52" fmla="*/ 1212824 w 3247904"/>
                  <a:gd name="connsiteY52" fmla="*/ 498466 h 1090252"/>
                  <a:gd name="connsiteX53" fmla="*/ 1145628 w 3247904"/>
                  <a:gd name="connsiteY53" fmla="*/ 418305 h 1090252"/>
                  <a:gd name="connsiteX54" fmla="*/ 1087331 w 3247904"/>
                  <a:gd name="connsiteY54" fmla="*/ 341848 h 1090252"/>
                  <a:gd name="connsiteX55" fmla="*/ 939208 w 3247904"/>
                  <a:gd name="connsiteY55" fmla="*/ 427782 h 1090252"/>
                  <a:gd name="connsiteX56" fmla="*/ 781207 w 3247904"/>
                  <a:gd name="connsiteY56" fmla="*/ 435405 h 1090252"/>
                  <a:gd name="connsiteX57" fmla="*/ 654515 w 3247904"/>
                  <a:gd name="connsiteY57" fmla="*/ 370492 h 1090252"/>
                  <a:gd name="connsiteX58" fmla="*/ 606097 w 3247904"/>
                  <a:gd name="connsiteY58" fmla="*/ 281672 h 1090252"/>
                  <a:gd name="connsiteX59" fmla="*/ 581573 w 3247904"/>
                  <a:gd name="connsiteY59" fmla="*/ 215105 h 1090252"/>
                  <a:gd name="connsiteX60" fmla="*/ 527760 w 3247904"/>
                  <a:gd name="connsiteY60" fmla="*/ 160902 h 1090252"/>
                  <a:gd name="connsiteX61" fmla="*/ 377395 w 3247904"/>
                  <a:gd name="connsiteY61" fmla="*/ 105465 h 1090252"/>
                  <a:gd name="connsiteX62" fmla="*/ 278036 w 3247904"/>
                  <a:gd name="connsiteY62" fmla="*/ 120097 h 1090252"/>
                  <a:gd name="connsiteX63" fmla="*/ 180571 w 3247904"/>
                  <a:gd name="connsiteY63" fmla="*/ 48792 h 1090252"/>
                  <a:gd name="connsiteX64" fmla="*/ 74787 w 3247904"/>
                  <a:gd name="connsiteY64" fmla="*/ 45316 h 1090252"/>
                  <a:gd name="connsiteX65" fmla="*/ 38538 w 3247904"/>
                  <a:gd name="connsiteY65" fmla="*/ 78471 h 1090252"/>
                  <a:gd name="connsiteX66" fmla="*/ 25597 w 3247904"/>
                  <a:gd name="connsiteY66" fmla="*/ 137306 h 1090252"/>
                  <a:gd name="connsiteX67" fmla="*/ 0 w 3247904"/>
                  <a:gd name="connsiteY67" fmla="*/ 232623 h 1090252"/>
                  <a:gd name="connsiteX68" fmla="*/ 4190 w 3247904"/>
                  <a:gd name="connsiteY68" fmla="*/ 320133 h 1090252"/>
                  <a:gd name="connsiteX0" fmla="*/ 4190 w 3247904"/>
                  <a:gd name="connsiteY0" fmla="*/ 319587 h 1089706"/>
                  <a:gd name="connsiteX1" fmla="*/ 129132 w 3247904"/>
                  <a:gd name="connsiteY1" fmla="*/ 386016 h 1089706"/>
                  <a:gd name="connsiteX2" fmla="*/ 218655 w 3247904"/>
                  <a:gd name="connsiteY2" fmla="*/ 431407 h 1089706"/>
                  <a:gd name="connsiteX3" fmla="*/ 346843 w 3247904"/>
                  <a:gd name="connsiteY3" fmla="*/ 430119 h 1089706"/>
                  <a:gd name="connsiteX4" fmla="*/ 434428 w 3247904"/>
                  <a:gd name="connsiteY4" fmla="*/ 553976 h 1089706"/>
                  <a:gd name="connsiteX5" fmla="*/ 557049 w 3247904"/>
                  <a:gd name="connsiteY5" fmla="*/ 648987 h 1089706"/>
                  <a:gd name="connsiteX6" fmla="*/ 760250 w 3247904"/>
                  <a:gd name="connsiteY6" fmla="*/ 704624 h 1089706"/>
                  <a:gd name="connsiteX7" fmla="*/ 959946 w 3247904"/>
                  <a:gd name="connsiteY7" fmla="*/ 681754 h 1089706"/>
                  <a:gd name="connsiteX8" fmla="*/ 1059305 w 3247904"/>
                  <a:gd name="connsiteY8" fmla="*/ 734503 h 1089706"/>
                  <a:gd name="connsiteX9" fmla="*/ 1156138 w 3247904"/>
                  <a:gd name="connsiteY9" fmla="*/ 771608 h 1089706"/>
                  <a:gd name="connsiteX10" fmla="*/ 1183523 w 3247904"/>
                  <a:gd name="connsiteY10" fmla="*/ 861202 h 1089706"/>
                  <a:gd name="connsiteX11" fmla="*/ 1320157 w 3247904"/>
                  <a:gd name="connsiteY11" fmla="*/ 943434 h 1089706"/>
                  <a:gd name="connsiteX12" fmla="*/ 1411318 w 3247904"/>
                  <a:gd name="connsiteY12" fmla="*/ 1007834 h 1089706"/>
                  <a:gd name="connsiteX13" fmla="*/ 1473594 w 3247904"/>
                  <a:gd name="connsiteY13" fmla="*/ 1061884 h 1089706"/>
                  <a:gd name="connsiteX14" fmla="*/ 1584231 w 3247904"/>
                  <a:gd name="connsiteY14" fmla="*/ 1089706 h 1089706"/>
                  <a:gd name="connsiteX15" fmla="*/ 1744370 w 3247904"/>
                  <a:gd name="connsiteY15" fmla="*/ 1016431 h 1089706"/>
                  <a:gd name="connsiteX16" fmla="*/ 1846317 w 3247904"/>
                  <a:gd name="connsiteY16" fmla="*/ 950284 h 1089706"/>
                  <a:gd name="connsiteX17" fmla="*/ 1946941 w 3247904"/>
                  <a:gd name="connsiteY17" fmla="*/ 892576 h 1089706"/>
                  <a:gd name="connsiteX18" fmla="*/ 2010064 w 3247904"/>
                  <a:gd name="connsiteY18" fmla="*/ 852386 h 1089706"/>
                  <a:gd name="connsiteX19" fmla="*/ 2113376 w 3247904"/>
                  <a:gd name="connsiteY19" fmla="*/ 805411 h 1089706"/>
                  <a:gd name="connsiteX20" fmla="*/ 2195055 w 3247904"/>
                  <a:gd name="connsiteY20" fmla="*/ 720290 h 1089706"/>
                  <a:gd name="connsiteX21" fmla="*/ 2257546 w 3247904"/>
                  <a:gd name="connsiteY21" fmla="*/ 691845 h 1089706"/>
                  <a:gd name="connsiteX22" fmla="*/ 2315789 w 3247904"/>
                  <a:gd name="connsiteY22" fmla="*/ 672268 h 1089706"/>
                  <a:gd name="connsiteX23" fmla="*/ 2423756 w 3247904"/>
                  <a:gd name="connsiteY23" fmla="*/ 726879 h 1089706"/>
                  <a:gd name="connsiteX24" fmla="*/ 2523398 w 3247904"/>
                  <a:gd name="connsiteY24" fmla="*/ 704626 h 1089706"/>
                  <a:gd name="connsiteX25" fmla="*/ 2635161 w 3247904"/>
                  <a:gd name="connsiteY25" fmla="*/ 651873 h 1089706"/>
                  <a:gd name="connsiteX26" fmla="*/ 2768796 w 3247904"/>
                  <a:gd name="connsiteY26" fmla="*/ 555620 h 1089706"/>
                  <a:gd name="connsiteX27" fmla="*/ 2925593 w 3247904"/>
                  <a:gd name="connsiteY27" fmla="*/ 439083 h 1089706"/>
                  <a:gd name="connsiteX28" fmla="*/ 3148192 w 3247904"/>
                  <a:gd name="connsiteY28" fmla="*/ 430579 h 1089706"/>
                  <a:gd name="connsiteX29" fmla="*/ 3247904 w 3247904"/>
                  <a:gd name="connsiteY29" fmla="*/ 344403 h 1089706"/>
                  <a:gd name="connsiteX30" fmla="*/ 3223791 w 3247904"/>
                  <a:gd name="connsiteY30" fmla="*/ 183248 h 1089706"/>
                  <a:gd name="connsiteX31" fmla="*/ 3178274 w 3247904"/>
                  <a:gd name="connsiteY31" fmla="*/ 18032 h 1089706"/>
                  <a:gd name="connsiteX32" fmla="*/ 3086538 w 3247904"/>
                  <a:gd name="connsiteY32" fmla="*/ 32381 h 1089706"/>
                  <a:gd name="connsiteX33" fmla="*/ 2995449 w 3247904"/>
                  <a:gd name="connsiteY33" fmla="*/ 850 h 1089706"/>
                  <a:gd name="connsiteX34" fmla="*/ 2949905 w 3247904"/>
                  <a:gd name="connsiteY34" fmla="*/ 72772 h 1089706"/>
                  <a:gd name="connsiteX35" fmla="*/ 2841130 w 3247904"/>
                  <a:gd name="connsiteY35" fmla="*/ 137579 h 1089706"/>
                  <a:gd name="connsiteX36" fmla="*/ 2715721 w 3247904"/>
                  <a:gd name="connsiteY36" fmla="*/ 167152 h 1089706"/>
                  <a:gd name="connsiteX37" fmla="*/ 2634486 w 3247904"/>
                  <a:gd name="connsiteY37" fmla="*/ 253821 h 1089706"/>
                  <a:gd name="connsiteX38" fmla="*/ 2611332 w 3247904"/>
                  <a:gd name="connsiteY38" fmla="*/ 358600 h 1089706"/>
                  <a:gd name="connsiteX39" fmla="*/ 2523400 w 3247904"/>
                  <a:gd name="connsiteY39" fmla="*/ 435279 h 1089706"/>
                  <a:gd name="connsiteX40" fmla="*/ 2387172 w 3247904"/>
                  <a:gd name="connsiteY40" fmla="*/ 424151 h 1089706"/>
                  <a:gd name="connsiteX41" fmla="*/ 2277242 w 3247904"/>
                  <a:gd name="connsiteY41" fmla="*/ 385194 h 1089706"/>
                  <a:gd name="connsiteX42" fmla="*/ 2129529 w 3247904"/>
                  <a:gd name="connsiteY42" fmla="*/ 364789 h 1089706"/>
                  <a:gd name="connsiteX43" fmla="*/ 2035158 w 3247904"/>
                  <a:gd name="connsiteY43" fmla="*/ 463922 h 1089706"/>
                  <a:gd name="connsiteX44" fmla="*/ 1984846 w 3247904"/>
                  <a:gd name="connsiteY44" fmla="*/ 549857 h 1089706"/>
                  <a:gd name="connsiteX45" fmla="*/ 1881700 w 3247904"/>
                  <a:gd name="connsiteY45" fmla="*/ 601791 h 1089706"/>
                  <a:gd name="connsiteX46" fmla="*/ 1776249 w 3247904"/>
                  <a:gd name="connsiteY46" fmla="*/ 564905 h 1089706"/>
                  <a:gd name="connsiteX47" fmla="*/ 1706180 w 3247904"/>
                  <a:gd name="connsiteY47" fmla="*/ 533374 h 1089706"/>
                  <a:gd name="connsiteX48" fmla="*/ 1625223 w 3247904"/>
                  <a:gd name="connsiteY48" fmla="*/ 523928 h 1089706"/>
                  <a:gd name="connsiteX49" fmla="*/ 1523654 w 3247904"/>
                  <a:gd name="connsiteY49" fmla="*/ 589010 h 1089706"/>
                  <a:gd name="connsiteX50" fmla="*/ 1382600 w 3247904"/>
                  <a:gd name="connsiteY50" fmla="*/ 627549 h 1089706"/>
                  <a:gd name="connsiteX51" fmla="*/ 1275255 w 3247904"/>
                  <a:gd name="connsiteY51" fmla="*/ 570875 h 1089706"/>
                  <a:gd name="connsiteX52" fmla="*/ 1212824 w 3247904"/>
                  <a:gd name="connsiteY52" fmla="*/ 497920 h 1089706"/>
                  <a:gd name="connsiteX53" fmla="*/ 1145628 w 3247904"/>
                  <a:gd name="connsiteY53" fmla="*/ 417759 h 1089706"/>
                  <a:gd name="connsiteX54" fmla="*/ 1087331 w 3247904"/>
                  <a:gd name="connsiteY54" fmla="*/ 341302 h 1089706"/>
                  <a:gd name="connsiteX55" fmla="*/ 939208 w 3247904"/>
                  <a:gd name="connsiteY55" fmla="*/ 427236 h 1089706"/>
                  <a:gd name="connsiteX56" fmla="*/ 781207 w 3247904"/>
                  <a:gd name="connsiteY56" fmla="*/ 434859 h 1089706"/>
                  <a:gd name="connsiteX57" fmla="*/ 654515 w 3247904"/>
                  <a:gd name="connsiteY57" fmla="*/ 369946 h 1089706"/>
                  <a:gd name="connsiteX58" fmla="*/ 606097 w 3247904"/>
                  <a:gd name="connsiteY58" fmla="*/ 281126 h 1089706"/>
                  <a:gd name="connsiteX59" fmla="*/ 581573 w 3247904"/>
                  <a:gd name="connsiteY59" fmla="*/ 214559 h 1089706"/>
                  <a:gd name="connsiteX60" fmla="*/ 527760 w 3247904"/>
                  <a:gd name="connsiteY60" fmla="*/ 160356 h 1089706"/>
                  <a:gd name="connsiteX61" fmla="*/ 377395 w 3247904"/>
                  <a:gd name="connsiteY61" fmla="*/ 104919 h 1089706"/>
                  <a:gd name="connsiteX62" fmla="*/ 278036 w 3247904"/>
                  <a:gd name="connsiteY62" fmla="*/ 119551 h 1089706"/>
                  <a:gd name="connsiteX63" fmla="*/ 180571 w 3247904"/>
                  <a:gd name="connsiteY63" fmla="*/ 48246 h 1089706"/>
                  <a:gd name="connsiteX64" fmla="*/ 74787 w 3247904"/>
                  <a:gd name="connsiteY64" fmla="*/ 44770 h 1089706"/>
                  <a:gd name="connsiteX65" fmla="*/ 38538 w 3247904"/>
                  <a:gd name="connsiteY65" fmla="*/ 77925 h 1089706"/>
                  <a:gd name="connsiteX66" fmla="*/ 25597 w 3247904"/>
                  <a:gd name="connsiteY66" fmla="*/ 136760 h 1089706"/>
                  <a:gd name="connsiteX67" fmla="*/ 0 w 3247904"/>
                  <a:gd name="connsiteY67" fmla="*/ 232077 h 1089706"/>
                  <a:gd name="connsiteX68" fmla="*/ 4190 w 3247904"/>
                  <a:gd name="connsiteY68" fmla="*/ 319587 h 1089706"/>
                  <a:gd name="connsiteX0" fmla="*/ 4190 w 3247904"/>
                  <a:gd name="connsiteY0" fmla="*/ 320015 h 1090134"/>
                  <a:gd name="connsiteX1" fmla="*/ 129132 w 3247904"/>
                  <a:gd name="connsiteY1" fmla="*/ 386444 h 1090134"/>
                  <a:gd name="connsiteX2" fmla="*/ 218655 w 3247904"/>
                  <a:gd name="connsiteY2" fmla="*/ 431835 h 1090134"/>
                  <a:gd name="connsiteX3" fmla="*/ 346843 w 3247904"/>
                  <a:gd name="connsiteY3" fmla="*/ 430547 h 1090134"/>
                  <a:gd name="connsiteX4" fmla="*/ 434428 w 3247904"/>
                  <a:gd name="connsiteY4" fmla="*/ 554404 h 1090134"/>
                  <a:gd name="connsiteX5" fmla="*/ 557049 w 3247904"/>
                  <a:gd name="connsiteY5" fmla="*/ 649415 h 1090134"/>
                  <a:gd name="connsiteX6" fmla="*/ 760250 w 3247904"/>
                  <a:gd name="connsiteY6" fmla="*/ 705052 h 1090134"/>
                  <a:gd name="connsiteX7" fmla="*/ 959946 w 3247904"/>
                  <a:gd name="connsiteY7" fmla="*/ 682182 h 1090134"/>
                  <a:gd name="connsiteX8" fmla="*/ 1059305 w 3247904"/>
                  <a:gd name="connsiteY8" fmla="*/ 734931 h 1090134"/>
                  <a:gd name="connsiteX9" fmla="*/ 1156138 w 3247904"/>
                  <a:gd name="connsiteY9" fmla="*/ 772036 h 1090134"/>
                  <a:gd name="connsiteX10" fmla="*/ 1183523 w 3247904"/>
                  <a:gd name="connsiteY10" fmla="*/ 861630 h 1090134"/>
                  <a:gd name="connsiteX11" fmla="*/ 1320157 w 3247904"/>
                  <a:gd name="connsiteY11" fmla="*/ 943862 h 1090134"/>
                  <a:gd name="connsiteX12" fmla="*/ 1411318 w 3247904"/>
                  <a:gd name="connsiteY12" fmla="*/ 1008262 h 1090134"/>
                  <a:gd name="connsiteX13" fmla="*/ 1473594 w 3247904"/>
                  <a:gd name="connsiteY13" fmla="*/ 1062312 h 1090134"/>
                  <a:gd name="connsiteX14" fmla="*/ 1584231 w 3247904"/>
                  <a:gd name="connsiteY14" fmla="*/ 1090134 h 1090134"/>
                  <a:gd name="connsiteX15" fmla="*/ 1744370 w 3247904"/>
                  <a:gd name="connsiteY15" fmla="*/ 1016859 h 1090134"/>
                  <a:gd name="connsiteX16" fmla="*/ 1846317 w 3247904"/>
                  <a:gd name="connsiteY16" fmla="*/ 950712 h 1090134"/>
                  <a:gd name="connsiteX17" fmla="*/ 1946941 w 3247904"/>
                  <a:gd name="connsiteY17" fmla="*/ 893004 h 1090134"/>
                  <a:gd name="connsiteX18" fmla="*/ 2010064 w 3247904"/>
                  <a:gd name="connsiteY18" fmla="*/ 852814 h 1090134"/>
                  <a:gd name="connsiteX19" fmla="*/ 2113376 w 3247904"/>
                  <a:gd name="connsiteY19" fmla="*/ 805839 h 1090134"/>
                  <a:gd name="connsiteX20" fmla="*/ 2195055 w 3247904"/>
                  <a:gd name="connsiteY20" fmla="*/ 720718 h 1090134"/>
                  <a:gd name="connsiteX21" fmla="*/ 2257546 w 3247904"/>
                  <a:gd name="connsiteY21" fmla="*/ 692273 h 1090134"/>
                  <a:gd name="connsiteX22" fmla="*/ 2315789 w 3247904"/>
                  <a:gd name="connsiteY22" fmla="*/ 672696 h 1090134"/>
                  <a:gd name="connsiteX23" fmla="*/ 2423756 w 3247904"/>
                  <a:gd name="connsiteY23" fmla="*/ 727307 h 1090134"/>
                  <a:gd name="connsiteX24" fmla="*/ 2523398 w 3247904"/>
                  <a:gd name="connsiteY24" fmla="*/ 705054 h 1090134"/>
                  <a:gd name="connsiteX25" fmla="*/ 2635161 w 3247904"/>
                  <a:gd name="connsiteY25" fmla="*/ 652301 h 1090134"/>
                  <a:gd name="connsiteX26" fmla="*/ 2768796 w 3247904"/>
                  <a:gd name="connsiteY26" fmla="*/ 556048 h 1090134"/>
                  <a:gd name="connsiteX27" fmla="*/ 2925593 w 3247904"/>
                  <a:gd name="connsiteY27" fmla="*/ 439511 h 1090134"/>
                  <a:gd name="connsiteX28" fmla="*/ 3148192 w 3247904"/>
                  <a:gd name="connsiteY28" fmla="*/ 431007 h 1090134"/>
                  <a:gd name="connsiteX29" fmla="*/ 3247904 w 3247904"/>
                  <a:gd name="connsiteY29" fmla="*/ 344831 h 1090134"/>
                  <a:gd name="connsiteX30" fmla="*/ 3223791 w 3247904"/>
                  <a:gd name="connsiteY30" fmla="*/ 183676 h 1090134"/>
                  <a:gd name="connsiteX31" fmla="*/ 3178274 w 3247904"/>
                  <a:gd name="connsiteY31" fmla="*/ 18460 h 1090134"/>
                  <a:gd name="connsiteX32" fmla="*/ 3086538 w 3247904"/>
                  <a:gd name="connsiteY32" fmla="*/ 32809 h 1090134"/>
                  <a:gd name="connsiteX33" fmla="*/ 2995449 w 3247904"/>
                  <a:gd name="connsiteY33" fmla="*/ 1278 h 1090134"/>
                  <a:gd name="connsiteX34" fmla="*/ 2949905 w 3247904"/>
                  <a:gd name="connsiteY34" fmla="*/ 73200 h 1090134"/>
                  <a:gd name="connsiteX35" fmla="*/ 2841130 w 3247904"/>
                  <a:gd name="connsiteY35" fmla="*/ 138007 h 1090134"/>
                  <a:gd name="connsiteX36" fmla="*/ 2715721 w 3247904"/>
                  <a:gd name="connsiteY36" fmla="*/ 167580 h 1090134"/>
                  <a:gd name="connsiteX37" fmla="*/ 2634486 w 3247904"/>
                  <a:gd name="connsiteY37" fmla="*/ 254249 h 1090134"/>
                  <a:gd name="connsiteX38" fmla="*/ 2611332 w 3247904"/>
                  <a:gd name="connsiteY38" fmla="*/ 359028 h 1090134"/>
                  <a:gd name="connsiteX39" fmla="*/ 2523400 w 3247904"/>
                  <a:gd name="connsiteY39" fmla="*/ 435707 h 1090134"/>
                  <a:gd name="connsiteX40" fmla="*/ 2387172 w 3247904"/>
                  <a:gd name="connsiteY40" fmla="*/ 424579 h 1090134"/>
                  <a:gd name="connsiteX41" fmla="*/ 2277242 w 3247904"/>
                  <a:gd name="connsiteY41" fmla="*/ 385622 h 1090134"/>
                  <a:gd name="connsiteX42" fmla="*/ 2129529 w 3247904"/>
                  <a:gd name="connsiteY42" fmla="*/ 365217 h 1090134"/>
                  <a:gd name="connsiteX43" fmla="*/ 2035158 w 3247904"/>
                  <a:gd name="connsiteY43" fmla="*/ 464350 h 1090134"/>
                  <a:gd name="connsiteX44" fmla="*/ 1984846 w 3247904"/>
                  <a:gd name="connsiteY44" fmla="*/ 550285 h 1090134"/>
                  <a:gd name="connsiteX45" fmla="*/ 1881700 w 3247904"/>
                  <a:gd name="connsiteY45" fmla="*/ 602219 h 1090134"/>
                  <a:gd name="connsiteX46" fmla="*/ 1776249 w 3247904"/>
                  <a:gd name="connsiteY46" fmla="*/ 565333 h 1090134"/>
                  <a:gd name="connsiteX47" fmla="*/ 1706180 w 3247904"/>
                  <a:gd name="connsiteY47" fmla="*/ 533802 h 1090134"/>
                  <a:gd name="connsiteX48" fmla="*/ 1625223 w 3247904"/>
                  <a:gd name="connsiteY48" fmla="*/ 524356 h 1090134"/>
                  <a:gd name="connsiteX49" fmla="*/ 1523654 w 3247904"/>
                  <a:gd name="connsiteY49" fmla="*/ 589438 h 1090134"/>
                  <a:gd name="connsiteX50" fmla="*/ 1382600 w 3247904"/>
                  <a:gd name="connsiteY50" fmla="*/ 627977 h 1090134"/>
                  <a:gd name="connsiteX51" fmla="*/ 1275255 w 3247904"/>
                  <a:gd name="connsiteY51" fmla="*/ 571303 h 1090134"/>
                  <a:gd name="connsiteX52" fmla="*/ 1212824 w 3247904"/>
                  <a:gd name="connsiteY52" fmla="*/ 498348 h 1090134"/>
                  <a:gd name="connsiteX53" fmla="*/ 1145628 w 3247904"/>
                  <a:gd name="connsiteY53" fmla="*/ 418187 h 1090134"/>
                  <a:gd name="connsiteX54" fmla="*/ 1087331 w 3247904"/>
                  <a:gd name="connsiteY54" fmla="*/ 341730 h 1090134"/>
                  <a:gd name="connsiteX55" fmla="*/ 939208 w 3247904"/>
                  <a:gd name="connsiteY55" fmla="*/ 427664 h 1090134"/>
                  <a:gd name="connsiteX56" fmla="*/ 781207 w 3247904"/>
                  <a:gd name="connsiteY56" fmla="*/ 435287 h 1090134"/>
                  <a:gd name="connsiteX57" fmla="*/ 654515 w 3247904"/>
                  <a:gd name="connsiteY57" fmla="*/ 370374 h 1090134"/>
                  <a:gd name="connsiteX58" fmla="*/ 606097 w 3247904"/>
                  <a:gd name="connsiteY58" fmla="*/ 281554 h 1090134"/>
                  <a:gd name="connsiteX59" fmla="*/ 581573 w 3247904"/>
                  <a:gd name="connsiteY59" fmla="*/ 214987 h 1090134"/>
                  <a:gd name="connsiteX60" fmla="*/ 527760 w 3247904"/>
                  <a:gd name="connsiteY60" fmla="*/ 160784 h 1090134"/>
                  <a:gd name="connsiteX61" fmla="*/ 377395 w 3247904"/>
                  <a:gd name="connsiteY61" fmla="*/ 105347 h 1090134"/>
                  <a:gd name="connsiteX62" fmla="*/ 278036 w 3247904"/>
                  <a:gd name="connsiteY62" fmla="*/ 119979 h 1090134"/>
                  <a:gd name="connsiteX63" fmla="*/ 180571 w 3247904"/>
                  <a:gd name="connsiteY63" fmla="*/ 48674 h 1090134"/>
                  <a:gd name="connsiteX64" fmla="*/ 74787 w 3247904"/>
                  <a:gd name="connsiteY64" fmla="*/ 45198 h 1090134"/>
                  <a:gd name="connsiteX65" fmla="*/ 38538 w 3247904"/>
                  <a:gd name="connsiteY65" fmla="*/ 78353 h 1090134"/>
                  <a:gd name="connsiteX66" fmla="*/ 25597 w 3247904"/>
                  <a:gd name="connsiteY66" fmla="*/ 137188 h 1090134"/>
                  <a:gd name="connsiteX67" fmla="*/ 0 w 3247904"/>
                  <a:gd name="connsiteY67" fmla="*/ 232505 h 1090134"/>
                  <a:gd name="connsiteX68" fmla="*/ 4190 w 3247904"/>
                  <a:gd name="connsiteY68" fmla="*/ 320015 h 1090134"/>
                  <a:gd name="connsiteX0" fmla="*/ 4190 w 3247904"/>
                  <a:gd name="connsiteY0" fmla="*/ 319563 h 1089682"/>
                  <a:gd name="connsiteX1" fmla="*/ 129132 w 3247904"/>
                  <a:gd name="connsiteY1" fmla="*/ 385992 h 1089682"/>
                  <a:gd name="connsiteX2" fmla="*/ 218655 w 3247904"/>
                  <a:gd name="connsiteY2" fmla="*/ 431383 h 1089682"/>
                  <a:gd name="connsiteX3" fmla="*/ 346843 w 3247904"/>
                  <a:gd name="connsiteY3" fmla="*/ 430095 h 1089682"/>
                  <a:gd name="connsiteX4" fmla="*/ 434428 w 3247904"/>
                  <a:gd name="connsiteY4" fmla="*/ 553952 h 1089682"/>
                  <a:gd name="connsiteX5" fmla="*/ 557049 w 3247904"/>
                  <a:gd name="connsiteY5" fmla="*/ 648963 h 1089682"/>
                  <a:gd name="connsiteX6" fmla="*/ 760250 w 3247904"/>
                  <a:gd name="connsiteY6" fmla="*/ 704600 h 1089682"/>
                  <a:gd name="connsiteX7" fmla="*/ 959946 w 3247904"/>
                  <a:gd name="connsiteY7" fmla="*/ 681730 h 1089682"/>
                  <a:gd name="connsiteX8" fmla="*/ 1059305 w 3247904"/>
                  <a:gd name="connsiteY8" fmla="*/ 734479 h 1089682"/>
                  <a:gd name="connsiteX9" fmla="*/ 1156138 w 3247904"/>
                  <a:gd name="connsiteY9" fmla="*/ 771584 h 1089682"/>
                  <a:gd name="connsiteX10" fmla="*/ 1183523 w 3247904"/>
                  <a:gd name="connsiteY10" fmla="*/ 861178 h 1089682"/>
                  <a:gd name="connsiteX11" fmla="*/ 1320157 w 3247904"/>
                  <a:gd name="connsiteY11" fmla="*/ 943410 h 1089682"/>
                  <a:gd name="connsiteX12" fmla="*/ 1411318 w 3247904"/>
                  <a:gd name="connsiteY12" fmla="*/ 1007810 h 1089682"/>
                  <a:gd name="connsiteX13" fmla="*/ 1473594 w 3247904"/>
                  <a:gd name="connsiteY13" fmla="*/ 1061860 h 1089682"/>
                  <a:gd name="connsiteX14" fmla="*/ 1584231 w 3247904"/>
                  <a:gd name="connsiteY14" fmla="*/ 1089682 h 1089682"/>
                  <a:gd name="connsiteX15" fmla="*/ 1744370 w 3247904"/>
                  <a:gd name="connsiteY15" fmla="*/ 1016407 h 1089682"/>
                  <a:gd name="connsiteX16" fmla="*/ 1846317 w 3247904"/>
                  <a:gd name="connsiteY16" fmla="*/ 950260 h 1089682"/>
                  <a:gd name="connsiteX17" fmla="*/ 1946941 w 3247904"/>
                  <a:gd name="connsiteY17" fmla="*/ 892552 h 1089682"/>
                  <a:gd name="connsiteX18" fmla="*/ 2010064 w 3247904"/>
                  <a:gd name="connsiteY18" fmla="*/ 852362 h 1089682"/>
                  <a:gd name="connsiteX19" fmla="*/ 2113376 w 3247904"/>
                  <a:gd name="connsiteY19" fmla="*/ 805387 h 1089682"/>
                  <a:gd name="connsiteX20" fmla="*/ 2195055 w 3247904"/>
                  <a:gd name="connsiteY20" fmla="*/ 720266 h 1089682"/>
                  <a:gd name="connsiteX21" fmla="*/ 2257546 w 3247904"/>
                  <a:gd name="connsiteY21" fmla="*/ 691821 h 1089682"/>
                  <a:gd name="connsiteX22" fmla="*/ 2315789 w 3247904"/>
                  <a:gd name="connsiteY22" fmla="*/ 672244 h 1089682"/>
                  <a:gd name="connsiteX23" fmla="*/ 2423756 w 3247904"/>
                  <a:gd name="connsiteY23" fmla="*/ 726855 h 1089682"/>
                  <a:gd name="connsiteX24" fmla="*/ 2523398 w 3247904"/>
                  <a:gd name="connsiteY24" fmla="*/ 704602 h 1089682"/>
                  <a:gd name="connsiteX25" fmla="*/ 2635161 w 3247904"/>
                  <a:gd name="connsiteY25" fmla="*/ 651849 h 1089682"/>
                  <a:gd name="connsiteX26" fmla="*/ 2768796 w 3247904"/>
                  <a:gd name="connsiteY26" fmla="*/ 555596 h 1089682"/>
                  <a:gd name="connsiteX27" fmla="*/ 2925593 w 3247904"/>
                  <a:gd name="connsiteY27" fmla="*/ 439059 h 1089682"/>
                  <a:gd name="connsiteX28" fmla="*/ 3148192 w 3247904"/>
                  <a:gd name="connsiteY28" fmla="*/ 430555 h 1089682"/>
                  <a:gd name="connsiteX29" fmla="*/ 3247904 w 3247904"/>
                  <a:gd name="connsiteY29" fmla="*/ 344379 h 1089682"/>
                  <a:gd name="connsiteX30" fmla="*/ 3223791 w 3247904"/>
                  <a:gd name="connsiteY30" fmla="*/ 183224 h 1089682"/>
                  <a:gd name="connsiteX31" fmla="*/ 3178274 w 3247904"/>
                  <a:gd name="connsiteY31" fmla="*/ 18008 h 1089682"/>
                  <a:gd name="connsiteX32" fmla="*/ 3100480 w 3247904"/>
                  <a:gd name="connsiteY32" fmla="*/ 38026 h 1089682"/>
                  <a:gd name="connsiteX33" fmla="*/ 2995449 w 3247904"/>
                  <a:gd name="connsiteY33" fmla="*/ 826 h 1089682"/>
                  <a:gd name="connsiteX34" fmla="*/ 2949905 w 3247904"/>
                  <a:gd name="connsiteY34" fmla="*/ 72748 h 1089682"/>
                  <a:gd name="connsiteX35" fmla="*/ 2841130 w 3247904"/>
                  <a:gd name="connsiteY35" fmla="*/ 137555 h 1089682"/>
                  <a:gd name="connsiteX36" fmla="*/ 2715721 w 3247904"/>
                  <a:gd name="connsiteY36" fmla="*/ 167128 h 1089682"/>
                  <a:gd name="connsiteX37" fmla="*/ 2634486 w 3247904"/>
                  <a:gd name="connsiteY37" fmla="*/ 253797 h 1089682"/>
                  <a:gd name="connsiteX38" fmla="*/ 2611332 w 3247904"/>
                  <a:gd name="connsiteY38" fmla="*/ 358576 h 1089682"/>
                  <a:gd name="connsiteX39" fmla="*/ 2523400 w 3247904"/>
                  <a:gd name="connsiteY39" fmla="*/ 435255 h 1089682"/>
                  <a:gd name="connsiteX40" fmla="*/ 2387172 w 3247904"/>
                  <a:gd name="connsiteY40" fmla="*/ 424127 h 1089682"/>
                  <a:gd name="connsiteX41" fmla="*/ 2277242 w 3247904"/>
                  <a:gd name="connsiteY41" fmla="*/ 385170 h 1089682"/>
                  <a:gd name="connsiteX42" fmla="*/ 2129529 w 3247904"/>
                  <a:gd name="connsiteY42" fmla="*/ 364765 h 1089682"/>
                  <a:gd name="connsiteX43" fmla="*/ 2035158 w 3247904"/>
                  <a:gd name="connsiteY43" fmla="*/ 463898 h 1089682"/>
                  <a:gd name="connsiteX44" fmla="*/ 1984846 w 3247904"/>
                  <a:gd name="connsiteY44" fmla="*/ 549833 h 1089682"/>
                  <a:gd name="connsiteX45" fmla="*/ 1881700 w 3247904"/>
                  <a:gd name="connsiteY45" fmla="*/ 601767 h 1089682"/>
                  <a:gd name="connsiteX46" fmla="*/ 1776249 w 3247904"/>
                  <a:gd name="connsiteY46" fmla="*/ 564881 h 1089682"/>
                  <a:gd name="connsiteX47" fmla="*/ 1706180 w 3247904"/>
                  <a:gd name="connsiteY47" fmla="*/ 533350 h 1089682"/>
                  <a:gd name="connsiteX48" fmla="*/ 1625223 w 3247904"/>
                  <a:gd name="connsiteY48" fmla="*/ 523904 h 1089682"/>
                  <a:gd name="connsiteX49" fmla="*/ 1523654 w 3247904"/>
                  <a:gd name="connsiteY49" fmla="*/ 588986 h 1089682"/>
                  <a:gd name="connsiteX50" fmla="*/ 1382600 w 3247904"/>
                  <a:gd name="connsiteY50" fmla="*/ 627525 h 1089682"/>
                  <a:gd name="connsiteX51" fmla="*/ 1275255 w 3247904"/>
                  <a:gd name="connsiteY51" fmla="*/ 570851 h 1089682"/>
                  <a:gd name="connsiteX52" fmla="*/ 1212824 w 3247904"/>
                  <a:gd name="connsiteY52" fmla="*/ 497896 h 1089682"/>
                  <a:gd name="connsiteX53" fmla="*/ 1145628 w 3247904"/>
                  <a:gd name="connsiteY53" fmla="*/ 417735 h 1089682"/>
                  <a:gd name="connsiteX54" fmla="*/ 1087331 w 3247904"/>
                  <a:gd name="connsiteY54" fmla="*/ 341278 h 1089682"/>
                  <a:gd name="connsiteX55" fmla="*/ 939208 w 3247904"/>
                  <a:gd name="connsiteY55" fmla="*/ 427212 h 1089682"/>
                  <a:gd name="connsiteX56" fmla="*/ 781207 w 3247904"/>
                  <a:gd name="connsiteY56" fmla="*/ 434835 h 1089682"/>
                  <a:gd name="connsiteX57" fmla="*/ 654515 w 3247904"/>
                  <a:gd name="connsiteY57" fmla="*/ 369922 h 1089682"/>
                  <a:gd name="connsiteX58" fmla="*/ 606097 w 3247904"/>
                  <a:gd name="connsiteY58" fmla="*/ 281102 h 1089682"/>
                  <a:gd name="connsiteX59" fmla="*/ 581573 w 3247904"/>
                  <a:gd name="connsiteY59" fmla="*/ 214535 h 1089682"/>
                  <a:gd name="connsiteX60" fmla="*/ 527760 w 3247904"/>
                  <a:gd name="connsiteY60" fmla="*/ 160332 h 1089682"/>
                  <a:gd name="connsiteX61" fmla="*/ 377395 w 3247904"/>
                  <a:gd name="connsiteY61" fmla="*/ 104895 h 1089682"/>
                  <a:gd name="connsiteX62" fmla="*/ 278036 w 3247904"/>
                  <a:gd name="connsiteY62" fmla="*/ 119527 h 1089682"/>
                  <a:gd name="connsiteX63" fmla="*/ 180571 w 3247904"/>
                  <a:gd name="connsiteY63" fmla="*/ 48222 h 1089682"/>
                  <a:gd name="connsiteX64" fmla="*/ 74787 w 3247904"/>
                  <a:gd name="connsiteY64" fmla="*/ 44746 h 1089682"/>
                  <a:gd name="connsiteX65" fmla="*/ 38538 w 3247904"/>
                  <a:gd name="connsiteY65" fmla="*/ 77901 h 1089682"/>
                  <a:gd name="connsiteX66" fmla="*/ 25597 w 3247904"/>
                  <a:gd name="connsiteY66" fmla="*/ 136736 h 1089682"/>
                  <a:gd name="connsiteX67" fmla="*/ 0 w 3247904"/>
                  <a:gd name="connsiteY67" fmla="*/ 232053 h 1089682"/>
                  <a:gd name="connsiteX68" fmla="*/ 4190 w 3247904"/>
                  <a:gd name="connsiteY68" fmla="*/ 319563 h 1089682"/>
                  <a:gd name="connsiteX0" fmla="*/ 4190 w 3247904"/>
                  <a:gd name="connsiteY0" fmla="*/ 319158 h 1089277"/>
                  <a:gd name="connsiteX1" fmla="*/ 129132 w 3247904"/>
                  <a:gd name="connsiteY1" fmla="*/ 385587 h 1089277"/>
                  <a:gd name="connsiteX2" fmla="*/ 218655 w 3247904"/>
                  <a:gd name="connsiteY2" fmla="*/ 430978 h 1089277"/>
                  <a:gd name="connsiteX3" fmla="*/ 346843 w 3247904"/>
                  <a:gd name="connsiteY3" fmla="*/ 429690 h 1089277"/>
                  <a:gd name="connsiteX4" fmla="*/ 434428 w 3247904"/>
                  <a:gd name="connsiteY4" fmla="*/ 553547 h 1089277"/>
                  <a:gd name="connsiteX5" fmla="*/ 557049 w 3247904"/>
                  <a:gd name="connsiteY5" fmla="*/ 648558 h 1089277"/>
                  <a:gd name="connsiteX6" fmla="*/ 760250 w 3247904"/>
                  <a:gd name="connsiteY6" fmla="*/ 704195 h 1089277"/>
                  <a:gd name="connsiteX7" fmla="*/ 959946 w 3247904"/>
                  <a:gd name="connsiteY7" fmla="*/ 681325 h 1089277"/>
                  <a:gd name="connsiteX8" fmla="*/ 1059305 w 3247904"/>
                  <a:gd name="connsiteY8" fmla="*/ 734074 h 1089277"/>
                  <a:gd name="connsiteX9" fmla="*/ 1156138 w 3247904"/>
                  <a:gd name="connsiteY9" fmla="*/ 771179 h 1089277"/>
                  <a:gd name="connsiteX10" fmla="*/ 1183523 w 3247904"/>
                  <a:gd name="connsiteY10" fmla="*/ 860773 h 1089277"/>
                  <a:gd name="connsiteX11" fmla="*/ 1320157 w 3247904"/>
                  <a:gd name="connsiteY11" fmla="*/ 943005 h 1089277"/>
                  <a:gd name="connsiteX12" fmla="*/ 1411318 w 3247904"/>
                  <a:gd name="connsiteY12" fmla="*/ 1007405 h 1089277"/>
                  <a:gd name="connsiteX13" fmla="*/ 1473594 w 3247904"/>
                  <a:gd name="connsiteY13" fmla="*/ 1061455 h 1089277"/>
                  <a:gd name="connsiteX14" fmla="*/ 1584231 w 3247904"/>
                  <a:gd name="connsiteY14" fmla="*/ 1089277 h 1089277"/>
                  <a:gd name="connsiteX15" fmla="*/ 1744370 w 3247904"/>
                  <a:gd name="connsiteY15" fmla="*/ 1016002 h 1089277"/>
                  <a:gd name="connsiteX16" fmla="*/ 1846317 w 3247904"/>
                  <a:gd name="connsiteY16" fmla="*/ 949855 h 1089277"/>
                  <a:gd name="connsiteX17" fmla="*/ 1946941 w 3247904"/>
                  <a:gd name="connsiteY17" fmla="*/ 892147 h 1089277"/>
                  <a:gd name="connsiteX18" fmla="*/ 2010064 w 3247904"/>
                  <a:gd name="connsiteY18" fmla="*/ 851957 h 1089277"/>
                  <a:gd name="connsiteX19" fmla="*/ 2113376 w 3247904"/>
                  <a:gd name="connsiteY19" fmla="*/ 804982 h 1089277"/>
                  <a:gd name="connsiteX20" fmla="*/ 2195055 w 3247904"/>
                  <a:gd name="connsiteY20" fmla="*/ 719861 h 1089277"/>
                  <a:gd name="connsiteX21" fmla="*/ 2257546 w 3247904"/>
                  <a:gd name="connsiteY21" fmla="*/ 691416 h 1089277"/>
                  <a:gd name="connsiteX22" fmla="*/ 2315789 w 3247904"/>
                  <a:gd name="connsiteY22" fmla="*/ 671839 h 1089277"/>
                  <a:gd name="connsiteX23" fmla="*/ 2423756 w 3247904"/>
                  <a:gd name="connsiteY23" fmla="*/ 726450 h 1089277"/>
                  <a:gd name="connsiteX24" fmla="*/ 2523398 w 3247904"/>
                  <a:gd name="connsiteY24" fmla="*/ 704197 h 1089277"/>
                  <a:gd name="connsiteX25" fmla="*/ 2635161 w 3247904"/>
                  <a:gd name="connsiteY25" fmla="*/ 651444 h 1089277"/>
                  <a:gd name="connsiteX26" fmla="*/ 2768796 w 3247904"/>
                  <a:gd name="connsiteY26" fmla="*/ 555191 h 1089277"/>
                  <a:gd name="connsiteX27" fmla="*/ 2925593 w 3247904"/>
                  <a:gd name="connsiteY27" fmla="*/ 438654 h 1089277"/>
                  <a:gd name="connsiteX28" fmla="*/ 3148192 w 3247904"/>
                  <a:gd name="connsiteY28" fmla="*/ 430150 h 1089277"/>
                  <a:gd name="connsiteX29" fmla="*/ 3247904 w 3247904"/>
                  <a:gd name="connsiteY29" fmla="*/ 343974 h 1089277"/>
                  <a:gd name="connsiteX30" fmla="*/ 3223791 w 3247904"/>
                  <a:gd name="connsiteY30" fmla="*/ 182819 h 1089277"/>
                  <a:gd name="connsiteX31" fmla="*/ 3178274 w 3247904"/>
                  <a:gd name="connsiteY31" fmla="*/ 17603 h 1089277"/>
                  <a:gd name="connsiteX32" fmla="*/ 3100480 w 3247904"/>
                  <a:gd name="connsiteY32" fmla="*/ 37621 h 1089277"/>
                  <a:gd name="connsiteX33" fmla="*/ 2995449 w 3247904"/>
                  <a:gd name="connsiteY33" fmla="*/ 421 h 1089277"/>
                  <a:gd name="connsiteX34" fmla="*/ 2941540 w 3247904"/>
                  <a:gd name="connsiteY34" fmla="*/ 61006 h 1089277"/>
                  <a:gd name="connsiteX35" fmla="*/ 2841130 w 3247904"/>
                  <a:gd name="connsiteY35" fmla="*/ 137150 h 1089277"/>
                  <a:gd name="connsiteX36" fmla="*/ 2715721 w 3247904"/>
                  <a:gd name="connsiteY36" fmla="*/ 166723 h 1089277"/>
                  <a:gd name="connsiteX37" fmla="*/ 2634486 w 3247904"/>
                  <a:gd name="connsiteY37" fmla="*/ 253392 h 1089277"/>
                  <a:gd name="connsiteX38" fmla="*/ 2611332 w 3247904"/>
                  <a:gd name="connsiteY38" fmla="*/ 358171 h 1089277"/>
                  <a:gd name="connsiteX39" fmla="*/ 2523400 w 3247904"/>
                  <a:gd name="connsiteY39" fmla="*/ 434850 h 1089277"/>
                  <a:gd name="connsiteX40" fmla="*/ 2387172 w 3247904"/>
                  <a:gd name="connsiteY40" fmla="*/ 423722 h 1089277"/>
                  <a:gd name="connsiteX41" fmla="*/ 2277242 w 3247904"/>
                  <a:gd name="connsiteY41" fmla="*/ 384765 h 1089277"/>
                  <a:gd name="connsiteX42" fmla="*/ 2129529 w 3247904"/>
                  <a:gd name="connsiteY42" fmla="*/ 364360 h 1089277"/>
                  <a:gd name="connsiteX43" fmla="*/ 2035158 w 3247904"/>
                  <a:gd name="connsiteY43" fmla="*/ 463493 h 1089277"/>
                  <a:gd name="connsiteX44" fmla="*/ 1984846 w 3247904"/>
                  <a:gd name="connsiteY44" fmla="*/ 549428 h 1089277"/>
                  <a:gd name="connsiteX45" fmla="*/ 1881700 w 3247904"/>
                  <a:gd name="connsiteY45" fmla="*/ 601362 h 1089277"/>
                  <a:gd name="connsiteX46" fmla="*/ 1776249 w 3247904"/>
                  <a:gd name="connsiteY46" fmla="*/ 564476 h 1089277"/>
                  <a:gd name="connsiteX47" fmla="*/ 1706180 w 3247904"/>
                  <a:gd name="connsiteY47" fmla="*/ 532945 h 1089277"/>
                  <a:gd name="connsiteX48" fmla="*/ 1625223 w 3247904"/>
                  <a:gd name="connsiteY48" fmla="*/ 523499 h 1089277"/>
                  <a:gd name="connsiteX49" fmla="*/ 1523654 w 3247904"/>
                  <a:gd name="connsiteY49" fmla="*/ 588581 h 1089277"/>
                  <a:gd name="connsiteX50" fmla="*/ 1382600 w 3247904"/>
                  <a:gd name="connsiteY50" fmla="*/ 627120 h 1089277"/>
                  <a:gd name="connsiteX51" fmla="*/ 1275255 w 3247904"/>
                  <a:gd name="connsiteY51" fmla="*/ 570446 h 1089277"/>
                  <a:gd name="connsiteX52" fmla="*/ 1212824 w 3247904"/>
                  <a:gd name="connsiteY52" fmla="*/ 497491 h 1089277"/>
                  <a:gd name="connsiteX53" fmla="*/ 1145628 w 3247904"/>
                  <a:gd name="connsiteY53" fmla="*/ 417330 h 1089277"/>
                  <a:gd name="connsiteX54" fmla="*/ 1087331 w 3247904"/>
                  <a:gd name="connsiteY54" fmla="*/ 340873 h 1089277"/>
                  <a:gd name="connsiteX55" fmla="*/ 939208 w 3247904"/>
                  <a:gd name="connsiteY55" fmla="*/ 426807 h 1089277"/>
                  <a:gd name="connsiteX56" fmla="*/ 781207 w 3247904"/>
                  <a:gd name="connsiteY56" fmla="*/ 434430 h 1089277"/>
                  <a:gd name="connsiteX57" fmla="*/ 654515 w 3247904"/>
                  <a:gd name="connsiteY57" fmla="*/ 369517 h 1089277"/>
                  <a:gd name="connsiteX58" fmla="*/ 606097 w 3247904"/>
                  <a:gd name="connsiteY58" fmla="*/ 280697 h 1089277"/>
                  <a:gd name="connsiteX59" fmla="*/ 581573 w 3247904"/>
                  <a:gd name="connsiteY59" fmla="*/ 214130 h 1089277"/>
                  <a:gd name="connsiteX60" fmla="*/ 527760 w 3247904"/>
                  <a:gd name="connsiteY60" fmla="*/ 159927 h 1089277"/>
                  <a:gd name="connsiteX61" fmla="*/ 377395 w 3247904"/>
                  <a:gd name="connsiteY61" fmla="*/ 104490 h 1089277"/>
                  <a:gd name="connsiteX62" fmla="*/ 278036 w 3247904"/>
                  <a:gd name="connsiteY62" fmla="*/ 119122 h 1089277"/>
                  <a:gd name="connsiteX63" fmla="*/ 180571 w 3247904"/>
                  <a:gd name="connsiteY63" fmla="*/ 47817 h 1089277"/>
                  <a:gd name="connsiteX64" fmla="*/ 74787 w 3247904"/>
                  <a:gd name="connsiteY64" fmla="*/ 44341 h 1089277"/>
                  <a:gd name="connsiteX65" fmla="*/ 38538 w 3247904"/>
                  <a:gd name="connsiteY65" fmla="*/ 77496 h 1089277"/>
                  <a:gd name="connsiteX66" fmla="*/ 25597 w 3247904"/>
                  <a:gd name="connsiteY66" fmla="*/ 136331 h 1089277"/>
                  <a:gd name="connsiteX67" fmla="*/ 0 w 3247904"/>
                  <a:gd name="connsiteY67" fmla="*/ 231648 h 1089277"/>
                  <a:gd name="connsiteX68" fmla="*/ 4190 w 3247904"/>
                  <a:gd name="connsiteY68" fmla="*/ 319158 h 108927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23654 w 3247904"/>
                  <a:gd name="connsiteY49" fmla="*/ 588371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4190 w 3247904"/>
                  <a:gd name="connsiteY0" fmla="*/ 318948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4190 w 3247904"/>
                  <a:gd name="connsiteY68" fmla="*/ 318948 h 1089067"/>
                  <a:gd name="connsiteX0" fmla="*/ 944 w 3247904"/>
                  <a:gd name="connsiteY0" fmla="*/ 368447 h 1089067"/>
                  <a:gd name="connsiteX1" fmla="*/ 129132 w 3247904"/>
                  <a:gd name="connsiteY1" fmla="*/ 385377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944 w 3247904"/>
                  <a:gd name="connsiteY68" fmla="*/ 368447 h 1089067"/>
                  <a:gd name="connsiteX0" fmla="*/ 944 w 3247904"/>
                  <a:gd name="connsiteY0" fmla="*/ 368447 h 1089067"/>
                  <a:gd name="connsiteX1" fmla="*/ 129132 w 3247904"/>
                  <a:gd name="connsiteY1" fmla="*/ 398576 h 1089067"/>
                  <a:gd name="connsiteX2" fmla="*/ 218655 w 3247904"/>
                  <a:gd name="connsiteY2" fmla="*/ 430768 h 1089067"/>
                  <a:gd name="connsiteX3" fmla="*/ 346843 w 3247904"/>
                  <a:gd name="connsiteY3" fmla="*/ 429480 h 1089067"/>
                  <a:gd name="connsiteX4" fmla="*/ 434428 w 3247904"/>
                  <a:gd name="connsiteY4" fmla="*/ 553337 h 1089067"/>
                  <a:gd name="connsiteX5" fmla="*/ 557049 w 3247904"/>
                  <a:gd name="connsiteY5" fmla="*/ 648348 h 1089067"/>
                  <a:gd name="connsiteX6" fmla="*/ 760250 w 3247904"/>
                  <a:gd name="connsiteY6" fmla="*/ 703985 h 1089067"/>
                  <a:gd name="connsiteX7" fmla="*/ 959946 w 3247904"/>
                  <a:gd name="connsiteY7" fmla="*/ 681115 h 1089067"/>
                  <a:gd name="connsiteX8" fmla="*/ 1059305 w 3247904"/>
                  <a:gd name="connsiteY8" fmla="*/ 733864 h 1089067"/>
                  <a:gd name="connsiteX9" fmla="*/ 1156138 w 3247904"/>
                  <a:gd name="connsiteY9" fmla="*/ 770969 h 1089067"/>
                  <a:gd name="connsiteX10" fmla="*/ 1183523 w 3247904"/>
                  <a:gd name="connsiteY10" fmla="*/ 860563 h 1089067"/>
                  <a:gd name="connsiteX11" fmla="*/ 1320157 w 3247904"/>
                  <a:gd name="connsiteY11" fmla="*/ 942795 h 1089067"/>
                  <a:gd name="connsiteX12" fmla="*/ 1411318 w 3247904"/>
                  <a:gd name="connsiteY12" fmla="*/ 1007195 h 1089067"/>
                  <a:gd name="connsiteX13" fmla="*/ 1473594 w 3247904"/>
                  <a:gd name="connsiteY13" fmla="*/ 1061245 h 1089067"/>
                  <a:gd name="connsiteX14" fmla="*/ 1584231 w 3247904"/>
                  <a:gd name="connsiteY14" fmla="*/ 1089067 h 1089067"/>
                  <a:gd name="connsiteX15" fmla="*/ 1744370 w 3247904"/>
                  <a:gd name="connsiteY15" fmla="*/ 1015792 h 1089067"/>
                  <a:gd name="connsiteX16" fmla="*/ 1846317 w 3247904"/>
                  <a:gd name="connsiteY16" fmla="*/ 949645 h 1089067"/>
                  <a:gd name="connsiteX17" fmla="*/ 1946941 w 3247904"/>
                  <a:gd name="connsiteY17" fmla="*/ 891937 h 1089067"/>
                  <a:gd name="connsiteX18" fmla="*/ 2010064 w 3247904"/>
                  <a:gd name="connsiteY18" fmla="*/ 851747 h 1089067"/>
                  <a:gd name="connsiteX19" fmla="*/ 2113376 w 3247904"/>
                  <a:gd name="connsiteY19" fmla="*/ 804772 h 1089067"/>
                  <a:gd name="connsiteX20" fmla="*/ 2195055 w 3247904"/>
                  <a:gd name="connsiteY20" fmla="*/ 719651 h 1089067"/>
                  <a:gd name="connsiteX21" fmla="*/ 2257546 w 3247904"/>
                  <a:gd name="connsiteY21" fmla="*/ 691206 h 1089067"/>
                  <a:gd name="connsiteX22" fmla="*/ 2315789 w 3247904"/>
                  <a:gd name="connsiteY22" fmla="*/ 671629 h 1089067"/>
                  <a:gd name="connsiteX23" fmla="*/ 2423756 w 3247904"/>
                  <a:gd name="connsiteY23" fmla="*/ 726240 h 1089067"/>
                  <a:gd name="connsiteX24" fmla="*/ 2523398 w 3247904"/>
                  <a:gd name="connsiteY24" fmla="*/ 703987 h 1089067"/>
                  <a:gd name="connsiteX25" fmla="*/ 2635161 w 3247904"/>
                  <a:gd name="connsiteY25" fmla="*/ 651234 h 1089067"/>
                  <a:gd name="connsiteX26" fmla="*/ 2768796 w 3247904"/>
                  <a:gd name="connsiteY26" fmla="*/ 554981 h 1089067"/>
                  <a:gd name="connsiteX27" fmla="*/ 2925593 w 3247904"/>
                  <a:gd name="connsiteY27" fmla="*/ 438444 h 1089067"/>
                  <a:gd name="connsiteX28" fmla="*/ 3148192 w 3247904"/>
                  <a:gd name="connsiteY28" fmla="*/ 429940 h 1089067"/>
                  <a:gd name="connsiteX29" fmla="*/ 3247904 w 3247904"/>
                  <a:gd name="connsiteY29" fmla="*/ 343764 h 1089067"/>
                  <a:gd name="connsiteX30" fmla="*/ 3223791 w 3247904"/>
                  <a:gd name="connsiteY30" fmla="*/ 182609 h 1089067"/>
                  <a:gd name="connsiteX31" fmla="*/ 3178274 w 3247904"/>
                  <a:gd name="connsiteY31" fmla="*/ 17393 h 1089067"/>
                  <a:gd name="connsiteX32" fmla="*/ 3089327 w 3247904"/>
                  <a:gd name="connsiteY32" fmla="*/ 43079 h 1089067"/>
                  <a:gd name="connsiteX33" fmla="*/ 2995449 w 3247904"/>
                  <a:gd name="connsiteY33" fmla="*/ 211 h 1089067"/>
                  <a:gd name="connsiteX34" fmla="*/ 2941540 w 3247904"/>
                  <a:gd name="connsiteY34" fmla="*/ 60796 h 1089067"/>
                  <a:gd name="connsiteX35" fmla="*/ 2841130 w 3247904"/>
                  <a:gd name="connsiteY35" fmla="*/ 136940 h 1089067"/>
                  <a:gd name="connsiteX36" fmla="*/ 2715721 w 3247904"/>
                  <a:gd name="connsiteY36" fmla="*/ 166513 h 1089067"/>
                  <a:gd name="connsiteX37" fmla="*/ 2634486 w 3247904"/>
                  <a:gd name="connsiteY37" fmla="*/ 253182 h 1089067"/>
                  <a:gd name="connsiteX38" fmla="*/ 2611332 w 3247904"/>
                  <a:gd name="connsiteY38" fmla="*/ 357961 h 1089067"/>
                  <a:gd name="connsiteX39" fmla="*/ 2523400 w 3247904"/>
                  <a:gd name="connsiteY39" fmla="*/ 434640 h 1089067"/>
                  <a:gd name="connsiteX40" fmla="*/ 2387172 w 3247904"/>
                  <a:gd name="connsiteY40" fmla="*/ 423512 h 1089067"/>
                  <a:gd name="connsiteX41" fmla="*/ 2277242 w 3247904"/>
                  <a:gd name="connsiteY41" fmla="*/ 384555 h 1089067"/>
                  <a:gd name="connsiteX42" fmla="*/ 2129529 w 3247904"/>
                  <a:gd name="connsiteY42" fmla="*/ 364150 h 1089067"/>
                  <a:gd name="connsiteX43" fmla="*/ 2035158 w 3247904"/>
                  <a:gd name="connsiteY43" fmla="*/ 463283 h 1089067"/>
                  <a:gd name="connsiteX44" fmla="*/ 1984846 w 3247904"/>
                  <a:gd name="connsiteY44" fmla="*/ 549218 h 1089067"/>
                  <a:gd name="connsiteX45" fmla="*/ 1881700 w 3247904"/>
                  <a:gd name="connsiteY45" fmla="*/ 601152 h 1089067"/>
                  <a:gd name="connsiteX46" fmla="*/ 1776249 w 3247904"/>
                  <a:gd name="connsiteY46" fmla="*/ 564266 h 1089067"/>
                  <a:gd name="connsiteX47" fmla="*/ 1706180 w 3247904"/>
                  <a:gd name="connsiteY47" fmla="*/ 532735 h 1089067"/>
                  <a:gd name="connsiteX48" fmla="*/ 1625223 w 3247904"/>
                  <a:gd name="connsiteY48" fmla="*/ 523289 h 1089067"/>
                  <a:gd name="connsiteX49" fmla="*/ 1506924 w 3247904"/>
                  <a:gd name="connsiteY49" fmla="*/ 591205 h 1089067"/>
                  <a:gd name="connsiteX50" fmla="*/ 1382600 w 3247904"/>
                  <a:gd name="connsiteY50" fmla="*/ 626910 h 1089067"/>
                  <a:gd name="connsiteX51" fmla="*/ 1275255 w 3247904"/>
                  <a:gd name="connsiteY51" fmla="*/ 570236 h 1089067"/>
                  <a:gd name="connsiteX52" fmla="*/ 1212824 w 3247904"/>
                  <a:gd name="connsiteY52" fmla="*/ 497281 h 1089067"/>
                  <a:gd name="connsiteX53" fmla="*/ 1145628 w 3247904"/>
                  <a:gd name="connsiteY53" fmla="*/ 417120 h 1089067"/>
                  <a:gd name="connsiteX54" fmla="*/ 1087331 w 3247904"/>
                  <a:gd name="connsiteY54" fmla="*/ 340663 h 1089067"/>
                  <a:gd name="connsiteX55" fmla="*/ 939208 w 3247904"/>
                  <a:gd name="connsiteY55" fmla="*/ 426597 h 1089067"/>
                  <a:gd name="connsiteX56" fmla="*/ 781207 w 3247904"/>
                  <a:gd name="connsiteY56" fmla="*/ 434220 h 1089067"/>
                  <a:gd name="connsiteX57" fmla="*/ 654515 w 3247904"/>
                  <a:gd name="connsiteY57" fmla="*/ 369307 h 1089067"/>
                  <a:gd name="connsiteX58" fmla="*/ 606097 w 3247904"/>
                  <a:gd name="connsiteY58" fmla="*/ 280487 h 1089067"/>
                  <a:gd name="connsiteX59" fmla="*/ 581573 w 3247904"/>
                  <a:gd name="connsiteY59" fmla="*/ 213920 h 1089067"/>
                  <a:gd name="connsiteX60" fmla="*/ 527760 w 3247904"/>
                  <a:gd name="connsiteY60" fmla="*/ 159717 h 1089067"/>
                  <a:gd name="connsiteX61" fmla="*/ 377395 w 3247904"/>
                  <a:gd name="connsiteY61" fmla="*/ 104280 h 1089067"/>
                  <a:gd name="connsiteX62" fmla="*/ 278036 w 3247904"/>
                  <a:gd name="connsiteY62" fmla="*/ 118912 h 1089067"/>
                  <a:gd name="connsiteX63" fmla="*/ 180571 w 3247904"/>
                  <a:gd name="connsiteY63" fmla="*/ 47607 h 1089067"/>
                  <a:gd name="connsiteX64" fmla="*/ 74787 w 3247904"/>
                  <a:gd name="connsiteY64" fmla="*/ 44131 h 1089067"/>
                  <a:gd name="connsiteX65" fmla="*/ 38538 w 3247904"/>
                  <a:gd name="connsiteY65" fmla="*/ 77286 h 1089067"/>
                  <a:gd name="connsiteX66" fmla="*/ 25597 w 3247904"/>
                  <a:gd name="connsiteY66" fmla="*/ 136121 h 1089067"/>
                  <a:gd name="connsiteX67" fmla="*/ 0 w 3247904"/>
                  <a:gd name="connsiteY67" fmla="*/ 231438 h 1089067"/>
                  <a:gd name="connsiteX68" fmla="*/ 944 w 3247904"/>
                  <a:gd name="connsiteY68" fmla="*/ 368447 h 1089067"/>
                  <a:gd name="connsiteX0" fmla="*/ 944 w 3247904"/>
                  <a:gd name="connsiteY0" fmla="*/ 368447 h 1089067"/>
                  <a:gd name="connsiteX1" fmla="*/ 70436 w 3247904"/>
                  <a:gd name="connsiteY1" fmla="*/ 366002 h 1089067"/>
                  <a:gd name="connsiteX2" fmla="*/ 129132 w 3247904"/>
                  <a:gd name="connsiteY2" fmla="*/ 398576 h 1089067"/>
                  <a:gd name="connsiteX3" fmla="*/ 218655 w 3247904"/>
                  <a:gd name="connsiteY3" fmla="*/ 430768 h 1089067"/>
                  <a:gd name="connsiteX4" fmla="*/ 346843 w 3247904"/>
                  <a:gd name="connsiteY4" fmla="*/ 429480 h 1089067"/>
                  <a:gd name="connsiteX5" fmla="*/ 434428 w 3247904"/>
                  <a:gd name="connsiteY5" fmla="*/ 553337 h 1089067"/>
                  <a:gd name="connsiteX6" fmla="*/ 557049 w 3247904"/>
                  <a:gd name="connsiteY6" fmla="*/ 648348 h 1089067"/>
                  <a:gd name="connsiteX7" fmla="*/ 760250 w 3247904"/>
                  <a:gd name="connsiteY7" fmla="*/ 703985 h 1089067"/>
                  <a:gd name="connsiteX8" fmla="*/ 959946 w 3247904"/>
                  <a:gd name="connsiteY8" fmla="*/ 681115 h 1089067"/>
                  <a:gd name="connsiteX9" fmla="*/ 1059305 w 3247904"/>
                  <a:gd name="connsiteY9" fmla="*/ 733864 h 1089067"/>
                  <a:gd name="connsiteX10" fmla="*/ 1156138 w 3247904"/>
                  <a:gd name="connsiteY10" fmla="*/ 770969 h 1089067"/>
                  <a:gd name="connsiteX11" fmla="*/ 1183523 w 3247904"/>
                  <a:gd name="connsiteY11" fmla="*/ 860563 h 1089067"/>
                  <a:gd name="connsiteX12" fmla="*/ 1320157 w 3247904"/>
                  <a:gd name="connsiteY12" fmla="*/ 942795 h 1089067"/>
                  <a:gd name="connsiteX13" fmla="*/ 1411318 w 3247904"/>
                  <a:gd name="connsiteY13" fmla="*/ 1007195 h 1089067"/>
                  <a:gd name="connsiteX14" fmla="*/ 1473594 w 3247904"/>
                  <a:gd name="connsiteY14" fmla="*/ 1061245 h 1089067"/>
                  <a:gd name="connsiteX15" fmla="*/ 1584231 w 3247904"/>
                  <a:gd name="connsiteY15" fmla="*/ 1089067 h 1089067"/>
                  <a:gd name="connsiteX16" fmla="*/ 1744370 w 3247904"/>
                  <a:gd name="connsiteY16" fmla="*/ 1015792 h 1089067"/>
                  <a:gd name="connsiteX17" fmla="*/ 1846317 w 3247904"/>
                  <a:gd name="connsiteY17" fmla="*/ 949645 h 1089067"/>
                  <a:gd name="connsiteX18" fmla="*/ 1946941 w 3247904"/>
                  <a:gd name="connsiteY18" fmla="*/ 891937 h 1089067"/>
                  <a:gd name="connsiteX19" fmla="*/ 2010064 w 3247904"/>
                  <a:gd name="connsiteY19" fmla="*/ 851747 h 1089067"/>
                  <a:gd name="connsiteX20" fmla="*/ 2113376 w 3247904"/>
                  <a:gd name="connsiteY20" fmla="*/ 804772 h 1089067"/>
                  <a:gd name="connsiteX21" fmla="*/ 2195055 w 3247904"/>
                  <a:gd name="connsiteY21" fmla="*/ 719651 h 1089067"/>
                  <a:gd name="connsiteX22" fmla="*/ 2257546 w 3247904"/>
                  <a:gd name="connsiteY22" fmla="*/ 691206 h 1089067"/>
                  <a:gd name="connsiteX23" fmla="*/ 2315789 w 3247904"/>
                  <a:gd name="connsiteY23" fmla="*/ 671629 h 1089067"/>
                  <a:gd name="connsiteX24" fmla="*/ 2423756 w 3247904"/>
                  <a:gd name="connsiteY24" fmla="*/ 726240 h 1089067"/>
                  <a:gd name="connsiteX25" fmla="*/ 2523398 w 3247904"/>
                  <a:gd name="connsiteY25" fmla="*/ 703987 h 1089067"/>
                  <a:gd name="connsiteX26" fmla="*/ 2635161 w 3247904"/>
                  <a:gd name="connsiteY26" fmla="*/ 651234 h 1089067"/>
                  <a:gd name="connsiteX27" fmla="*/ 2768796 w 3247904"/>
                  <a:gd name="connsiteY27" fmla="*/ 554981 h 1089067"/>
                  <a:gd name="connsiteX28" fmla="*/ 2925593 w 3247904"/>
                  <a:gd name="connsiteY28" fmla="*/ 438444 h 1089067"/>
                  <a:gd name="connsiteX29" fmla="*/ 3148192 w 3247904"/>
                  <a:gd name="connsiteY29" fmla="*/ 429940 h 1089067"/>
                  <a:gd name="connsiteX30" fmla="*/ 3247904 w 3247904"/>
                  <a:gd name="connsiteY30" fmla="*/ 343764 h 1089067"/>
                  <a:gd name="connsiteX31" fmla="*/ 3223791 w 3247904"/>
                  <a:gd name="connsiteY31" fmla="*/ 182609 h 1089067"/>
                  <a:gd name="connsiteX32" fmla="*/ 3178274 w 3247904"/>
                  <a:gd name="connsiteY32" fmla="*/ 17393 h 1089067"/>
                  <a:gd name="connsiteX33" fmla="*/ 3089327 w 3247904"/>
                  <a:gd name="connsiteY33" fmla="*/ 43079 h 1089067"/>
                  <a:gd name="connsiteX34" fmla="*/ 2995449 w 3247904"/>
                  <a:gd name="connsiteY34" fmla="*/ 211 h 1089067"/>
                  <a:gd name="connsiteX35" fmla="*/ 2941540 w 3247904"/>
                  <a:gd name="connsiteY35" fmla="*/ 60796 h 1089067"/>
                  <a:gd name="connsiteX36" fmla="*/ 2841130 w 3247904"/>
                  <a:gd name="connsiteY36" fmla="*/ 136940 h 1089067"/>
                  <a:gd name="connsiteX37" fmla="*/ 2715721 w 3247904"/>
                  <a:gd name="connsiteY37" fmla="*/ 166513 h 1089067"/>
                  <a:gd name="connsiteX38" fmla="*/ 2634486 w 3247904"/>
                  <a:gd name="connsiteY38" fmla="*/ 253182 h 1089067"/>
                  <a:gd name="connsiteX39" fmla="*/ 2611332 w 3247904"/>
                  <a:gd name="connsiteY39" fmla="*/ 357961 h 1089067"/>
                  <a:gd name="connsiteX40" fmla="*/ 2523400 w 3247904"/>
                  <a:gd name="connsiteY40" fmla="*/ 434640 h 1089067"/>
                  <a:gd name="connsiteX41" fmla="*/ 2387172 w 3247904"/>
                  <a:gd name="connsiteY41" fmla="*/ 423512 h 1089067"/>
                  <a:gd name="connsiteX42" fmla="*/ 2277242 w 3247904"/>
                  <a:gd name="connsiteY42" fmla="*/ 384555 h 1089067"/>
                  <a:gd name="connsiteX43" fmla="*/ 2129529 w 3247904"/>
                  <a:gd name="connsiteY43" fmla="*/ 364150 h 1089067"/>
                  <a:gd name="connsiteX44" fmla="*/ 2035158 w 3247904"/>
                  <a:gd name="connsiteY44" fmla="*/ 463283 h 1089067"/>
                  <a:gd name="connsiteX45" fmla="*/ 1984846 w 3247904"/>
                  <a:gd name="connsiteY45" fmla="*/ 549218 h 1089067"/>
                  <a:gd name="connsiteX46" fmla="*/ 1881700 w 3247904"/>
                  <a:gd name="connsiteY46" fmla="*/ 601152 h 1089067"/>
                  <a:gd name="connsiteX47" fmla="*/ 1776249 w 3247904"/>
                  <a:gd name="connsiteY47" fmla="*/ 564266 h 1089067"/>
                  <a:gd name="connsiteX48" fmla="*/ 1706180 w 3247904"/>
                  <a:gd name="connsiteY48" fmla="*/ 532735 h 1089067"/>
                  <a:gd name="connsiteX49" fmla="*/ 1625223 w 3247904"/>
                  <a:gd name="connsiteY49" fmla="*/ 523289 h 1089067"/>
                  <a:gd name="connsiteX50" fmla="*/ 1506924 w 3247904"/>
                  <a:gd name="connsiteY50" fmla="*/ 591205 h 1089067"/>
                  <a:gd name="connsiteX51" fmla="*/ 1382600 w 3247904"/>
                  <a:gd name="connsiteY51" fmla="*/ 626910 h 1089067"/>
                  <a:gd name="connsiteX52" fmla="*/ 1275255 w 3247904"/>
                  <a:gd name="connsiteY52" fmla="*/ 570236 h 1089067"/>
                  <a:gd name="connsiteX53" fmla="*/ 1212824 w 3247904"/>
                  <a:gd name="connsiteY53" fmla="*/ 497281 h 1089067"/>
                  <a:gd name="connsiteX54" fmla="*/ 1145628 w 3247904"/>
                  <a:gd name="connsiteY54" fmla="*/ 417120 h 1089067"/>
                  <a:gd name="connsiteX55" fmla="*/ 1087331 w 3247904"/>
                  <a:gd name="connsiteY55" fmla="*/ 340663 h 1089067"/>
                  <a:gd name="connsiteX56" fmla="*/ 939208 w 3247904"/>
                  <a:gd name="connsiteY56" fmla="*/ 426597 h 1089067"/>
                  <a:gd name="connsiteX57" fmla="*/ 781207 w 3247904"/>
                  <a:gd name="connsiteY57" fmla="*/ 434220 h 1089067"/>
                  <a:gd name="connsiteX58" fmla="*/ 654515 w 3247904"/>
                  <a:gd name="connsiteY58" fmla="*/ 369307 h 1089067"/>
                  <a:gd name="connsiteX59" fmla="*/ 606097 w 3247904"/>
                  <a:gd name="connsiteY59" fmla="*/ 280487 h 1089067"/>
                  <a:gd name="connsiteX60" fmla="*/ 581573 w 3247904"/>
                  <a:gd name="connsiteY60" fmla="*/ 213920 h 1089067"/>
                  <a:gd name="connsiteX61" fmla="*/ 527760 w 3247904"/>
                  <a:gd name="connsiteY61" fmla="*/ 159717 h 1089067"/>
                  <a:gd name="connsiteX62" fmla="*/ 377395 w 3247904"/>
                  <a:gd name="connsiteY62" fmla="*/ 104280 h 1089067"/>
                  <a:gd name="connsiteX63" fmla="*/ 278036 w 3247904"/>
                  <a:gd name="connsiteY63" fmla="*/ 118912 h 1089067"/>
                  <a:gd name="connsiteX64" fmla="*/ 180571 w 3247904"/>
                  <a:gd name="connsiteY64" fmla="*/ 47607 h 1089067"/>
                  <a:gd name="connsiteX65" fmla="*/ 74787 w 3247904"/>
                  <a:gd name="connsiteY65" fmla="*/ 44131 h 1089067"/>
                  <a:gd name="connsiteX66" fmla="*/ 38538 w 3247904"/>
                  <a:gd name="connsiteY66" fmla="*/ 77286 h 1089067"/>
                  <a:gd name="connsiteX67" fmla="*/ 25597 w 3247904"/>
                  <a:gd name="connsiteY67" fmla="*/ 136121 h 1089067"/>
                  <a:gd name="connsiteX68" fmla="*/ 0 w 3247904"/>
                  <a:gd name="connsiteY68" fmla="*/ 231438 h 1089067"/>
                  <a:gd name="connsiteX69" fmla="*/ 944 w 3247904"/>
                  <a:gd name="connsiteY69" fmla="*/ 368447 h 1089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3247904" h="1089067">
                    <a:moveTo>
                      <a:pt x="944" y="368447"/>
                    </a:moveTo>
                    <a:cubicBezTo>
                      <a:pt x="10519" y="394174"/>
                      <a:pt x="49071" y="360981"/>
                      <a:pt x="70436" y="366002"/>
                    </a:cubicBezTo>
                    <a:cubicBezTo>
                      <a:pt x="91801" y="371023"/>
                      <a:pt x="102264" y="391082"/>
                      <a:pt x="129132" y="398576"/>
                    </a:cubicBezTo>
                    <a:cubicBezTo>
                      <a:pt x="156000" y="406070"/>
                      <a:pt x="182370" y="425617"/>
                      <a:pt x="218655" y="430768"/>
                    </a:cubicBezTo>
                    <a:cubicBezTo>
                      <a:pt x="254940" y="435919"/>
                      <a:pt x="310881" y="409052"/>
                      <a:pt x="346843" y="429480"/>
                    </a:cubicBezTo>
                    <a:cubicBezTo>
                      <a:pt x="382805" y="449908"/>
                      <a:pt x="399394" y="516859"/>
                      <a:pt x="434428" y="553337"/>
                    </a:cubicBezTo>
                    <a:cubicBezTo>
                      <a:pt x="469462" y="589815"/>
                      <a:pt x="502745" y="623240"/>
                      <a:pt x="557049" y="648348"/>
                    </a:cubicBezTo>
                    <a:cubicBezTo>
                      <a:pt x="611353" y="673456"/>
                      <a:pt x="693101" y="698524"/>
                      <a:pt x="760250" y="703985"/>
                    </a:cubicBezTo>
                    <a:cubicBezTo>
                      <a:pt x="827400" y="709446"/>
                      <a:pt x="910104" y="676135"/>
                      <a:pt x="959946" y="681115"/>
                    </a:cubicBezTo>
                    <a:cubicBezTo>
                      <a:pt x="1009788" y="686095"/>
                      <a:pt x="1027774" y="718682"/>
                      <a:pt x="1059305" y="733864"/>
                    </a:cubicBezTo>
                    <a:cubicBezTo>
                      <a:pt x="1086165" y="761891"/>
                      <a:pt x="1129278" y="742942"/>
                      <a:pt x="1156138" y="770969"/>
                    </a:cubicBezTo>
                    <a:lnTo>
                      <a:pt x="1183523" y="860563"/>
                    </a:lnTo>
                    <a:cubicBezTo>
                      <a:pt x="1226148" y="898517"/>
                      <a:pt x="1282191" y="918356"/>
                      <a:pt x="1320157" y="942795"/>
                    </a:cubicBezTo>
                    <a:cubicBezTo>
                      <a:pt x="1358123" y="967234"/>
                      <a:pt x="1383291" y="992597"/>
                      <a:pt x="1411318" y="1007195"/>
                    </a:cubicBezTo>
                    <a:cubicBezTo>
                      <a:pt x="1432339" y="1013034"/>
                      <a:pt x="1452573" y="1055406"/>
                      <a:pt x="1473594" y="1061245"/>
                    </a:cubicBezTo>
                    <a:lnTo>
                      <a:pt x="1584231" y="1089067"/>
                    </a:lnTo>
                    <a:cubicBezTo>
                      <a:pt x="1632695" y="1087899"/>
                      <a:pt x="1700689" y="1039029"/>
                      <a:pt x="1744370" y="1015792"/>
                    </a:cubicBezTo>
                    <a:cubicBezTo>
                      <a:pt x="1788051" y="992555"/>
                      <a:pt x="1812450" y="968330"/>
                      <a:pt x="1846317" y="949645"/>
                    </a:cubicBezTo>
                    <a:cubicBezTo>
                      <a:pt x="1902961" y="923651"/>
                      <a:pt x="1919650" y="908253"/>
                      <a:pt x="1946941" y="891937"/>
                    </a:cubicBezTo>
                    <a:cubicBezTo>
                      <a:pt x="1974232" y="875621"/>
                      <a:pt x="1982325" y="866274"/>
                      <a:pt x="2010064" y="851747"/>
                    </a:cubicBezTo>
                    <a:cubicBezTo>
                      <a:pt x="2037803" y="837220"/>
                      <a:pt x="2082544" y="826788"/>
                      <a:pt x="2113376" y="804772"/>
                    </a:cubicBezTo>
                    <a:cubicBezTo>
                      <a:pt x="2144208" y="782756"/>
                      <a:pt x="2171027" y="738579"/>
                      <a:pt x="2195055" y="719651"/>
                    </a:cubicBezTo>
                    <a:cubicBezTo>
                      <a:pt x="2219083" y="700723"/>
                      <a:pt x="2237424" y="699210"/>
                      <a:pt x="2257546" y="691206"/>
                    </a:cubicBezTo>
                    <a:cubicBezTo>
                      <a:pt x="2277668" y="683202"/>
                      <a:pt x="2283263" y="666477"/>
                      <a:pt x="2315789" y="671629"/>
                    </a:cubicBezTo>
                    <a:cubicBezTo>
                      <a:pt x="2348315" y="676781"/>
                      <a:pt x="2389155" y="720847"/>
                      <a:pt x="2423756" y="726240"/>
                    </a:cubicBezTo>
                    <a:cubicBezTo>
                      <a:pt x="2458357" y="731633"/>
                      <a:pt x="2488164" y="716488"/>
                      <a:pt x="2523398" y="703987"/>
                    </a:cubicBezTo>
                    <a:cubicBezTo>
                      <a:pt x="2558632" y="691486"/>
                      <a:pt x="2594261" y="676068"/>
                      <a:pt x="2635161" y="651234"/>
                    </a:cubicBezTo>
                    <a:cubicBezTo>
                      <a:pt x="2676061" y="626400"/>
                      <a:pt x="2720391" y="590446"/>
                      <a:pt x="2768796" y="554981"/>
                    </a:cubicBezTo>
                    <a:cubicBezTo>
                      <a:pt x="2817201" y="519516"/>
                      <a:pt x="2862360" y="459284"/>
                      <a:pt x="2925593" y="438444"/>
                    </a:cubicBezTo>
                    <a:cubicBezTo>
                      <a:pt x="2988826" y="417604"/>
                      <a:pt x="3094474" y="445720"/>
                      <a:pt x="3148192" y="429940"/>
                    </a:cubicBezTo>
                    <a:cubicBezTo>
                      <a:pt x="3201910" y="414160"/>
                      <a:pt x="3228953" y="378967"/>
                      <a:pt x="3247904" y="343764"/>
                    </a:cubicBezTo>
                    <a:cubicBezTo>
                      <a:pt x="3238304" y="286164"/>
                      <a:pt x="3233391" y="240209"/>
                      <a:pt x="3223791" y="182609"/>
                    </a:cubicBezTo>
                    <a:lnTo>
                      <a:pt x="3178274" y="17393"/>
                    </a:lnTo>
                    <a:cubicBezTo>
                      <a:pt x="3145750" y="30739"/>
                      <a:pt x="3117009" y="60115"/>
                      <a:pt x="3089327" y="43079"/>
                    </a:cubicBezTo>
                    <a:cubicBezTo>
                      <a:pt x="3061645" y="26043"/>
                      <a:pt x="3020080" y="-2742"/>
                      <a:pt x="2995449" y="211"/>
                    </a:cubicBezTo>
                    <a:cubicBezTo>
                      <a:pt x="2970818" y="3164"/>
                      <a:pt x="2971319" y="46198"/>
                      <a:pt x="2941540" y="60796"/>
                    </a:cubicBezTo>
                    <a:cubicBezTo>
                      <a:pt x="2879445" y="123494"/>
                      <a:pt x="2878767" y="119321"/>
                      <a:pt x="2841130" y="136940"/>
                    </a:cubicBezTo>
                    <a:cubicBezTo>
                      <a:pt x="2803494" y="154560"/>
                      <a:pt x="2750162" y="147139"/>
                      <a:pt x="2715721" y="166513"/>
                    </a:cubicBezTo>
                    <a:cubicBezTo>
                      <a:pt x="2681280" y="185887"/>
                      <a:pt x="2651884" y="221274"/>
                      <a:pt x="2634486" y="253182"/>
                    </a:cubicBezTo>
                    <a:cubicBezTo>
                      <a:pt x="2617088" y="285090"/>
                      <a:pt x="2618692" y="322049"/>
                      <a:pt x="2611332" y="357961"/>
                    </a:cubicBezTo>
                    <a:cubicBezTo>
                      <a:pt x="2603972" y="393873"/>
                      <a:pt x="2552490" y="414100"/>
                      <a:pt x="2523400" y="434640"/>
                    </a:cubicBezTo>
                    <a:cubicBezTo>
                      <a:pt x="2461233" y="446939"/>
                      <a:pt x="2428198" y="431859"/>
                      <a:pt x="2387172" y="423512"/>
                    </a:cubicBezTo>
                    <a:cubicBezTo>
                      <a:pt x="2346146" y="415165"/>
                      <a:pt x="2320183" y="394449"/>
                      <a:pt x="2277242" y="384555"/>
                    </a:cubicBezTo>
                    <a:cubicBezTo>
                      <a:pt x="2234301" y="374661"/>
                      <a:pt x="2169876" y="351029"/>
                      <a:pt x="2129529" y="364150"/>
                    </a:cubicBezTo>
                    <a:cubicBezTo>
                      <a:pt x="2089182" y="377271"/>
                      <a:pt x="2067541" y="429005"/>
                      <a:pt x="2035158" y="463283"/>
                    </a:cubicBezTo>
                    <a:cubicBezTo>
                      <a:pt x="2002775" y="497561"/>
                      <a:pt x="2010422" y="526240"/>
                      <a:pt x="1984846" y="549218"/>
                    </a:cubicBezTo>
                    <a:cubicBezTo>
                      <a:pt x="1959270" y="572196"/>
                      <a:pt x="1922573" y="578379"/>
                      <a:pt x="1881700" y="601152"/>
                    </a:cubicBezTo>
                    <a:cubicBezTo>
                      <a:pt x="1792362" y="613998"/>
                      <a:pt x="1805502" y="575669"/>
                      <a:pt x="1776249" y="564266"/>
                    </a:cubicBezTo>
                    <a:cubicBezTo>
                      <a:pt x="1746996" y="552863"/>
                      <a:pt x="1737716" y="539083"/>
                      <a:pt x="1706180" y="532735"/>
                    </a:cubicBezTo>
                    <a:lnTo>
                      <a:pt x="1625223" y="523289"/>
                    </a:lnTo>
                    <a:cubicBezTo>
                      <a:pt x="1555085" y="537125"/>
                      <a:pt x="1555122" y="566683"/>
                      <a:pt x="1506924" y="591205"/>
                    </a:cubicBezTo>
                    <a:cubicBezTo>
                      <a:pt x="1453794" y="602225"/>
                      <a:pt x="1435153" y="616983"/>
                      <a:pt x="1382600" y="626910"/>
                    </a:cubicBezTo>
                    <a:cubicBezTo>
                      <a:pt x="1347565" y="622823"/>
                      <a:pt x="1303551" y="591841"/>
                      <a:pt x="1275255" y="570236"/>
                    </a:cubicBezTo>
                    <a:cubicBezTo>
                      <a:pt x="1246959" y="548631"/>
                      <a:pt x="1234429" y="522800"/>
                      <a:pt x="1212824" y="497281"/>
                    </a:cubicBezTo>
                    <a:cubicBezTo>
                      <a:pt x="1191219" y="471762"/>
                      <a:pt x="1166543" y="443223"/>
                      <a:pt x="1145628" y="417120"/>
                    </a:cubicBezTo>
                    <a:cubicBezTo>
                      <a:pt x="1124713" y="391017"/>
                      <a:pt x="1127037" y="339495"/>
                      <a:pt x="1087331" y="340663"/>
                    </a:cubicBezTo>
                    <a:cubicBezTo>
                      <a:pt x="1013759" y="362268"/>
                      <a:pt x="990229" y="411004"/>
                      <a:pt x="939208" y="426597"/>
                    </a:cubicBezTo>
                    <a:cubicBezTo>
                      <a:pt x="888187" y="442190"/>
                      <a:pt x="828656" y="443768"/>
                      <a:pt x="781207" y="434220"/>
                    </a:cubicBezTo>
                    <a:cubicBezTo>
                      <a:pt x="733758" y="424672"/>
                      <a:pt x="683700" y="394929"/>
                      <a:pt x="654515" y="369307"/>
                    </a:cubicBezTo>
                    <a:cubicBezTo>
                      <a:pt x="625330" y="343685"/>
                      <a:pt x="618254" y="306385"/>
                      <a:pt x="606097" y="280487"/>
                    </a:cubicBezTo>
                    <a:cubicBezTo>
                      <a:pt x="593940" y="254589"/>
                      <a:pt x="594629" y="234048"/>
                      <a:pt x="581573" y="213920"/>
                    </a:cubicBezTo>
                    <a:cubicBezTo>
                      <a:pt x="568517" y="193792"/>
                      <a:pt x="561790" y="177990"/>
                      <a:pt x="527760" y="159717"/>
                    </a:cubicBezTo>
                    <a:cubicBezTo>
                      <a:pt x="493730" y="141444"/>
                      <a:pt x="419016" y="111081"/>
                      <a:pt x="377395" y="104280"/>
                    </a:cubicBezTo>
                    <a:cubicBezTo>
                      <a:pt x="335774" y="97479"/>
                      <a:pt x="310840" y="128357"/>
                      <a:pt x="278036" y="118912"/>
                    </a:cubicBezTo>
                    <a:cubicBezTo>
                      <a:pt x="245232" y="109467"/>
                      <a:pt x="214446" y="60070"/>
                      <a:pt x="180571" y="47607"/>
                    </a:cubicBezTo>
                    <a:cubicBezTo>
                      <a:pt x="146696" y="35144"/>
                      <a:pt x="94640" y="41212"/>
                      <a:pt x="74787" y="44131"/>
                    </a:cubicBezTo>
                    <a:cubicBezTo>
                      <a:pt x="15234" y="122301"/>
                      <a:pt x="46736" y="61954"/>
                      <a:pt x="38538" y="77286"/>
                    </a:cubicBezTo>
                    <a:cubicBezTo>
                      <a:pt x="30340" y="92618"/>
                      <a:pt x="33772" y="111597"/>
                      <a:pt x="25597" y="136121"/>
                    </a:cubicBezTo>
                    <a:cubicBezTo>
                      <a:pt x="19400" y="167893"/>
                      <a:pt x="6197" y="199666"/>
                      <a:pt x="0" y="231438"/>
                    </a:cubicBezTo>
                    <a:cubicBezTo>
                      <a:pt x="315" y="277108"/>
                      <a:pt x="629" y="322777"/>
                      <a:pt x="944" y="368447"/>
                    </a:cubicBezTo>
                    <a:close/>
                  </a:path>
                </a:pathLst>
              </a:custGeom>
              <a:solidFill>
                <a:srgbClr val="FFFF00">
                  <a:alpha val="4902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9" name="Blåt felt">
                <a:extLst>
                  <a:ext uri="{FF2B5EF4-FFF2-40B4-BE49-F238E27FC236}">
                    <a16:creationId xmlns:a16="http://schemas.microsoft.com/office/drawing/2014/main" id="{A606259C-7095-4EC7-B0E6-93CF1C43815E}"/>
                  </a:ext>
                </a:extLst>
              </p:cNvPr>
              <p:cNvSpPr/>
              <p:nvPr/>
            </p:nvSpPr>
            <p:spPr>
              <a:xfrm>
                <a:off x="3287161" y="4855315"/>
                <a:ext cx="2590648" cy="763555"/>
              </a:xfrm>
              <a:custGeom>
                <a:avLst/>
                <a:gdLst>
                  <a:gd name="connsiteX0" fmla="*/ 0 w 2192400"/>
                  <a:gd name="connsiteY0" fmla="*/ 111600 h 543600"/>
                  <a:gd name="connsiteX1" fmla="*/ 1101600 w 2192400"/>
                  <a:gd name="connsiteY1" fmla="*/ 0 h 543600"/>
                  <a:gd name="connsiteX2" fmla="*/ 2192400 w 2192400"/>
                  <a:gd name="connsiteY2" fmla="*/ 122400 h 543600"/>
                  <a:gd name="connsiteX3" fmla="*/ 1101600 w 2192400"/>
                  <a:gd name="connsiteY3" fmla="*/ 543600 h 543600"/>
                  <a:gd name="connsiteX4" fmla="*/ 0 w 2192400"/>
                  <a:gd name="connsiteY4" fmla="*/ 111600 h 543600"/>
                  <a:gd name="connsiteX0" fmla="*/ 0 w 2192400"/>
                  <a:gd name="connsiteY0" fmla="*/ 111600 h 543600"/>
                  <a:gd name="connsiteX1" fmla="*/ 1101600 w 2192400"/>
                  <a:gd name="connsiteY1" fmla="*/ 0 h 543600"/>
                  <a:gd name="connsiteX2" fmla="*/ 2192400 w 2192400"/>
                  <a:gd name="connsiteY2" fmla="*/ 122400 h 543600"/>
                  <a:gd name="connsiteX3" fmla="*/ 1101600 w 2192400"/>
                  <a:gd name="connsiteY3" fmla="*/ 543600 h 543600"/>
                  <a:gd name="connsiteX4" fmla="*/ 460800 w 2192400"/>
                  <a:gd name="connsiteY4" fmla="*/ 424800 h 543600"/>
                  <a:gd name="connsiteX5" fmla="*/ 0 w 2192400"/>
                  <a:gd name="connsiteY5" fmla="*/ 111600 h 543600"/>
                  <a:gd name="connsiteX0" fmla="*/ 0 w 2192400"/>
                  <a:gd name="connsiteY0" fmla="*/ 111600 h 543600"/>
                  <a:gd name="connsiteX1" fmla="*/ 1101600 w 2192400"/>
                  <a:gd name="connsiteY1" fmla="*/ 0 h 543600"/>
                  <a:gd name="connsiteX2" fmla="*/ 2192400 w 2192400"/>
                  <a:gd name="connsiteY2" fmla="*/ 122400 h 543600"/>
                  <a:gd name="connsiteX3" fmla="*/ 1670400 w 2192400"/>
                  <a:gd name="connsiteY3" fmla="*/ 453600 h 543600"/>
                  <a:gd name="connsiteX4" fmla="*/ 1101600 w 2192400"/>
                  <a:gd name="connsiteY4" fmla="*/ 543600 h 543600"/>
                  <a:gd name="connsiteX5" fmla="*/ 460800 w 2192400"/>
                  <a:gd name="connsiteY5" fmla="*/ 424800 h 543600"/>
                  <a:gd name="connsiteX6" fmla="*/ 0 w 2192400"/>
                  <a:gd name="connsiteY6" fmla="*/ 111600 h 543600"/>
                  <a:gd name="connsiteX0" fmla="*/ 0 w 2192400"/>
                  <a:gd name="connsiteY0" fmla="*/ 111600 h 545201"/>
                  <a:gd name="connsiteX1" fmla="*/ 1101600 w 2192400"/>
                  <a:gd name="connsiteY1" fmla="*/ 0 h 545201"/>
                  <a:gd name="connsiteX2" fmla="*/ 2192400 w 2192400"/>
                  <a:gd name="connsiteY2" fmla="*/ 122400 h 545201"/>
                  <a:gd name="connsiteX3" fmla="*/ 1670400 w 2192400"/>
                  <a:gd name="connsiteY3" fmla="*/ 453600 h 545201"/>
                  <a:gd name="connsiteX4" fmla="*/ 1101600 w 2192400"/>
                  <a:gd name="connsiteY4" fmla="*/ 543600 h 545201"/>
                  <a:gd name="connsiteX5" fmla="*/ 781200 w 2192400"/>
                  <a:gd name="connsiteY5" fmla="*/ 518400 h 545201"/>
                  <a:gd name="connsiteX6" fmla="*/ 460800 w 2192400"/>
                  <a:gd name="connsiteY6" fmla="*/ 424800 h 545201"/>
                  <a:gd name="connsiteX7" fmla="*/ 0 w 2192400"/>
                  <a:gd name="connsiteY7"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670400 w 2192400"/>
                  <a:gd name="connsiteY3" fmla="*/ 453600 h 545201"/>
                  <a:gd name="connsiteX4" fmla="*/ 1101600 w 2192400"/>
                  <a:gd name="connsiteY4" fmla="*/ 543600 h 545201"/>
                  <a:gd name="connsiteX5" fmla="*/ 781200 w 2192400"/>
                  <a:gd name="connsiteY5" fmla="*/ 518400 h 545201"/>
                  <a:gd name="connsiteX6" fmla="*/ 460800 w 2192400"/>
                  <a:gd name="connsiteY6" fmla="*/ 424800 h 545201"/>
                  <a:gd name="connsiteX7" fmla="*/ 165600 w 2192400"/>
                  <a:gd name="connsiteY7" fmla="*/ 270000 h 545201"/>
                  <a:gd name="connsiteX8" fmla="*/ 0 w 2192400"/>
                  <a:gd name="connsiteY8"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670400 w 2192400"/>
                  <a:gd name="connsiteY3" fmla="*/ 453600 h 545201"/>
                  <a:gd name="connsiteX4" fmla="*/ 1396800 w 2192400"/>
                  <a:gd name="connsiteY4" fmla="*/ 522000 h 545201"/>
                  <a:gd name="connsiteX5" fmla="*/ 1101600 w 2192400"/>
                  <a:gd name="connsiteY5" fmla="*/ 543600 h 545201"/>
                  <a:gd name="connsiteX6" fmla="*/ 781200 w 2192400"/>
                  <a:gd name="connsiteY6" fmla="*/ 518400 h 545201"/>
                  <a:gd name="connsiteX7" fmla="*/ 460800 w 2192400"/>
                  <a:gd name="connsiteY7" fmla="*/ 424800 h 545201"/>
                  <a:gd name="connsiteX8" fmla="*/ 165600 w 2192400"/>
                  <a:gd name="connsiteY8" fmla="*/ 270000 h 545201"/>
                  <a:gd name="connsiteX9" fmla="*/ 0 w 2192400"/>
                  <a:gd name="connsiteY9" fmla="*/ 111600 h 545201"/>
                  <a:gd name="connsiteX0" fmla="*/ 0 w 2232733"/>
                  <a:gd name="connsiteY0" fmla="*/ 111600 h 545201"/>
                  <a:gd name="connsiteX1" fmla="*/ 1101600 w 2232733"/>
                  <a:gd name="connsiteY1" fmla="*/ 0 h 545201"/>
                  <a:gd name="connsiteX2" fmla="*/ 2192400 w 2232733"/>
                  <a:gd name="connsiteY2" fmla="*/ 122400 h 545201"/>
                  <a:gd name="connsiteX3" fmla="*/ 1983600 w 2232733"/>
                  <a:gd name="connsiteY3" fmla="*/ 295200 h 545201"/>
                  <a:gd name="connsiteX4" fmla="*/ 1670400 w 2232733"/>
                  <a:gd name="connsiteY4" fmla="*/ 453600 h 545201"/>
                  <a:gd name="connsiteX5" fmla="*/ 1396800 w 2232733"/>
                  <a:gd name="connsiteY5" fmla="*/ 522000 h 545201"/>
                  <a:gd name="connsiteX6" fmla="*/ 1101600 w 2232733"/>
                  <a:gd name="connsiteY6" fmla="*/ 543600 h 545201"/>
                  <a:gd name="connsiteX7" fmla="*/ 781200 w 2232733"/>
                  <a:gd name="connsiteY7" fmla="*/ 518400 h 545201"/>
                  <a:gd name="connsiteX8" fmla="*/ 460800 w 2232733"/>
                  <a:gd name="connsiteY8" fmla="*/ 424800 h 545201"/>
                  <a:gd name="connsiteX9" fmla="*/ 165600 w 2232733"/>
                  <a:gd name="connsiteY9" fmla="*/ 270000 h 545201"/>
                  <a:gd name="connsiteX10" fmla="*/ 0 w 2232733"/>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0400 w 2192400"/>
                  <a:gd name="connsiteY4" fmla="*/ 453600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83600 w 2192400"/>
                  <a:gd name="connsiteY3" fmla="*/ 295200 h 545201"/>
                  <a:gd name="connsiteX4" fmla="*/ 1675424 w 2192400"/>
                  <a:gd name="connsiteY4" fmla="*/ 466161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5201"/>
                  <a:gd name="connsiteX1" fmla="*/ 1101600 w 2192400"/>
                  <a:gd name="connsiteY1" fmla="*/ 0 h 545201"/>
                  <a:gd name="connsiteX2" fmla="*/ 2192400 w 2192400"/>
                  <a:gd name="connsiteY2" fmla="*/ 122400 h 545201"/>
                  <a:gd name="connsiteX3" fmla="*/ 1991137 w 2192400"/>
                  <a:gd name="connsiteY3" fmla="*/ 305248 h 545201"/>
                  <a:gd name="connsiteX4" fmla="*/ 1675424 w 2192400"/>
                  <a:gd name="connsiteY4" fmla="*/ 466161 h 545201"/>
                  <a:gd name="connsiteX5" fmla="*/ 1396800 w 2192400"/>
                  <a:gd name="connsiteY5" fmla="*/ 522000 h 545201"/>
                  <a:gd name="connsiteX6" fmla="*/ 1101600 w 2192400"/>
                  <a:gd name="connsiteY6" fmla="*/ 543600 h 545201"/>
                  <a:gd name="connsiteX7" fmla="*/ 781200 w 2192400"/>
                  <a:gd name="connsiteY7" fmla="*/ 518400 h 545201"/>
                  <a:gd name="connsiteX8" fmla="*/ 460800 w 2192400"/>
                  <a:gd name="connsiteY8" fmla="*/ 424800 h 545201"/>
                  <a:gd name="connsiteX9" fmla="*/ 165600 w 2192400"/>
                  <a:gd name="connsiteY9" fmla="*/ 270000 h 545201"/>
                  <a:gd name="connsiteX10" fmla="*/ 0 w 2192400"/>
                  <a:gd name="connsiteY10" fmla="*/ 111600 h 545201"/>
                  <a:gd name="connsiteX0" fmla="*/ 0 w 2192400"/>
                  <a:gd name="connsiteY0" fmla="*/ 111600 h 547520"/>
                  <a:gd name="connsiteX1" fmla="*/ 1101600 w 2192400"/>
                  <a:gd name="connsiteY1" fmla="*/ 0 h 547520"/>
                  <a:gd name="connsiteX2" fmla="*/ 2192400 w 2192400"/>
                  <a:gd name="connsiteY2" fmla="*/ 122400 h 547520"/>
                  <a:gd name="connsiteX3" fmla="*/ 1991137 w 2192400"/>
                  <a:gd name="connsiteY3" fmla="*/ 305248 h 547520"/>
                  <a:gd name="connsiteX4" fmla="*/ 1675424 w 2192400"/>
                  <a:gd name="connsiteY4" fmla="*/ 466161 h 547520"/>
                  <a:gd name="connsiteX5" fmla="*/ 1396800 w 2192400"/>
                  <a:gd name="connsiteY5" fmla="*/ 522000 h 547520"/>
                  <a:gd name="connsiteX6" fmla="*/ 1101600 w 2192400"/>
                  <a:gd name="connsiteY6" fmla="*/ 546112 h 547520"/>
                  <a:gd name="connsiteX7" fmla="*/ 781200 w 2192400"/>
                  <a:gd name="connsiteY7" fmla="*/ 518400 h 547520"/>
                  <a:gd name="connsiteX8" fmla="*/ 460800 w 2192400"/>
                  <a:gd name="connsiteY8" fmla="*/ 424800 h 547520"/>
                  <a:gd name="connsiteX9" fmla="*/ 165600 w 2192400"/>
                  <a:gd name="connsiteY9" fmla="*/ 270000 h 547520"/>
                  <a:gd name="connsiteX10" fmla="*/ 0 w 2192400"/>
                  <a:gd name="connsiteY10" fmla="*/ 111600 h 547520"/>
                  <a:gd name="connsiteX0" fmla="*/ 0 w 2192400"/>
                  <a:gd name="connsiteY0" fmla="*/ 111600 h 547520"/>
                  <a:gd name="connsiteX1" fmla="*/ 1101600 w 2192400"/>
                  <a:gd name="connsiteY1" fmla="*/ 0 h 547520"/>
                  <a:gd name="connsiteX2" fmla="*/ 2192400 w 2192400"/>
                  <a:gd name="connsiteY2" fmla="*/ 122400 h 547520"/>
                  <a:gd name="connsiteX3" fmla="*/ 1991137 w 2192400"/>
                  <a:gd name="connsiteY3" fmla="*/ 305248 h 547520"/>
                  <a:gd name="connsiteX4" fmla="*/ 1675424 w 2192400"/>
                  <a:gd name="connsiteY4" fmla="*/ 466161 h 547520"/>
                  <a:gd name="connsiteX5" fmla="*/ 1396800 w 2192400"/>
                  <a:gd name="connsiteY5" fmla="*/ 522000 h 547520"/>
                  <a:gd name="connsiteX6" fmla="*/ 1101600 w 2192400"/>
                  <a:gd name="connsiteY6" fmla="*/ 546112 h 547520"/>
                  <a:gd name="connsiteX7" fmla="*/ 781200 w 2192400"/>
                  <a:gd name="connsiteY7" fmla="*/ 518400 h 547520"/>
                  <a:gd name="connsiteX8" fmla="*/ 440703 w 2192400"/>
                  <a:gd name="connsiteY8" fmla="*/ 427313 h 547520"/>
                  <a:gd name="connsiteX9" fmla="*/ 165600 w 2192400"/>
                  <a:gd name="connsiteY9" fmla="*/ 270000 h 547520"/>
                  <a:gd name="connsiteX10" fmla="*/ 0 w 2192400"/>
                  <a:gd name="connsiteY10" fmla="*/ 111600 h 547520"/>
                  <a:gd name="connsiteX0" fmla="*/ 0 w 2192400"/>
                  <a:gd name="connsiteY0" fmla="*/ 111600 h 547520"/>
                  <a:gd name="connsiteX1" fmla="*/ 1058738 w 2192400"/>
                  <a:gd name="connsiteY1" fmla="*/ 0 h 547520"/>
                  <a:gd name="connsiteX2" fmla="*/ 2192400 w 2192400"/>
                  <a:gd name="connsiteY2" fmla="*/ 122400 h 547520"/>
                  <a:gd name="connsiteX3" fmla="*/ 1991137 w 2192400"/>
                  <a:gd name="connsiteY3" fmla="*/ 305248 h 547520"/>
                  <a:gd name="connsiteX4" fmla="*/ 1675424 w 2192400"/>
                  <a:gd name="connsiteY4" fmla="*/ 466161 h 547520"/>
                  <a:gd name="connsiteX5" fmla="*/ 1396800 w 2192400"/>
                  <a:gd name="connsiteY5" fmla="*/ 522000 h 547520"/>
                  <a:gd name="connsiteX6" fmla="*/ 1101600 w 2192400"/>
                  <a:gd name="connsiteY6" fmla="*/ 546112 h 547520"/>
                  <a:gd name="connsiteX7" fmla="*/ 781200 w 2192400"/>
                  <a:gd name="connsiteY7" fmla="*/ 518400 h 547520"/>
                  <a:gd name="connsiteX8" fmla="*/ 440703 w 2192400"/>
                  <a:gd name="connsiteY8" fmla="*/ 427313 h 547520"/>
                  <a:gd name="connsiteX9" fmla="*/ 165600 w 2192400"/>
                  <a:gd name="connsiteY9" fmla="*/ 270000 h 547520"/>
                  <a:gd name="connsiteX10" fmla="*/ 0 w 2192400"/>
                  <a:gd name="connsiteY10" fmla="*/ 111600 h 547520"/>
                  <a:gd name="connsiteX0" fmla="*/ 0 w 2192400"/>
                  <a:gd name="connsiteY0" fmla="*/ 108742 h 544662"/>
                  <a:gd name="connsiteX1" fmla="*/ 1041593 w 2192400"/>
                  <a:gd name="connsiteY1" fmla="*/ 0 h 544662"/>
                  <a:gd name="connsiteX2" fmla="*/ 2192400 w 2192400"/>
                  <a:gd name="connsiteY2" fmla="*/ 119542 h 544662"/>
                  <a:gd name="connsiteX3" fmla="*/ 1991137 w 2192400"/>
                  <a:gd name="connsiteY3" fmla="*/ 302390 h 544662"/>
                  <a:gd name="connsiteX4" fmla="*/ 1675424 w 2192400"/>
                  <a:gd name="connsiteY4" fmla="*/ 463303 h 544662"/>
                  <a:gd name="connsiteX5" fmla="*/ 1396800 w 2192400"/>
                  <a:gd name="connsiteY5" fmla="*/ 519142 h 544662"/>
                  <a:gd name="connsiteX6" fmla="*/ 1101600 w 2192400"/>
                  <a:gd name="connsiteY6" fmla="*/ 543254 h 544662"/>
                  <a:gd name="connsiteX7" fmla="*/ 781200 w 2192400"/>
                  <a:gd name="connsiteY7" fmla="*/ 515542 h 544662"/>
                  <a:gd name="connsiteX8" fmla="*/ 440703 w 2192400"/>
                  <a:gd name="connsiteY8" fmla="*/ 424455 h 544662"/>
                  <a:gd name="connsiteX9" fmla="*/ 165600 w 2192400"/>
                  <a:gd name="connsiteY9" fmla="*/ 267142 h 544662"/>
                  <a:gd name="connsiteX10" fmla="*/ 0 w 2192400"/>
                  <a:gd name="connsiteY10" fmla="*/ 108742 h 544662"/>
                  <a:gd name="connsiteX0" fmla="*/ 0 w 2143822"/>
                  <a:gd name="connsiteY0" fmla="*/ 108742 h 544662"/>
                  <a:gd name="connsiteX1" fmla="*/ 1041593 w 2143822"/>
                  <a:gd name="connsiteY1" fmla="*/ 0 h 544662"/>
                  <a:gd name="connsiteX2" fmla="*/ 2143822 w 2143822"/>
                  <a:gd name="connsiteY2" fmla="*/ 88110 h 544662"/>
                  <a:gd name="connsiteX3" fmla="*/ 1991137 w 2143822"/>
                  <a:gd name="connsiteY3" fmla="*/ 302390 h 544662"/>
                  <a:gd name="connsiteX4" fmla="*/ 1675424 w 2143822"/>
                  <a:gd name="connsiteY4" fmla="*/ 463303 h 544662"/>
                  <a:gd name="connsiteX5" fmla="*/ 1396800 w 2143822"/>
                  <a:gd name="connsiteY5" fmla="*/ 519142 h 544662"/>
                  <a:gd name="connsiteX6" fmla="*/ 1101600 w 2143822"/>
                  <a:gd name="connsiteY6" fmla="*/ 543254 h 544662"/>
                  <a:gd name="connsiteX7" fmla="*/ 781200 w 2143822"/>
                  <a:gd name="connsiteY7" fmla="*/ 515542 h 544662"/>
                  <a:gd name="connsiteX8" fmla="*/ 440703 w 2143822"/>
                  <a:gd name="connsiteY8" fmla="*/ 424455 h 544662"/>
                  <a:gd name="connsiteX9" fmla="*/ 165600 w 2143822"/>
                  <a:gd name="connsiteY9" fmla="*/ 267142 h 544662"/>
                  <a:gd name="connsiteX10" fmla="*/ 0 w 2143822"/>
                  <a:gd name="connsiteY10" fmla="*/ 108742 h 544662"/>
                  <a:gd name="connsiteX0" fmla="*/ 0 w 2198114"/>
                  <a:gd name="connsiteY0" fmla="*/ 77309 h 544662"/>
                  <a:gd name="connsiteX1" fmla="*/ 1095885 w 2198114"/>
                  <a:gd name="connsiteY1" fmla="*/ 0 h 544662"/>
                  <a:gd name="connsiteX2" fmla="*/ 2198114 w 2198114"/>
                  <a:gd name="connsiteY2" fmla="*/ 88110 h 544662"/>
                  <a:gd name="connsiteX3" fmla="*/ 2045429 w 2198114"/>
                  <a:gd name="connsiteY3" fmla="*/ 302390 h 544662"/>
                  <a:gd name="connsiteX4" fmla="*/ 1729716 w 2198114"/>
                  <a:gd name="connsiteY4" fmla="*/ 463303 h 544662"/>
                  <a:gd name="connsiteX5" fmla="*/ 1451092 w 2198114"/>
                  <a:gd name="connsiteY5" fmla="*/ 519142 h 544662"/>
                  <a:gd name="connsiteX6" fmla="*/ 1155892 w 2198114"/>
                  <a:gd name="connsiteY6" fmla="*/ 543254 h 544662"/>
                  <a:gd name="connsiteX7" fmla="*/ 835492 w 2198114"/>
                  <a:gd name="connsiteY7" fmla="*/ 515542 h 544662"/>
                  <a:gd name="connsiteX8" fmla="*/ 494995 w 2198114"/>
                  <a:gd name="connsiteY8" fmla="*/ 424455 h 544662"/>
                  <a:gd name="connsiteX9" fmla="*/ 219892 w 2198114"/>
                  <a:gd name="connsiteY9" fmla="*/ 267142 h 544662"/>
                  <a:gd name="connsiteX10" fmla="*/ 0 w 2198114"/>
                  <a:gd name="connsiteY10" fmla="*/ 77309 h 544662"/>
                  <a:gd name="connsiteX0" fmla="*/ 0 w 2198114"/>
                  <a:gd name="connsiteY0" fmla="*/ 77309 h 544662"/>
                  <a:gd name="connsiteX1" fmla="*/ 1095885 w 2198114"/>
                  <a:gd name="connsiteY1" fmla="*/ 0 h 544662"/>
                  <a:gd name="connsiteX2" fmla="*/ 2198114 w 2198114"/>
                  <a:gd name="connsiteY2" fmla="*/ 88110 h 544662"/>
                  <a:gd name="connsiteX3" fmla="*/ 2045429 w 2198114"/>
                  <a:gd name="connsiteY3" fmla="*/ 302390 h 544662"/>
                  <a:gd name="connsiteX4" fmla="*/ 1729716 w 2198114"/>
                  <a:gd name="connsiteY4" fmla="*/ 463303 h 544662"/>
                  <a:gd name="connsiteX5" fmla="*/ 1451092 w 2198114"/>
                  <a:gd name="connsiteY5" fmla="*/ 519142 h 544662"/>
                  <a:gd name="connsiteX6" fmla="*/ 1155892 w 2198114"/>
                  <a:gd name="connsiteY6" fmla="*/ 543254 h 544662"/>
                  <a:gd name="connsiteX7" fmla="*/ 835492 w 2198114"/>
                  <a:gd name="connsiteY7" fmla="*/ 515542 h 544662"/>
                  <a:gd name="connsiteX8" fmla="*/ 494995 w 2198114"/>
                  <a:gd name="connsiteY8" fmla="*/ 424455 h 544662"/>
                  <a:gd name="connsiteX9" fmla="*/ 185602 w 2198114"/>
                  <a:gd name="connsiteY9" fmla="*/ 284287 h 544662"/>
                  <a:gd name="connsiteX10" fmla="*/ 0 w 2198114"/>
                  <a:gd name="connsiteY10" fmla="*/ 77309 h 544662"/>
                  <a:gd name="connsiteX0" fmla="*/ 0 w 2198114"/>
                  <a:gd name="connsiteY0" fmla="*/ 77309 h 544662"/>
                  <a:gd name="connsiteX1" fmla="*/ 1095885 w 2198114"/>
                  <a:gd name="connsiteY1" fmla="*/ 0 h 544662"/>
                  <a:gd name="connsiteX2" fmla="*/ 2198114 w 2198114"/>
                  <a:gd name="connsiteY2" fmla="*/ 88110 h 544662"/>
                  <a:gd name="connsiteX3" fmla="*/ 2045429 w 2198114"/>
                  <a:gd name="connsiteY3" fmla="*/ 302390 h 544662"/>
                  <a:gd name="connsiteX4" fmla="*/ 1729716 w 2198114"/>
                  <a:gd name="connsiteY4" fmla="*/ 463303 h 544662"/>
                  <a:gd name="connsiteX5" fmla="*/ 1451092 w 2198114"/>
                  <a:gd name="connsiteY5" fmla="*/ 519142 h 544662"/>
                  <a:gd name="connsiteX6" fmla="*/ 1155892 w 2198114"/>
                  <a:gd name="connsiteY6" fmla="*/ 543254 h 544662"/>
                  <a:gd name="connsiteX7" fmla="*/ 835492 w 2198114"/>
                  <a:gd name="connsiteY7" fmla="*/ 515542 h 544662"/>
                  <a:gd name="connsiteX8" fmla="*/ 494995 w 2198114"/>
                  <a:gd name="connsiteY8" fmla="*/ 424455 h 544662"/>
                  <a:gd name="connsiteX9" fmla="*/ 168457 w 2198114"/>
                  <a:gd name="connsiteY9" fmla="*/ 312862 h 544662"/>
                  <a:gd name="connsiteX10" fmla="*/ 0 w 2198114"/>
                  <a:gd name="connsiteY10" fmla="*/ 77309 h 544662"/>
                  <a:gd name="connsiteX0" fmla="*/ 0 w 2198114"/>
                  <a:gd name="connsiteY0" fmla="*/ 77309 h 544075"/>
                  <a:gd name="connsiteX1" fmla="*/ 1095885 w 2198114"/>
                  <a:gd name="connsiteY1" fmla="*/ 0 h 544075"/>
                  <a:gd name="connsiteX2" fmla="*/ 2198114 w 2198114"/>
                  <a:gd name="connsiteY2" fmla="*/ 88110 h 544075"/>
                  <a:gd name="connsiteX3" fmla="*/ 2045429 w 2198114"/>
                  <a:gd name="connsiteY3" fmla="*/ 302390 h 544075"/>
                  <a:gd name="connsiteX4" fmla="*/ 1729716 w 2198114"/>
                  <a:gd name="connsiteY4" fmla="*/ 463303 h 544075"/>
                  <a:gd name="connsiteX5" fmla="*/ 1451092 w 2198114"/>
                  <a:gd name="connsiteY5" fmla="*/ 519142 h 544075"/>
                  <a:gd name="connsiteX6" fmla="*/ 1155892 w 2198114"/>
                  <a:gd name="connsiteY6" fmla="*/ 543254 h 544075"/>
                  <a:gd name="connsiteX7" fmla="*/ 835492 w 2198114"/>
                  <a:gd name="connsiteY7" fmla="*/ 515542 h 544075"/>
                  <a:gd name="connsiteX8" fmla="*/ 452132 w 2198114"/>
                  <a:gd name="connsiteY8" fmla="*/ 513037 h 544075"/>
                  <a:gd name="connsiteX9" fmla="*/ 168457 w 2198114"/>
                  <a:gd name="connsiteY9" fmla="*/ 312862 h 544075"/>
                  <a:gd name="connsiteX10" fmla="*/ 0 w 2198114"/>
                  <a:gd name="connsiteY10" fmla="*/ 77309 h 544075"/>
                  <a:gd name="connsiteX0" fmla="*/ 0 w 2198114"/>
                  <a:gd name="connsiteY0" fmla="*/ 77309 h 570486"/>
                  <a:gd name="connsiteX1" fmla="*/ 1095885 w 2198114"/>
                  <a:gd name="connsiteY1" fmla="*/ 0 h 570486"/>
                  <a:gd name="connsiteX2" fmla="*/ 2198114 w 2198114"/>
                  <a:gd name="connsiteY2" fmla="*/ 88110 h 570486"/>
                  <a:gd name="connsiteX3" fmla="*/ 2045429 w 2198114"/>
                  <a:gd name="connsiteY3" fmla="*/ 302390 h 570486"/>
                  <a:gd name="connsiteX4" fmla="*/ 1729716 w 2198114"/>
                  <a:gd name="connsiteY4" fmla="*/ 463303 h 570486"/>
                  <a:gd name="connsiteX5" fmla="*/ 1451092 w 2198114"/>
                  <a:gd name="connsiteY5" fmla="*/ 519142 h 570486"/>
                  <a:gd name="connsiteX6" fmla="*/ 1155892 w 2198114"/>
                  <a:gd name="connsiteY6" fmla="*/ 543254 h 570486"/>
                  <a:gd name="connsiteX7" fmla="*/ 755482 w 2198114"/>
                  <a:gd name="connsiteY7" fmla="*/ 569835 h 570486"/>
                  <a:gd name="connsiteX8" fmla="*/ 452132 w 2198114"/>
                  <a:gd name="connsiteY8" fmla="*/ 513037 h 570486"/>
                  <a:gd name="connsiteX9" fmla="*/ 168457 w 2198114"/>
                  <a:gd name="connsiteY9" fmla="*/ 312862 h 570486"/>
                  <a:gd name="connsiteX10" fmla="*/ 0 w 2198114"/>
                  <a:gd name="connsiteY10" fmla="*/ 77309 h 570486"/>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19142 h 570271"/>
                  <a:gd name="connsiteX6" fmla="*/ 1155892 w 2198114"/>
                  <a:gd name="connsiteY6" fmla="*/ 543254 h 570271"/>
                  <a:gd name="connsiteX7" fmla="*/ 1014030 w 2198114"/>
                  <a:gd name="connsiteY7" fmla="*/ 490926 h 570271"/>
                  <a:gd name="connsiteX8" fmla="*/ 755482 w 2198114"/>
                  <a:gd name="connsiteY8" fmla="*/ 569835 h 570271"/>
                  <a:gd name="connsiteX9" fmla="*/ 452132 w 2198114"/>
                  <a:gd name="connsiteY9" fmla="*/ 513037 h 570271"/>
                  <a:gd name="connsiteX10" fmla="*/ 168457 w 2198114"/>
                  <a:gd name="connsiteY10" fmla="*/ 312862 h 570271"/>
                  <a:gd name="connsiteX11" fmla="*/ 0 w 2198114"/>
                  <a:gd name="connsiteY11"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19142 h 570271"/>
                  <a:gd name="connsiteX6" fmla="*/ 1104457 w 2198114"/>
                  <a:gd name="connsiteY6" fmla="*/ 97484 h 570271"/>
                  <a:gd name="connsiteX7" fmla="*/ 1014030 w 2198114"/>
                  <a:gd name="connsiteY7" fmla="*/ 490926 h 570271"/>
                  <a:gd name="connsiteX8" fmla="*/ 755482 w 2198114"/>
                  <a:gd name="connsiteY8" fmla="*/ 569835 h 570271"/>
                  <a:gd name="connsiteX9" fmla="*/ 452132 w 2198114"/>
                  <a:gd name="connsiteY9" fmla="*/ 513037 h 570271"/>
                  <a:gd name="connsiteX10" fmla="*/ 168457 w 2198114"/>
                  <a:gd name="connsiteY10" fmla="*/ 312862 h 570271"/>
                  <a:gd name="connsiteX11" fmla="*/ 0 w 2198114"/>
                  <a:gd name="connsiteY11"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19142 h 570271"/>
                  <a:gd name="connsiteX6" fmla="*/ 1191195 w 2198114"/>
                  <a:gd name="connsiteY6" fmla="*/ 433777 h 570271"/>
                  <a:gd name="connsiteX7" fmla="*/ 1104457 w 2198114"/>
                  <a:gd name="connsiteY7" fmla="*/ 97484 h 570271"/>
                  <a:gd name="connsiteX8" fmla="*/ 1014030 w 2198114"/>
                  <a:gd name="connsiteY8" fmla="*/ 490926 h 570271"/>
                  <a:gd name="connsiteX9" fmla="*/ 755482 w 2198114"/>
                  <a:gd name="connsiteY9" fmla="*/ 569835 h 570271"/>
                  <a:gd name="connsiteX10" fmla="*/ 452132 w 2198114"/>
                  <a:gd name="connsiteY10" fmla="*/ 513037 h 570271"/>
                  <a:gd name="connsiteX11" fmla="*/ 168457 w 2198114"/>
                  <a:gd name="connsiteY11" fmla="*/ 312862 h 570271"/>
                  <a:gd name="connsiteX12" fmla="*/ 0 w 2198114"/>
                  <a:gd name="connsiteY12"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56289 h 570271"/>
                  <a:gd name="connsiteX6" fmla="*/ 1191195 w 2198114"/>
                  <a:gd name="connsiteY6" fmla="*/ 433777 h 570271"/>
                  <a:gd name="connsiteX7" fmla="*/ 1104457 w 2198114"/>
                  <a:gd name="connsiteY7" fmla="*/ 97484 h 570271"/>
                  <a:gd name="connsiteX8" fmla="*/ 1014030 w 2198114"/>
                  <a:gd name="connsiteY8" fmla="*/ 490926 h 570271"/>
                  <a:gd name="connsiteX9" fmla="*/ 755482 w 2198114"/>
                  <a:gd name="connsiteY9" fmla="*/ 569835 h 570271"/>
                  <a:gd name="connsiteX10" fmla="*/ 452132 w 2198114"/>
                  <a:gd name="connsiteY10" fmla="*/ 513037 h 570271"/>
                  <a:gd name="connsiteX11" fmla="*/ 168457 w 2198114"/>
                  <a:gd name="connsiteY11" fmla="*/ 312862 h 570271"/>
                  <a:gd name="connsiteX12" fmla="*/ 0 w 2198114"/>
                  <a:gd name="connsiteY12"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56289 h 570271"/>
                  <a:gd name="connsiteX6" fmla="*/ 1251202 w 2198114"/>
                  <a:gd name="connsiteY6" fmla="*/ 533790 h 570271"/>
                  <a:gd name="connsiteX7" fmla="*/ 1191195 w 2198114"/>
                  <a:gd name="connsiteY7" fmla="*/ 433777 h 570271"/>
                  <a:gd name="connsiteX8" fmla="*/ 1104457 w 2198114"/>
                  <a:gd name="connsiteY8" fmla="*/ 97484 h 570271"/>
                  <a:gd name="connsiteX9" fmla="*/ 1014030 w 2198114"/>
                  <a:gd name="connsiteY9" fmla="*/ 490926 h 570271"/>
                  <a:gd name="connsiteX10" fmla="*/ 755482 w 2198114"/>
                  <a:gd name="connsiteY10" fmla="*/ 569835 h 570271"/>
                  <a:gd name="connsiteX11" fmla="*/ 452132 w 2198114"/>
                  <a:gd name="connsiteY11" fmla="*/ 513037 h 570271"/>
                  <a:gd name="connsiteX12" fmla="*/ 168457 w 2198114"/>
                  <a:gd name="connsiteY12" fmla="*/ 312862 h 570271"/>
                  <a:gd name="connsiteX13" fmla="*/ 0 w 2198114"/>
                  <a:gd name="connsiteY13"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56289 h 570271"/>
                  <a:gd name="connsiteX6" fmla="*/ 1251202 w 2198114"/>
                  <a:gd name="connsiteY6" fmla="*/ 533790 h 570271"/>
                  <a:gd name="connsiteX7" fmla="*/ 1191195 w 2198114"/>
                  <a:gd name="connsiteY7" fmla="*/ 433777 h 570271"/>
                  <a:gd name="connsiteX8" fmla="*/ 1119757 w 2198114"/>
                  <a:gd name="connsiteY8" fmla="*/ 159457 h 570271"/>
                  <a:gd name="connsiteX9" fmla="*/ 1104457 w 2198114"/>
                  <a:gd name="connsiteY9" fmla="*/ 97484 h 570271"/>
                  <a:gd name="connsiteX10" fmla="*/ 1014030 w 2198114"/>
                  <a:gd name="connsiteY10" fmla="*/ 490926 h 570271"/>
                  <a:gd name="connsiteX11" fmla="*/ 755482 w 2198114"/>
                  <a:gd name="connsiteY11" fmla="*/ 569835 h 570271"/>
                  <a:gd name="connsiteX12" fmla="*/ 452132 w 2198114"/>
                  <a:gd name="connsiteY12" fmla="*/ 513037 h 570271"/>
                  <a:gd name="connsiteX13" fmla="*/ 168457 w 2198114"/>
                  <a:gd name="connsiteY13" fmla="*/ 312862 h 570271"/>
                  <a:gd name="connsiteX14" fmla="*/ 0 w 2198114"/>
                  <a:gd name="connsiteY14" fmla="*/ 77309 h 570271"/>
                  <a:gd name="connsiteX0" fmla="*/ 0 w 2198114"/>
                  <a:gd name="connsiteY0" fmla="*/ 77309 h 570271"/>
                  <a:gd name="connsiteX1" fmla="*/ 1095885 w 2198114"/>
                  <a:gd name="connsiteY1" fmla="*/ 0 h 570271"/>
                  <a:gd name="connsiteX2" fmla="*/ 2198114 w 2198114"/>
                  <a:gd name="connsiteY2" fmla="*/ 88110 h 570271"/>
                  <a:gd name="connsiteX3" fmla="*/ 2045429 w 2198114"/>
                  <a:gd name="connsiteY3" fmla="*/ 302390 h 570271"/>
                  <a:gd name="connsiteX4" fmla="*/ 1729716 w 2198114"/>
                  <a:gd name="connsiteY4" fmla="*/ 463303 h 570271"/>
                  <a:gd name="connsiteX5" fmla="*/ 1451092 w 2198114"/>
                  <a:gd name="connsiteY5" fmla="*/ 556289 h 570271"/>
                  <a:gd name="connsiteX6" fmla="*/ 1251202 w 2198114"/>
                  <a:gd name="connsiteY6" fmla="*/ 533790 h 570271"/>
                  <a:gd name="connsiteX7" fmla="*/ 1191195 w 2198114"/>
                  <a:gd name="connsiteY7" fmla="*/ 433777 h 570271"/>
                  <a:gd name="connsiteX8" fmla="*/ 1119757 w 2198114"/>
                  <a:gd name="connsiteY8" fmla="*/ 159457 h 570271"/>
                  <a:gd name="connsiteX9" fmla="*/ 1104457 w 2198114"/>
                  <a:gd name="connsiteY9" fmla="*/ 97484 h 570271"/>
                  <a:gd name="connsiteX10" fmla="*/ 1079752 w 2198114"/>
                  <a:gd name="connsiteY10" fmla="*/ 179460 h 570271"/>
                  <a:gd name="connsiteX11" fmla="*/ 1014030 w 2198114"/>
                  <a:gd name="connsiteY11" fmla="*/ 490926 h 570271"/>
                  <a:gd name="connsiteX12" fmla="*/ 755482 w 2198114"/>
                  <a:gd name="connsiteY12" fmla="*/ 569835 h 570271"/>
                  <a:gd name="connsiteX13" fmla="*/ 452132 w 2198114"/>
                  <a:gd name="connsiteY13" fmla="*/ 513037 h 570271"/>
                  <a:gd name="connsiteX14" fmla="*/ 168457 w 2198114"/>
                  <a:gd name="connsiteY14" fmla="*/ 312862 h 570271"/>
                  <a:gd name="connsiteX15" fmla="*/ 0 w 2198114"/>
                  <a:gd name="connsiteY15" fmla="*/ 77309 h 570271"/>
                  <a:gd name="connsiteX0" fmla="*/ 0 w 2198114"/>
                  <a:gd name="connsiteY0" fmla="*/ 77309 h 570150"/>
                  <a:gd name="connsiteX1" fmla="*/ 1095885 w 2198114"/>
                  <a:gd name="connsiteY1" fmla="*/ 0 h 570150"/>
                  <a:gd name="connsiteX2" fmla="*/ 2198114 w 2198114"/>
                  <a:gd name="connsiteY2" fmla="*/ 88110 h 570150"/>
                  <a:gd name="connsiteX3" fmla="*/ 2045429 w 2198114"/>
                  <a:gd name="connsiteY3" fmla="*/ 302390 h 570150"/>
                  <a:gd name="connsiteX4" fmla="*/ 1729716 w 2198114"/>
                  <a:gd name="connsiteY4" fmla="*/ 463303 h 570150"/>
                  <a:gd name="connsiteX5" fmla="*/ 1451092 w 2198114"/>
                  <a:gd name="connsiteY5" fmla="*/ 556289 h 570150"/>
                  <a:gd name="connsiteX6" fmla="*/ 1251202 w 2198114"/>
                  <a:gd name="connsiteY6" fmla="*/ 533790 h 570150"/>
                  <a:gd name="connsiteX7" fmla="*/ 1191195 w 2198114"/>
                  <a:gd name="connsiteY7" fmla="*/ 433777 h 570150"/>
                  <a:gd name="connsiteX8" fmla="*/ 1119757 w 2198114"/>
                  <a:gd name="connsiteY8" fmla="*/ 159457 h 570150"/>
                  <a:gd name="connsiteX9" fmla="*/ 1104457 w 2198114"/>
                  <a:gd name="connsiteY9" fmla="*/ 97484 h 570150"/>
                  <a:gd name="connsiteX10" fmla="*/ 1079752 w 2198114"/>
                  <a:gd name="connsiteY10" fmla="*/ 179460 h 570150"/>
                  <a:gd name="connsiteX11" fmla="*/ 1014030 w 2198114"/>
                  <a:gd name="connsiteY11" fmla="*/ 490926 h 570150"/>
                  <a:gd name="connsiteX12" fmla="*/ 755482 w 2198114"/>
                  <a:gd name="connsiteY12" fmla="*/ 569835 h 570150"/>
                  <a:gd name="connsiteX13" fmla="*/ 452132 w 2198114"/>
                  <a:gd name="connsiteY13" fmla="*/ 513037 h 570150"/>
                  <a:gd name="connsiteX14" fmla="*/ 291082 w 2198114"/>
                  <a:gd name="connsiteY14" fmla="*/ 368055 h 570150"/>
                  <a:gd name="connsiteX15" fmla="*/ 168457 w 2198114"/>
                  <a:gd name="connsiteY15" fmla="*/ 312862 h 570150"/>
                  <a:gd name="connsiteX16" fmla="*/ 0 w 2198114"/>
                  <a:gd name="connsiteY16" fmla="*/ 77309 h 570150"/>
                  <a:gd name="connsiteX0" fmla="*/ 0 w 2198114"/>
                  <a:gd name="connsiteY0" fmla="*/ 77309 h 570150"/>
                  <a:gd name="connsiteX1" fmla="*/ 1095885 w 2198114"/>
                  <a:gd name="connsiteY1" fmla="*/ 0 h 570150"/>
                  <a:gd name="connsiteX2" fmla="*/ 2198114 w 2198114"/>
                  <a:gd name="connsiteY2" fmla="*/ 88110 h 570150"/>
                  <a:gd name="connsiteX3" fmla="*/ 2045429 w 2198114"/>
                  <a:gd name="connsiteY3" fmla="*/ 302390 h 570150"/>
                  <a:gd name="connsiteX4" fmla="*/ 1758291 w 2198114"/>
                  <a:gd name="connsiteY4" fmla="*/ 517595 h 570150"/>
                  <a:gd name="connsiteX5" fmla="*/ 1451092 w 2198114"/>
                  <a:gd name="connsiteY5" fmla="*/ 556289 h 570150"/>
                  <a:gd name="connsiteX6" fmla="*/ 1251202 w 2198114"/>
                  <a:gd name="connsiteY6" fmla="*/ 533790 h 570150"/>
                  <a:gd name="connsiteX7" fmla="*/ 1191195 w 2198114"/>
                  <a:gd name="connsiteY7" fmla="*/ 433777 h 570150"/>
                  <a:gd name="connsiteX8" fmla="*/ 1119757 w 2198114"/>
                  <a:gd name="connsiteY8" fmla="*/ 159457 h 570150"/>
                  <a:gd name="connsiteX9" fmla="*/ 1104457 w 2198114"/>
                  <a:gd name="connsiteY9" fmla="*/ 97484 h 570150"/>
                  <a:gd name="connsiteX10" fmla="*/ 1079752 w 2198114"/>
                  <a:gd name="connsiteY10" fmla="*/ 179460 h 570150"/>
                  <a:gd name="connsiteX11" fmla="*/ 1014030 w 2198114"/>
                  <a:gd name="connsiteY11" fmla="*/ 490926 h 570150"/>
                  <a:gd name="connsiteX12" fmla="*/ 755482 w 2198114"/>
                  <a:gd name="connsiteY12" fmla="*/ 569835 h 570150"/>
                  <a:gd name="connsiteX13" fmla="*/ 452132 w 2198114"/>
                  <a:gd name="connsiteY13" fmla="*/ 513037 h 570150"/>
                  <a:gd name="connsiteX14" fmla="*/ 291082 w 2198114"/>
                  <a:gd name="connsiteY14" fmla="*/ 368055 h 570150"/>
                  <a:gd name="connsiteX15" fmla="*/ 168457 w 2198114"/>
                  <a:gd name="connsiteY15" fmla="*/ 312862 h 570150"/>
                  <a:gd name="connsiteX16" fmla="*/ 0 w 2198114"/>
                  <a:gd name="connsiteY16" fmla="*/ 77309 h 570150"/>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758291 w 2198114"/>
                  <a:gd name="connsiteY4" fmla="*/ 517595 h 580676"/>
                  <a:gd name="connsiteX5" fmla="*/ 1611247 w 2198114"/>
                  <a:gd name="connsiteY5" fmla="*/ 579510 h 580676"/>
                  <a:gd name="connsiteX6" fmla="*/ 1451092 w 2198114"/>
                  <a:gd name="connsiteY6" fmla="*/ 556289 h 580676"/>
                  <a:gd name="connsiteX7" fmla="*/ 1251202 w 2198114"/>
                  <a:gd name="connsiteY7" fmla="*/ 533790 h 580676"/>
                  <a:gd name="connsiteX8" fmla="*/ 1191195 w 2198114"/>
                  <a:gd name="connsiteY8" fmla="*/ 433777 h 580676"/>
                  <a:gd name="connsiteX9" fmla="*/ 1119757 w 2198114"/>
                  <a:gd name="connsiteY9" fmla="*/ 159457 h 580676"/>
                  <a:gd name="connsiteX10" fmla="*/ 1104457 w 2198114"/>
                  <a:gd name="connsiteY10" fmla="*/ 97484 h 580676"/>
                  <a:gd name="connsiteX11" fmla="*/ 1079752 w 2198114"/>
                  <a:gd name="connsiteY11" fmla="*/ 179460 h 580676"/>
                  <a:gd name="connsiteX12" fmla="*/ 1014030 w 2198114"/>
                  <a:gd name="connsiteY12" fmla="*/ 490926 h 580676"/>
                  <a:gd name="connsiteX13" fmla="*/ 755482 w 2198114"/>
                  <a:gd name="connsiteY13" fmla="*/ 569835 h 580676"/>
                  <a:gd name="connsiteX14" fmla="*/ 452132 w 2198114"/>
                  <a:gd name="connsiteY14" fmla="*/ 513037 h 580676"/>
                  <a:gd name="connsiteX15" fmla="*/ 291082 w 2198114"/>
                  <a:gd name="connsiteY15" fmla="*/ 368055 h 580676"/>
                  <a:gd name="connsiteX16" fmla="*/ 168457 w 2198114"/>
                  <a:gd name="connsiteY16" fmla="*/ 312862 h 580676"/>
                  <a:gd name="connsiteX17" fmla="*/ 0 w 2198114"/>
                  <a:gd name="connsiteY17"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19757 w 2198114"/>
                  <a:gd name="connsiteY10" fmla="*/ 159457 h 580676"/>
                  <a:gd name="connsiteX11" fmla="*/ 1104457 w 2198114"/>
                  <a:gd name="connsiteY11" fmla="*/ 97484 h 580676"/>
                  <a:gd name="connsiteX12" fmla="*/ 1079752 w 2198114"/>
                  <a:gd name="connsiteY12" fmla="*/ 179460 h 580676"/>
                  <a:gd name="connsiteX13" fmla="*/ 1014030 w 2198114"/>
                  <a:gd name="connsiteY13" fmla="*/ 490926 h 580676"/>
                  <a:gd name="connsiteX14" fmla="*/ 755482 w 2198114"/>
                  <a:gd name="connsiteY14" fmla="*/ 569835 h 580676"/>
                  <a:gd name="connsiteX15" fmla="*/ 452132 w 2198114"/>
                  <a:gd name="connsiteY15" fmla="*/ 513037 h 580676"/>
                  <a:gd name="connsiteX16" fmla="*/ 291082 w 2198114"/>
                  <a:gd name="connsiteY16" fmla="*/ 368055 h 580676"/>
                  <a:gd name="connsiteX17" fmla="*/ 168457 w 2198114"/>
                  <a:gd name="connsiteY17" fmla="*/ 312862 h 580676"/>
                  <a:gd name="connsiteX18" fmla="*/ 0 w 2198114"/>
                  <a:gd name="connsiteY18"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14030 w 2198114"/>
                  <a:gd name="connsiteY14" fmla="*/ 490926 h 580676"/>
                  <a:gd name="connsiteX15" fmla="*/ 755482 w 2198114"/>
                  <a:gd name="connsiteY15" fmla="*/ 569835 h 580676"/>
                  <a:gd name="connsiteX16" fmla="*/ 452132 w 2198114"/>
                  <a:gd name="connsiteY16" fmla="*/ 513037 h 580676"/>
                  <a:gd name="connsiteX17" fmla="*/ 291082 w 2198114"/>
                  <a:gd name="connsiteY17" fmla="*/ 368055 h 580676"/>
                  <a:gd name="connsiteX18" fmla="*/ 168457 w 2198114"/>
                  <a:gd name="connsiteY18" fmla="*/ 312862 h 580676"/>
                  <a:gd name="connsiteX19" fmla="*/ 0 w 2198114"/>
                  <a:gd name="connsiteY19"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4030 w 2198114"/>
                  <a:gd name="connsiteY15" fmla="*/ 490926 h 580676"/>
                  <a:gd name="connsiteX16" fmla="*/ 755482 w 2198114"/>
                  <a:gd name="connsiteY16" fmla="*/ 569835 h 580676"/>
                  <a:gd name="connsiteX17" fmla="*/ 452132 w 2198114"/>
                  <a:gd name="connsiteY17" fmla="*/ 513037 h 580676"/>
                  <a:gd name="connsiteX18" fmla="*/ 291082 w 2198114"/>
                  <a:gd name="connsiteY18" fmla="*/ 368055 h 580676"/>
                  <a:gd name="connsiteX19" fmla="*/ 168457 w 2198114"/>
                  <a:gd name="connsiteY19" fmla="*/ 312862 h 580676"/>
                  <a:gd name="connsiteX20" fmla="*/ 0 w 2198114"/>
                  <a:gd name="connsiteY20"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4030 w 2198114"/>
                  <a:gd name="connsiteY15" fmla="*/ 490926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291082 w 2198114"/>
                  <a:gd name="connsiteY19" fmla="*/ 368055 h 580676"/>
                  <a:gd name="connsiteX20" fmla="*/ 168457 w 2198114"/>
                  <a:gd name="connsiteY20" fmla="*/ 312862 h 580676"/>
                  <a:gd name="connsiteX21" fmla="*/ 0 w 2198114"/>
                  <a:gd name="connsiteY21"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4030 w 2198114"/>
                  <a:gd name="connsiteY15" fmla="*/ 490926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368235 w 2198114"/>
                  <a:gd name="connsiteY19" fmla="*/ 456637 h 580676"/>
                  <a:gd name="connsiteX20" fmla="*/ 291082 w 2198114"/>
                  <a:gd name="connsiteY20" fmla="*/ 368055 h 580676"/>
                  <a:gd name="connsiteX21" fmla="*/ 168457 w 2198114"/>
                  <a:gd name="connsiteY21" fmla="*/ 312862 h 580676"/>
                  <a:gd name="connsiteX22" fmla="*/ 0 w 2198114"/>
                  <a:gd name="connsiteY22"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368235 w 2198114"/>
                  <a:gd name="connsiteY19" fmla="*/ 456637 h 580676"/>
                  <a:gd name="connsiteX20" fmla="*/ 291082 w 2198114"/>
                  <a:gd name="connsiteY20" fmla="*/ 368055 h 580676"/>
                  <a:gd name="connsiteX21" fmla="*/ 168457 w 2198114"/>
                  <a:gd name="connsiteY21" fmla="*/ 312862 h 580676"/>
                  <a:gd name="connsiteX22" fmla="*/ 0 w 2198114"/>
                  <a:gd name="connsiteY22"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368235 w 2198114"/>
                  <a:gd name="connsiteY19" fmla="*/ 456637 h 580676"/>
                  <a:gd name="connsiteX20" fmla="*/ 291082 w 2198114"/>
                  <a:gd name="connsiteY20" fmla="*/ 368055 h 580676"/>
                  <a:gd name="connsiteX21" fmla="*/ 168457 w 2198114"/>
                  <a:gd name="connsiteY21" fmla="*/ 261061 h 580676"/>
                  <a:gd name="connsiteX22" fmla="*/ 0 w 2198114"/>
                  <a:gd name="connsiteY22"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368235 w 2198114"/>
                  <a:gd name="connsiteY19" fmla="*/ 456637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25397 w 2198114"/>
                  <a:gd name="connsiteY17" fmla="*/ 539505 h 580676"/>
                  <a:gd name="connsiteX18" fmla="*/ 452132 w 2198114"/>
                  <a:gd name="connsiteY18" fmla="*/ 513037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25397 w 2198114"/>
                  <a:gd name="connsiteY17" fmla="*/ 539505 h 580676"/>
                  <a:gd name="connsiteX18" fmla="*/ 455962 w 2198114"/>
                  <a:gd name="connsiteY18" fmla="*/ 502678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55482 w 2198114"/>
                  <a:gd name="connsiteY16" fmla="*/ 569835 h 580676"/>
                  <a:gd name="connsiteX17" fmla="*/ 552212 w 2198114"/>
                  <a:gd name="connsiteY17" fmla="*/ 539506 h 580676"/>
                  <a:gd name="connsiteX18" fmla="*/ 455962 w 2198114"/>
                  <a:gd name="connsiteY18" fmla="*/ 502678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43989 w 2198114"/>
                  <a:gd name="connsiteY16" fmla="*/ 559475 h 580676"/>
                  <a:gd name="connsiteX17" fmla="*/ 552212 w 2198114"/>
                  <a:gd name="connsiteY17" fmla="*/ 539506 h 580676"/>
                  <a:gd name="connsiteX18" fmla="*/ 455962 w 2198114"/>
                  <a:gd name="connsiteY18" fmla="*/ 502678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43989 w 2198114"/>
                  <a:gd name="connsiteY16" fmla="*/ 559475 h 580676"/>
                  <a:gd name="connsiteX17" fmla="*/ 552212 w 2198114"/>
                  <a:gd name="connsiteY17" fmla="*/ 539506 h 580676"/>
                  <a:gd name="connsiteX18" fmla="*/ 455962 w 2198114"/>
                  <a:gd name="connsiteY18" fmla="*/ 502678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198114"/>
                  <a:gd name="connsiteY0" fmla="*/ 77309 h 580676"/>
                  <a:gd name="connsiteX1" fmla="*/ 1095885 w 2198114"/>
                  <a:gd name="connsiteY1" fmla="*/ 0 h 580676"/>
                  <a:gd name="connsiteX2" fmla="*/ 2198114 w 2198114"/>
                  <a:gd name="connsiteY2" fmla="*/ 88110 h 580676"/>
                  <a:gd name="connsiteX3" fmla="*/ 2045429 w 2198114"/>
                  <a:gd name="connsiteY3" fmla="*/ 302390 h 580676"/>
                  <a:gd name="connsiteX4" fmla="*/ 1908427 w 2198114"/>
                  <a:gd name="connsiteY4" fmla="*/ 428062 h 580676"/>
                  <a:gd name="connsiteX5" fmla="*/ 1758291 w 2198114"/>
                  <a:gd name="connsiteY5" fmla="*/ 517595 h 580676"/>
                  <a:gd name="connsiteX6" fmla="*/ 1611247 w 2198114"/>
                  <a:gd name="connsiteY6" fmla="*/ 579510 h 580676"/>
                  <a:gd name="connsiteX7" fmla="*/ 1451092 w 2198114"/>
                  <a:gd name="connsiteY7" fmla="*/ 556289 h 580676"/>
                  <a:gd name="connsiteX8" fmla="*/ 1251202 w 2198114"/>
                  <a:gd name="connsiteY8" fmla="*/ 533790 h 580676"/>
                  <a:gd name="connsiteX9" fmla="*/ 1191195 w 2198114"/>
                  <a:gd name="connsiteY9" fmla="*/ 433777 h 580676"/>
                  <a:gd name="connsiteX10" fmla="*/ 1148332 w 2198114"/>
                  <a:gd name="connsiteY10" fmla="*/ 319477 h 580676"/>
                  <a:gd name="connsiteX11" fmla="*/ 1119757 w 2198114"/>
                  <a:gd name="connsiteY11" fmla="*/ 159457 h 580676"/>
                  <a:gd name="connsiteX12" fmla="*/ 1104457 w 2198114"/>
                  <a:gd name="connsiteY12" fmla="*/ 97484 h 580676"/>
                  <a:gd name="connsiteX13" fmla="*/ 1079752 w 2198114"/>
                  <a:gd name="connsiteY13" fmla="*/ 179460 h 580676"/>
                  <a:gd name="connsiteX14" fmla="*/ 1059750 w 2198114"/>
                  <a:gd name="connsiteY14" fmla="*/ 325192 h 580676"/>
                  <a:gd name="connsiteX15" fmla="*/ 1010199 w 2198114"/>
                  <a:gd name="connsiteY15" fmla="*/ 501285 h 580676"/>
                  <a:gd name="connsiteX16" fmla="*/ 743989 w 2198114"/>
                  <a:gd name="connsiteY16" fmla="*/ 562928 h 580676"/>
                  <a:gd name="connsiteX17" fmla="*/ 552212 w 2198114"/>
                  <a:gd name="connsiteY17" fmla="*/ 539506 h 580676"/>
                  <a:gd name="connsiteX18" fmla="*/ 455962 w 2198114"/>
                  <a:gd name="connsiteY18" fmla="*/ 502678 h 580676"/>
                  <a:gd name="connsiteX19" fmla="*/ 375895 w 2198114"/>
                  <a:gd name="connsiteY19" fmla="*/ 442822 h 580676"/>
                  <a:gd name="connsiteX20" fmla="*/ 291082 w 2198114"/>
                  <a:gd name="connsiteY20" fmla="*/ 368055 h 580676"/>
                  <a:gd name="connsiteX21" fmla="*/ 228415 w 2198114"/>
                  <a:gd name="connsiteY21" fmla="*/ 347919 h 580676"/>
                  <a:gd name="connsiteX22" fmla="*/ 168457 w 2198114"/>
                  <a:gd name="connsiteY22" fmla="*/ 261061 h 580676"/>
                  <a:gd name="connsiteX23" fmla="*/ 0 w 2198114"/>
                  <a:gd name="connsiteY23" fmla="*/ 77309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210347 w 2217266"/>
                  <a:gd name="connsiteY9" fmla="*/ 433777 h 580676"/>
                  <a:gd name="connsiteX10" fmla="*/ 1167484 w 2217266"/>
                  <a:gd name="connsiteY10" fmla="*/ 319477 h 580676"/>
                  <a:gd name="connsiteX11" fmla="*/ 1138909 w 2217266"/>
                  <a:gd name="connsiteY11" fmla="*/ 159457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87609 w 2217266"/>
                  <a:gd name="connsiteY22" fmla="*/ 261061 h 580676"/>
                  <a:gd name="connsiteX23" fmla="*/ 0 w 2217266"/>
                  <a:gd name="connsiteY23" fmla="*/ 35868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210347 w 2217266"/>
                  <a:gd name="connsiteY9" fmla="*/ 433777 h 580676"/>
                  <a:gd name="connsiteX10" fmla="*/ 1167484 w 2217266"/>
                  <a:gd name="connsiteY10" fmla="*/ 319477 h 580676"/>
                  <a:gd name="connsiteX11" fmla="*/ 1138909 w 2217266"/>
                  <a:gd name="connsiteY11" fmla="*/ 159457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76119 w 2217266"/>
                  <a:gd name="connsiteY22" fmla="*/ 264515 h 580676"/>
                  <a:gd name="connsiteX23" fmla="*/ 0 w 2217266"/>
                  <a:gd name="connsiteY23" fmla="*/ 35868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210347 w 2217266"/>
                  <a:gd name="connsiteY9" fmla="*/ 433777 h 580676"/>
                  <a:gd name="connsiteX10" fmla="*/ 1167484 w 2217266"/>
                  <a:gd name="connsiteY10" fmla="*/ 319477 h 580676"/>
                  <a:gd name="connsiteX11" fmla="*/ 1138909 w 2217266"/>
                  <a:gd name="connsiteY11" fmla="*/ 159457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76119 w 2217266"/>
                  <a:gd name="connsiteY22" fmla="*/ 264515 h 580676"/>
                  <a:gd name="connsiteX23" fmla="*/ 0 w 2217266"/>
                  <a:gd name="connsiteY23" fmla="*/ 35868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210347 w 2217266"/>
                  <a:gd name="connsiteY9" fmla="*/ 433777 h 580676"/>
                  <a:gd name="connsiteX10" fmla="*/ 1167484 w 2217266"/>
                  <a:gd name="connsiteY10" fmla="*/ 319477 h 580676"/>
                  <a:gd name="connsiteX11" fmla="*/ 1127416 w 2217266"/>
                  <a:gd name="connsiteY11" fmla="*/ 166364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76119 w 2217266"/>
                  <a:gd name="connsiteY22" fmla="*/ 264515 h 580676"/>
                  <a:gd name="connsiteX23" fmla="*/ 0 w 2217266"/>
                  <a:gd name="connsiteY23" fmla="*/ 35868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210347 w 2217266"/>
                  <a:gd name="connsiteY9" fmla="*/ 433777 h 580676"/>
                  <a:gd name="connsiteX10" fmla="*/ 1148330 w 2217266"/>
                  <a:gd name="connsiteY10" fmla="*/ 322931 h 580676"/>
                  <a:gd name="connsiteX11" fmla="*/ 1127416 w 2217266"/>
                  <a:gd name="connsiteY11" fmla="*/ 166364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76119 w 2217266"/>
                  <a:gd name="connsiteY22" fmla="*/ 264515 h 580676"/>
                  <a:gd name="connsiteX23" fmla="*/ 0 w 2217266"/>
                  <a:gd name="connsiteY23" fmla="*/ 35868 h 580676"/>
                  <a:gd name="connsiteX0" fmla="*/ 0 w 2217266"/>
                  <a:gd name="connsiteY0" fmla="*/ 35868 h 580676"/>
                  <a:gd name="connsiteX1" fmla="*/ 1115037 w 2217266"/>
                  <a:gd name="connsiteY1" fmla="*/ 0 h 580676"/>
                  <a:gd name="connsiteX2" fmla="*/ 2217266 w 2217266"/>
                  <a:gd name="connsiteY2" fmla="*/ 88110 h 580676"/>
                  <a:gd name="connsiteX3" fmla="*/ 2064581 w 2217266"/>
                  <a:gd name="connsiteY3" fmla="*/ 302390 h 580676"/>
                  <a:gd name="connsiteX4" fmla="*/ 1927579 w 2217266"/>
                  <a:gd name="connsiteY4" fmla="*/ 428062 h 580676"/>
                  <a:gd name="connsiteX5" fmla="*/ 1777443 w 2217266"/>
                  <a:gd name="connsiteY5" fmla="*/ 517595 h 580676"/>
                  <a:gd name="connsiteX6" fmla="*/ 1630399 w 2217266"/>
                  <a:gd name="connsiteY6" fmla="*/ 579510 h 580676"/>
                  <a:gd name="connsiteX7" fmla="*/ 1470244 w 2217266"/>
                  <a:gd name="connsiteY7" fmla="*/ 556289 h 580676"/>
                  <a:gd name="connsiteX8" fmla="*/ 1270354 w 2217266"/>
                  <a:gd name="connsiteY8" fmla="*/ 533790 h 580676"/>
                  <a:gd name="connsiteX9" fmla="*/ 1195023 w 2217266"/>
                  <a:gd name="connsiteY9" fmla="*/ 454498 h 580676"/>
                  <a:gd name="connsiteX10" fmla="*/ 1148330 w 2217266"/>
                  <a:gd name="connsiteY10" fmla="*/ 322931 h 580676"/>
                  <a:gd name="connsiteX11" fmla="*/ 1127416 w 2217266"/>
                  <a:gd name="connsiteY11" fmla="*/ 166364 h 580676"/>
                  <a:gd name="connsiteX12" fmla="*/ 1123609 w 2217266"/>
                  <a:gd name="connsiteY12" fmla="*/ 97484 h 580676"/>
                  <a:gd name="connsiteX13" fmla="*/ 1098904 w 2217266"/>
                  <a:gd name="connsiteY13" fmla="*/ 179460 h 580676"/>
                  <a:gd name="connsiteX14" fmla="*/ 1078902 w 2217266"/>
                  <a:gd name="connsiteY14" fmla="*/ 325192 h 580676"/>
                  <a:gd name="connsiteX15" fmla="*/ 1029351 w 2217266"/>
                  <a:gd name="connsiteY15" fmla="*/ 501285 h 580676"/>
                  <a:gd name="connsiteX16" fmla="*/ 763141 w 2217266"/>
                  <a:gd name="connsiteY16" fmla="*/ 562928 h 580676"/>
                  <a:gd name="connsiteX17" fmla="*/ 571364 w 2217266"/>
                  <a:gd name="connsiteY17" fmla="*/ 539506 h 580676"/>
                  <a:gd name="connsiteX18" fmla="*/ 475114 w 2217266"/>
                  <a:gd name="connsiteY18" fmla="*/ 502678 h 580676"/>
                  <a:gd name="connsiteX19" fmla="*/ 395047 w 2217266"/>
                  <a:gd name="connsiteY19" fmla="*/ 442822 h 580676"/>
                  <a:gd name="connsiteX20" fmla="*/ 310234 w 2217266"/>
                  <a:gd name="connsiteY20" fmla="*/ 368055 h 580676"/>
                  <a:gd name="connsiteX21" fmla="*/ 247567 w 2217266"/>
                  <a:gd name="connsiteY21" fmla="*/ 347919 h 580676"/>
                  <a:gd name="connsiteX22" fmla="*/ 176119 w 2217266"/>
                  <a:gd name="connsiteY22" fmla="*/ 264515 h 580676"/>
                  <a:gd name="connsiteX23" fmla="*/ 0 w 2217266"/>
                  <a:gd name="connsiteY23" fmla="*/ 35868 h 580676"/>
                  <a:gd name="connsiteX0" fmla="*/ 0 w 2217266"/>
                  <a:gd name="connsiteY0" fmla="*/ 35868 h 581031"/>
                  <a:gd name="connsiteX1" fmla="*/ 1115037 w 2217266"/>
                  <a:gd name="connsiteY1" fmla="*/ 0 h 581031"/>
                  <a:gd name="connsiteX2" fmla="*/ 2217266 w 2217266"/>
                  <a:gd name="connsiteY2" fmla="*/ 88110 h 581031"/>
                  <a:gd name="connsiteX3" fmla="*/ 2064581 w 2217266"/>
                  <a:gd name="connsiteY3" fmla="*/ 302390 h 581031"/>
                  <a:gd name="connsiteX4" fmla="*/ 1927579 w 2217266"/>
                  <a:gd name="connsiteY4" fmla="*/ 428062 h 581031"/>
                  <a:gd name="connsiteX5" fmla="*/ 1777443 w 2217266"/>
                  <a:gd name="connsiteY5" fmla="*/ 517595 h 581031"/>
                  <a:gd name="connsiteX6" fmla="*/ 1630399 w 2217266"/>
                  <a:gd name="connsiteY6" fmla="*/ 579510 h 581031"/>
                  <a:gd name="connsiteX7" fmla="*/ 1462582 w 2217266"/>
                  <a:gd name="connsiteY7" fmla="*/ 559743 h 581031"/>
                  <a:gd name="connsiteX8" fmla="*/ 1270354 w 2217266"/>
                  <a:gd name="connsiteY8" fmla="*/ 533790 h 581031"/>
                  <a:gd name="connsiteX9" fmla="*/ 1195023 w 2217266"/>
                  <a:gd name="connsiteY9" fmla="*/ 454498 h 581031"/>
                  <a:gd name="connsiteX10" fmla="*/ 1148330 w 2217266"/>
                  <a:gd name="connsiteY10" fmla="*/ 322931 h 581031"/>
                  <a:gd name="connsiteX11" fmla="*/ 1127416 w 2217266"/>
                  <a:gd name="connsiteY11" fmla="*/ 166364 h 581031"/>
                  <a:gd name="connsiteX12" fmla="*/ 1123609 w 2217266"/>
                  <a:gd name="connsiteY12" fmla="*/ 97484 h 581031"/>
                  <a:gd name="connsiteX13" fmla="*/ 1098904 w 2217266"/>
                  <a:gd name="connsiteY13" fmla="*/ 179460 h 581031"/>
                  <a:gd name="connsiteX14" fmla="*/ 1078902 w 2217266"/>
                  <a:gd name="connsiteY14" fmla="*/ 325192 h 581031"/>
                  <a:gd name="connsiteX15" fmla="*/ 1029351 w 2217266"/>
                  <a:gd name="connsiteY15" fmla="*/ 501285 h 581031"/>
                  <a:gd name="connsiteX16" fmla="*/ 763141 w 2217266"/>
                  <a:gd name="connsiteY16" fmla="*/ 562928 h 581031"/>
                  <a:gd name="connsiteX17" fmla="*/ 571364 w 2217266"/>
                  <a:gd name="connsiteY17" fmla="*/ 539506 h 581031"/>
                  <a:gd name="connsiteX18" fmla="*/ 475114 w 2217266"/>
                  <a:gd name="connsiteY18" fmla="*/ 502678 h 581031"/>
                  <a:gd name="connsiteX19" fmla="*/ 395047 w 2217266"/>
                  <a:gd name="connsiteY19" fmla="*/ 442822 h 581031"/>
                  <a:gd name="connsiteX20" fmla="*/ 310234 w 2217266"/>
                  <a:gd name="connsiteY20" fmla="*/ 368055 h 581031"/>
                  <a:gd name="connsiteX21" fmla="*/ 247567 w 2217266"/>
                  <a:gd name="connsiteY21" fmla="*/ 347919 h 581031"/>
                  <a:gd name="connsiteX22" fmla="*/ 176119 w 2217266"/>
                  <a:gd name="connsiteY22" fmla="*/ 264515 h 581031"/>
                  <a:gd name="connsiteX23" fmla="*/ 0 w 2217266"/>
                  <a:gd name="connsiteY23" fmla="*/ 35868 h 581031"/>
                  <a:gd name="connsiteX0" fmla="*/ 0 w 2217266"/>
                  <a:gd name="connsiteY0" fmla="*/ 35868 h 581414"/>
                  <a:gd name="connsiteX1" fmla="*/ 1115037 w 2217266"/>
                  <a:gd name="connsiteY1" fmla="*/ 0 h 581414"/>
                  <a:gd name="connsiteX2" fmla="*/ 2217266 w 2217266"/>
                  <a:gd name="connsiteY2" fmla="*/ 88110 h 581414"/>
                  <a:gd name="connsiteX3" fmla="*/ 2064581 w 2217266"/>
                  <a:gd name="connsiteY3" fmla="*/ 302390 h 581414"/>
                  <a:gd name="connsiteX4" fmla="*/ 1927579 w 2217266"/>
                  <a:gd name="connsiteY4" fmla="*/ 428062 h 581414"/>
                  <a:gd name="connsiteX5" fmla="*/ 1777443 w 2217266"/>
                  <a:gd name="connsiteY5" fmla="*/ 510688 h 581414"/>
                  <a:gd name="connsiteX6" fmla="*/ 1630399 w 2217266"/>
                  <a:gd name="connsiteY6" fmla="*/ 579510 h 581414"/>
                  <a:gd name="connsiteX7" fmla="*/ 1462582 w 2217266"/>
                  <a:gd name="connsiteY7" fmla="*/ 559743 h 581414"/>
                  <a:gd name="connsiteX8" fmla="*/ 1270354 w 2217266"/>
                  <a:gd name="connsiteY8" fmla="*/ 533790 h 581414"/>
                  <a:gd name="connsiteX9" fmla="*/ 1195023 w 2217266"/>
                  <a:gd name="connsiteY9" fmla="*/ 454498 h 581414"/>
                  <a:gd name="connsiteX10" fmla="*/ 1148330 w 2217266"/>
                  <a:gd name="connsiteY10" fmla="*/ 322931 h 581414"/>
                  <a:gd name="connsiteX11" fmla="*/ 1127416 w 2217266"/>
                  <a:gd name="connsiteY11" fmla="*/ 166364 h 581414"/>
                  <a:gd name="connsiteX12" fmla="*/ 1123609 w 2217266"/>
                  <a:gd name="connsiteY12" fmla="*/ 97484 h 581414"/>
                  <a:gd name="connsiteX13" fmla="*/ 1098904 w 2217266"/>
                  <a:gd name="connsiteY13" fmla="*/ 179460 h 581414"/>
                  <a:gd name="connsiteX14" fmla="*/ 1078902 w 2217266"/>
                  <a:gd name="connsiteY14" fmla="*/ 325192 h 581414"/>
                  <a:gd name="connsiteX15" fmla="*/ 1029351 w 2217266"/>
                  <a:gd name="connsiteY15" fmla="*/ 501285 h 581414"/>
                  <a:gd name="connsiteX16" fmla="*/ 763141 w 2217266"/>
                  <a:gd name="connsiteY16" fmla="*/ 562928 h 581414"/>
                  <a:gd name="connsiteX17" fmla="*/ 571364 w 2217266"/>
                  <a:gd name="connsiteY17" fmla="*/ 539506 h 581414"/>
                  <a:gd name="connsiteX18" fmla="*/ 475114 w 2217266"/>
                  <a:gd name="connsiteY18" fmla="*/ 502678 h 581414"/>
                  <a:gd name="connsiteX19" fmla="*/ 395047 w 2217266"/>
                  <a:gd name="connsiteY19" fmla="*/ 442822 h 581414"/>
                  <a:gd name="connsiteX20" fmla="*/ 310234 w 2217266"/>
                  <a:gd name="connsiteY20" fmla="*/ 368055 h 581414"/>
                  <a:gd name="connsiteX21" fmla="*/ 247567 w 2217266"/>
                  <a:gd name="connsiteY21" fmla="*/ 347919 h 581414"/>
                  <a:gd name="connsiteX22" fmla="*/ 176119 w 2217266"/>
                  <a:gd name="connsiteY22" fmla="*/ 264515 h 581414"/>
                  <a:gd name="connsiteX23" fmla="*/ 0 w 2217266"/>
                  <a:gd name="connsiteY23" fmla="*/ 35868 h 581414"/>
                  <a:gd name="connsiteX0" fmla="*/ 0 w 2217266"/>
                  <a:gd name="connsiteY0" fmla="*/ 35868 h 581414"/>
                  <a:gd name="connsiteX1" fmla="*/ 1115037 w 2217266"/>
                  <a:gd name="connsiteY1" fmla="*/ 0 h 581414"/>
                  <a:gd name="connsiteX2" fmla="*/ 2217266 w 2217266"/>
                  <a:gd name="connsiteY2" fmla="*/ 88110 h 581414"/>
                  <a:gd name="connsiteX3" fmla="*/ 2064581 w 2217266"/>
                  <a:gd name="connsiteY3" fmla="*/ 302390 h 581414"/>
                  <a:gd name="connsiteX4" fmla="*/ 1927579 w 2217266"/>
                  <a:gd name="connsiteY4" fmla="*/ 428062 h 581414"/>
                  <a:gd name="connsiteX5" fmla="*/ 1777443 w 2217266"/>
                  <a:gd name="connsiteY5" fmla="*/ 510688 h 581414"/>
                  <a:gd name="connsiteX6" fmla="*/ 1630399 w 2217266"/>
                  <a:gd name="connsiteY6" fmla="*/ 579510 h 581414"/>
                  <a:gd name="connsiteX7" fmla="*/ 1462582 w 2217266"/>
                  <a:gd name="connsiteY7" fmla="*/ 559743 h 581414"/>
                  <a:gd name="connsiteX8" fmla="*/ 1270354 w 2217266"/>
                  <a:gd name="connsiteY8" fmla="*/ 533790 h 581414"/>
                  <a:gd name="connsiteX9" fmla="*/ 1195023 w 2217266"/>
                  <a:gd name="connsiteY9" fmla="*/ 454498 h 581414"/>
                  <a:gd name="connsiteX10" fmla="*/ 1148330 w 2217266"/>
                  <a:gd name="connsiteY10" fmla="*/ 322931 h 581414"/>
                  <a:gd name="connsiteX11" fmla="*/ 1127416 w 2217266"/>
                  <a:gd name="connsiteY11" fmla="*/ 166364 h 581414"/>
                  <a:gd name="connsiteX12" fmla="*/ 1123609 w 2217266"/>
                  <a:gd name="connsiteY12" fmla="*/ 97484 h 581414"/>
                  <a:gd name="connsiteX13" fmla="*/ 1098904 w 2217266"/>
                  <a:gd name="connsiteY13" fmla="*/ 179460 h 581414"/>
                  <a:gd name="connsiteX14" fmla="*/ 1078902 w 2217266"/>
                  <a:gd name="connsiteY14" fmla="*/ 325192 h 581414"/>
                  <a:gd name="connsiteX15" fmla="*/ 1029351 w 2217266"/>
                  <a:gd name="connsiteY15" fmla="*/ 501285 h 581414"/>
                  <a:gd name="connsiteX16" fmla="*/ 763141 w 2217266"/>
                  <a:gd name="connsiteY16" fmla="*/ 562928 h 581414"/>
                  <a:gd name="connsiteX17" fmla="*/ 571364 w 2217266"/>
                  <a:gd name="connsiteY17" fmla="*/ 539506 h 581414"/>
                  <a:gd name="connsiteX18" fmla="*/ 475114 w 2217266"/>
                  <a:gd name="connsiteY18" fmla="*/ 502678 h 581414"/>
                  <a:gd name="connsiteX19" fmla="*/ 395047 w 2217266"/>
                  <a:gd name="connsiteY19" fmla="*/ 442822 h 581414"/>
                  <a:gd name="connsiteX20" fmla="*/ 310234 w 2217266"/>
                  <a:gd name="connsiteY20" fmla="*/ 368055 h 581414"/>
                  <a:gd name="connsiteX21" fmla="*/ 247567 w 2217266"/>
                  <a:gd name="connsiteY21" fmla="*/ 347919 h 581414"/>
                  <a:gd name="connsiteX22" fmla="*/ 176119 w 2217266"/>
                  <a:gd name="connsiteY22" fmla="*/ 264515 h 581414"/>
                  <a:gd name="connsiteX23" fmla="*/ 0 w 2217266"/>
                  <a:gd name="connsiteY23" fmla="*/ 35868 h 581414"/>
                  <a:gd name="connsiteX0" fmla="*/ 0 w 2217266"/>
                  <a:gd name="connsiteY0" fmla="*/ 35868 h 581414"/>
                  <a:gd name="connsiteX1" fmla="*/ 1115037 w 2217266"/>
                  <a:gd name="connsiteY1" fmla="*/ 0 h 581414"/>
                  <a:gd name="connsiteX2" fmla="*/ 2217266 w 2217266"/>
                  <a:gd name="connsiteY2" fmla="*/ 88110 h 581414"/>
                  <a:gd name="connsiteX3" fmla="*/ 2064581 w 2217266"/>
                  <a:gd name="connsiteY3" fmla="*/ 302390 h 581414"/>
                  <a:gd name="connsiteX4" fmla="*/ 1927579 w 2217266"/>
                  <a:gd name="connsiteY4" fmla="*/ 428062 h 581414"/>
                  <a:gd name="connsiteX5" fmla="*/ 1777443 w 2217266"/>
                  <a:gd name="connsiteY5" fmla="*/ 510688 h 581414"/>
                  <a:gd name="connsiteX6" fmla="*/ 1630399 w 2217266"/>
                  <a:gd name="connsiteY6" fmla="*/ 579510 h 581414"/>
                  <a:gd name="connsiteX7" fmla="*/ 1462582 w 2217266"/>
                  <a:gd name="connsiteY7" fmla="*/ 559743 h 581414"/>
                  <a:gd name="connsiteX8" fmla="*/ 1270354 w 2217266"/>
                  <a:gd name="connsiteY8" fmla="*/ 533790 h 581414"/>
                  <a:gd name="connsiteX9" fmla="*/ 1195023 w 2217266"/>
                  <a:gd name="connsiteY9" fmla="*/ 454498 h 581414"/>
                  <a:gd name="connsiteX10" fmla="*/ 1148330 w 2217266"/>
                  <a:gd name="connsiteY10" fmla="*/ 322931 h 581414"/>
                  <a:gd name="connsiteX11" fmla="*/ 1127416 w 2217266"/>
                  <a:gd name="connsiteY11" fmla="*/ 166364 h 581414"/>
                  <a:gd name="connsiteX12" fmla="*/ 1123609 w 2217266"/>
                  <a:gd name="connsiteY12" fmla="*/ 97484 h 581414"/>
                  <a:gd name="connsiteX13" fmla="*/ 1098904 w 2217266"/>
                  <a:gd name="connsiteY13" fmla="*/ 179460 h 581414"/>
                  <a:gd name="connsiteX14" fmla="*/ 1078902 w 2217266"/>
                  <a:gd name="connsiteY14" fmla="*/ 325192 h 581414"/>
                  <a:gd name="connsiteX15" fmla="*/ 1029351 w 2217266"/>
                  <a:gd name="connsiteY15" fmla="*/ 501285 h 581414"/>
                  <a:gd name="connsiteX16" fmla="*/ 763141 w 2217266"/>
                  <a:gd name="connsiteY16" fmla="*/ 562928 h 581414"/>
                  <a:gd name="connsiteX17" fmla="*/ 571364 w 2217266"/>
                  <a:gd name="connsiteY17" fmla="*/ 539506 h 581414"/>
                  <a:gd name="connsiteX18" fmla="*/ 475114 w 2217266"/>
                  <a:gd name="connsiteY18" fmla="*/ 502678 h 581414"/>
                  <a:gd name="connsiteX19" fmla="*/ 395047 w 2217266"/>
                  <a:gd name="connsiteY19" fmla="*/ 442822 h 581414"/>
                  <a:gd name="connsiteX20" fmla="*/ 310234 w 2217266"/>
                  <a:gd name="connsiteY20" fmla="*/ 368055 h 581414"/>
                  <a:gd name="connsiteX21" fmla="*/ 247567 w 2217266"/>
                  <a:gd name="connsiteY21" fmla="*/ 347919 h 581414"/>
                  <a:gd name="connsiteX22" fmla="*/ 176119 w 2217266"/>
                  <a:gd name="connsiteY22" fmla="*/ 264515 h 581414"/>
                  <a:gd name="connsiteX23" fmla="*/ 0 w 2217266"/>
                  <a:gd name="connsiteY23" fmla="*/ 35868 h 581414"/>
                  <a:gd name="connsiteX0" fmla="*/ 0 w 2217266"/>
                  <a:gd name="connsiteY0" fmla="*/ 35868 h 581414"/>
                  <a:gd name="connsiteX1" fmla="*/ 1115037 w 2217266"/>
                  <a:gd name="connsiteY1" fmla="*/ 0 h 581414"/>
                  <a:gd name="connsiteX2" fmla="*/ 2217266 w 2217266"/>
                  <a:gd name="connsiteY2" fmla="*/ 88110 h 581414"/>
                  <a:gd name="connsiteX3" fmla="*/ 2064581 w 2217266"/>
                  <a:gd name="connsiteY3" fmla="*/ 302390 h 581414"/>
                  <a:gd name="connsiteX4" fmla="*/ 1927579 w 2217266"/>
                  <a:gd name="connsiteY4" fmla="*/ 428062 h 581414"/>
                  <a:gd name="connsiteX5" fmla="*/ 1777443 w 2217266"/>
                  <a:gd name="connsiteY5" fmla="*/ 510688 h 581414"/>
                  <a:gd name="connsiteX6" fmla="*/ 1630399 w 2217266"/>
                  <a:gd name="connsiteY6" fmla="*/ 579510 h 581414"/>
                  <a:gd name="connsiteX7" fmla="*/ 1462582 w 2217266"/>
                  <a:gd name="connsiteY7" fmla="*/ 559743 h 581414"/>
                  <a:gd name="connsiteX8" fmla="*/ 1270354 w 2217266"/>
                  <a:gd name="connsiteY8" fmla="*/ 533790 h 581414"/>
                  <a:gd name="connsiteX9" fmla="*/ 1195023 w 2217266"/>
                  <a:gd name="connsiteY9" fmla="*/ 454498 h 581414"/>
                  <a:gd name="connsiteX10" fmla="*/ 1148330 w 2217266"/>
                  <a:gd name="connsiteY10" fmla="*/ 322931 h 581414"/>
                  <a:gd name="connsiteX11" fmla="*/ 1127416 w 2217266"/>
                  <a:gd name="connsiteY11" fmla="*/ 166364 h 581414"/>
                  <a:gd name="connsiteX12" fmla="*/ 1123609 w 2217266"/>
                  <a:gd name="connsiteY12" fmla="*/ 97484 h 581414"/>
                  <a:gd name="connsiteX13" fmla="*/ 1098904 w 2217266"/>
                  <a:gd name="connsiteY13" fmla="*/ 179460 h 581414"/>
                  <a:gd name="connsiteX14" fmla="*/ 1078902 w 2217266"/>
                  <a:gd name="connsiteY14" fmla="*/ 325192 h 581414"/>
                  <a:gd name="connsiteX15" fmla="*/ 1029351 w 2217266"/>
                  <a:gd name="connsiteY15" fmla="*/ 501285 h 581414"/>
                  <a:gd name="connsiteX16" fmla="*/ 763141 w 2217266"/>
                  <a:gd name="connsiteY16" fmla="*/ 562928 h 581414"/>
                  <a:gd name="connsiteX17" fmla="*/ 571364 w 2217266"/>
                  <a:gd name="connsiteY17" fmla="*/ 539506 h 581414"/>
                  <a:gd name="connsiteX18" fmla="*/ 475114 w 2217266"/>
                  <a:gd name="connsiteY18" fmla="*/ 502678 h 581414"/>
                  <a:gd name="connsiteX19" fmla="*/ 395047 w 2217266"/>
                  <a:gd name="connsiteY19" fmla="*/ 442822 h 581414"/>
                  <a:gd name="connsiteX20" fmla="*/ 310234 w 2217266"/>
                  <a:gd name="connsiteY20" fmla="*/ 368055 h 581414"/>
                  <a:gd name="connsiteX21" fmla="*/ 247567 w 2217266"/>
                  <a:gd name="connsiteY21" fmla="*/ 347919 h 581414"/>
                  <a:gd name="connsiteX22" fmla="*/ 176119 w 2217266"/>
                  <a:gd name="connsiteY22" fmla="*/ 264515 h 581414"/>
                  <a:gd name="connsiteX23" fmla="*/ 0 w 2217266"/>
                  <a:gd name="connsiteY23" fmla="*/ 35868 h 581414"/>
                  <a:gd name="connsiteX0" fmla="*/ 0 w 2217266"/>
                  <a:gd name="connsiteY0" fmla="*/ 35868 h 581414"/>
                  <a:gd name="connsiteX1" fmla="*/ 1115037 w 2217266"/>
                  <a:gd name="connsiteY1" fmla="*/ 0 h 581414"/>
                  <a:gd name="connsiteX2" fmla="*/ 2217266 w 2217266"/>
                  <a:gd name="connsiteY2" fmla="*/ 88110 h 581414"/>
                  <a:gd name="connsiteX3" fmla="*/ 2064581 w 2217266"/>
                  <a:gd name="connsiteY3" fmla="*/ 302390 h 581414"/>
                  <a:gd name="connsiteX4" fmla="*/ 1939071 w 2217266"/>
                  <a:gd name="connsiteY4" fmla="*/ 400434 h 581414"/>
                  <a:gd name="connsiteX5" fmla="*/ 1777443 w 2217266"/>
                  <a:gd name="connsiteY5" fmla="*/ 510688 h 581414"/>
                  <a:gd name="connsiteX6" fmla="*/ 1630399 w 2217266"/>
                  <a:gd name="connsiteY6" fmla="*/ 579510 h 581414"/>
                  <a:gd name="connsiteX7" fmla="*/ 1462582 w 2217266"/>
                  <a:gd name="connsiteY7" fmla="*/ 559743 h 581414"/>
                  <a:gd name="connsiteX8" fmla="*/ 1270354 w 2217266"/>
                  <a:gd name="connsiteY8" fmla="*/ 533790 h 581414"/>
                  <a:gd name="connsiteX9" fmla="*/ 1195023 w 2217266"/>
                  <a:gd name="connsiteY9" fmla="*/ 454498 h 581414"/>
                  <a:gd name="connsiteX10" fmla="*/ 1148330 w 2217266"/>
                  <a:gd name="connsiteY10" fmla="*/ 322931 h 581414"/>
                  <a:gd name="connsiteX11" fmla="*/ 1127416 w 2217266"/>
                  <a:gd name="connsiteY11" fmla="*/ 166364 h 581414"/>
                  <a:gd name="connsiteX12" fmla="*/ 1123609 w 2217266"/>
                  <a:gd name="connsiteY12" fmla="*/ 97484 h 581414"/>
                  <a:gd name="connsiteX13" fmla="*/ 1098904 w 2217266"/>
                  <a:gd name="connsiteY13" fmla="*/ 179460 h 581414"/>
                  <a:gd name="connsiteX14" fmla="*/ 1078902 w 2217266"/>
                  <a:gd name="connsiteY14" fmla="*/ 325192 h 581414"/>
                  <a:gd name="connsiteX15" fmla="*/ 1029351 w 2217266"/>
                  <a:gd name="connsiteY15" fmla="*/ 501285 h 581414"/>
                  <a:gd name="connsiteX16" fmla="*/ 763141 w 2217266"/>
                  <a:gd name="connsiteY16" fmla="*/ 562928 h 581414"/>
                  <a:gd name="connsiteX17" fmla="*/ 571364 w 2217266"/>
                  <a:gd name="connsiteY17" fmla="*/ 539506 h 581414"/>
                  <a:gd name="connsiteX18" fmla="*/ 475114 w 2217266"/>
                  <a:gd name="connsiteY18" fmla="*/ 502678 h 581414"/>
                  <a:gd name="connsiteX19" fmla="*/ 395047 w 2217266"/>
                  <a:gd name="connsiteY19" fmla="*/ 442822 h 581414"/>
                  <a:gd name="connsiteX20" fmla="*/ 310234 w 2217266"/>
                  <a:gd name="connsiteY20" fmla="*/ 368055 h 581414"/>
                  <a:gd name="connsiteX21" fmla="*/ 247567 w 2217266"/>
                  <a:gd name="connsiteY21" fmla="*/ 347919 h 581414"/>
                  <a:gd name="connsiteX22" fmla="*/ 176119 w 2217266"/>
                  <a:gd name="connsiteY22" fmla="*/ 264515 h 581414"/>
                  <a:gd name="connsiteX23" fmla="*/ 0 w 2217266"/>
                  <a:gd name="connsiteY23" fmla="*/ 35868 h 581414"/>
                  <a:gd name="connsiteX0" fmla="*/ 0 w 2217266"/>
                  <a:gd name="connsiteY0" fmla="*/ 35868 h 591157"/>
                  <a:gd name="connsiteX1" fmla="*/ 1115037 w 2217266"/>
                  <a:gd name="connsiteY1" fmla="*/ 0 h 591157"/>
                  <a:gd name="connsiteX2" fmla="*/ 2217266 w 2217266"/>
                  <a:gd name="connsiteY2" fmla="*/ 88110 h 591157"/>
                  <a:gd name="connsiteX3" fmla="*/ 2064581 w 2217266"/>
                  <a:gd name="connsiteY3" fmla="*/ 302390 h 591157"/>
                  <a:gd name="connsiteX4" fmla="*/ 1939071 w 2217266"/>
                  <a:gd name="connsiteY4" fmla="*/ 400434 h 591157"/>
                  <a:gd name="connsiteX5" fmla="*/ 1777443 w 2217266"/>
                  <a:gd name="connsiteY5" fmla="*/ 510688 h 591157"/>
                  <a:gd name="connsiteX6" fmla="*/ 1630399 w 2217266"/>
                  <a:gd name="connsiteY6" fmla="*/ 579510 h 591157"/>
                  <a:gd name="connsiteX7" fmla="*/ 1462582 w 2217266"/>
                  <a:gd name="connsiteY7" fmla="*/ 559743 h 591157"/>
                  <a:gd name="connsiteX8" fmla="*/ 1270354 w 2217266"/>
                  <a:gd name="connsiteY8" fmla="*/ 533790 h 591157"/>
                  <a:gd name="connsiteX9" fmla="*/ 1195023 w 2217266"/>
                  <a:gd name="connsiteY9" fmla="*/ 454498 h 591157"/>
                  <a:gd name="connsiteX10" fmla="*/ 1148330 w 2217266"/>
                  <a:gd name="connsiteY10" fmla="*/ 322931 h 591157"/>
                  <a:gd name="connsiteX11" fmla="*/ 1127416 w 2217266"/>
                  <a:gd name="connsiteY11" fmla="*/ 166364 h 591157"/>
                  <a:gd name="connsiteX12" fmla="*/ 1123609 w 2217266"/>
                  <a:gd name="connsiteY12" fmla="*/ 97484 h 591157"/>
                  <a:gd name="connsiteX13" fmla="*/ 1098904 w 2217266"/>
                  <a:gd name="connsiteY13" fmla="*/ 179460 h 591157"/>
                  <a:gd name="connsiteX14" fmla="*/ 1078902 w 2217266"/>
                  <a:gd name="connsiteY14" fmla="*/ 325192 h 591157"/>
                  <a:gd name="connsiteX15" fmla="*/ 1029351 w 2217266"/>
                  <a:gd name="connsiteY15" fmla="*/ 501285 h 591157"/>
                  <a:gd name="connsiteX16" fmla="*/ 763141 w 2217266"/>
                  <a:gd name="connsiteY16" fmla="*/ 562928 h 591157"/>
                  <a:gd name="connsiteX17" fmla="*/ 571364 w 2217266"/>
                  <a:gd name="connsiteY17" fmla="*/ 539506 h 591157"/>
                  <a:gd name="connsiteX18" fmla="*/ 475114 w 2217266"/>
                  <a:gd name="connsiteY18" fmla="*/ 502678 h 591157"/>
                  <a:gd name="connsiteX19" fmla="*/ 395047 w 2217266"/>
                  <a:gd name="connsiteY19" fmla="*/ 442822 h 591157"/>
                  <a:gd name="connsiteX20" fmla="*/ 310234 w 2217266"/>
                  <a:gd name="connsiteY20" fmla="*/ 368055 h 591157"/>
                  <a:gd name="connsiteX21" fmla="*/ 247567 w 2217266"/>
                  <a:gd name="connsiteY21" fmla="*/ 347919 h 591157"/>
                  <a:gd name="connsiteX22" fmla="*/ 176119 w 2217266"/>
                  <a:gd name="connsiteY22" fmla="*/ 264515 h 591157"/>
                  <a:gd name="connsiteX23" fmla="*/ 0 w 2217266"/>
                  <a:gd name="connsiteY23" fmla="*/ 35868 h 591157"/>
                  <a:gd name="connsiteX0" fmla="*/ 0 w 2217266"/>
                  <a:gd name="connsiteY0" fmla="*/ 35868 h 588221"/>
                  <a:gd name="connsiteX1" fmla="*/ 1115037 w 2217266"/>
                  <a:gd name="connsiteY1" fmla="*/ 0 h 588221"/>
                  <a:gd name="connsiteX2" fmla="*/ 2217266 w 2217266"/>
                  <a:gd name="connsiteY2" fmla="*/ 88110 h 588221"/>
                  <a:gd name="connsiteX3" fmla="*/ 2064581 w 2217266"/>
                  <a:gd name="connsiteY3" fmla="*/ 302390 h 588221"/>
                  <a:gd name="connsiteX4" fmla="*/ 1939071 w 2217266"/>
                  <a:gd name="connsiteY4" fmla="*/ 400434 h 588221"/>
                  <a:gd name="connsiteX5" fmla="*/ 1777443 w 2217266"/>
                  <a:gd name="connsiteY5" fmla="*/ 510688 h 588221"/>
                  <a:gd name="connsiteX6" fmla="*/ 1622737 w 2217266"/>
                  <a:gd name="connsiteY6" fmla="*/ 576057 h 588221"/>
                  <a:gd name="connsiteX7" fmla="*/ 1462582 w 2217266"/>
                  <a:gd name="connsiteY7" fmla="*/ 559743 h 588221"/>
                  <a:gd name="connsiteX8" fmla="*/ 1270354 w 2217266"/>
                  <a:gd name="connsiteY8" fmla="*/ 533790 h 588221"/>
                  <a:gd name="connsiteX9" fmla="*/ 1195023 w 2217266"/>
                  <a:gd name="connsiteY9" fmla="*/ 454498 h 588221"/>
                  <a:gd name="connsiteX10" fmla="*/ 1148330 w 2217266"/>
                  <a:gd name="connsiteY10" fmla="*/ 322931 h 588221"/>
                  <a:gd name="connsiteX11" fmla="*/ 1127416 w 2217266"/>
                  <a:gd name="connsiteY11" fmla="*/ 166364 h 588221"/>
                  <a:gd name="connsiteX12" fmla="*/ 1123609 w 2217266"/>
                  <a:gd name="connsiteY12" fmla="*/ 97484 h 588221"/>
                  <a:gd name="connsiteX13" fmla="*/ 1098904 w 2217266"/>
                  <a:gd name="connsiteY13" fmla="*/ 179460 h 588221"/>
                  <a:gd name="connsiteX14" fmla="*/ 1078902 w 2217266"/>
                  <a:gd name="connsiteY14" fmla="*/ 325192 h 588221"/>
                  <a:gd name="connsiteX15" fmla="*/ 1029351 w 2217266"/>
                  <a:gd name="connsiteY15" fmla="*/ 501285 h 588221"/>
                  <a:gd name="connsiteX16" fmla="*/ 763141 w 2217266"/>
                  <a:gd name="connsiteY16" fmla="*/ 562928 h 588221"/>
                  <a:gd name="connsiteX17" fmla="*/ 571364 w 2217266"/>
                  <a:gd name="connsiteY17" fmla="*/ 539506 h 588221"/>
                  <a:gd name="connsiteX18" fmla="*/ 475114 w 2217266"/>
                  <a:gd name="connsiteY18" fmla="*/ 502678 h 588221"/>
                  <a:gd name="connsiteX19" fmla="*/ 395047 w 2217266"/>
                  <a:gd name="connsiteY19" fmla="*/ 442822 h 588221"/>
                  <a:gd name="connsiteX20" fmla="*/ 310234 w 2217266"/>
                  <a:gd name="connsiteY20" fmla="*/ 368055 h 588221"/>
                  <a:gd name="connsiteX21" fmla="*/ 247567 w 2217266"/>
                  <a:gd name="connsiteY21" fmla="*/ 347919 h 588221"/>
                  <a:gd name="connsiteX22" fmla="*/ 176119 w 2217266"/>
                  <a:gd name="connsiteY22" fmla="*/ 264515 h 588221"/>
                  <a:gd name="connsiteX23" fmla="*/ 0 w 2217266"/>
                  <a:gd name="connsiteY23" fmla="*/ 35868 h 588221"/>
                  <a:gd name="connsiteX0" fmla="*/ 0 w 2217266"/>
                  <a:gd name="connsiteY0" fmla="*/ 35868 h 583776"/>
                  <a:gd name="connsiteX1" fmla="*/ 1115037 w 2217266"/>
                  <a:gd name="connsiteY1" fmla="*/ 0 h 583776"/>
                  <a:gd name="connsiteX2" fmla="*/ 2217266 w 2217266"/>
                  <a:gd name="connsiteY2" fmla="*/ 88110 h 583776"/>
                  <a:gd name="connsiteX3" fmla="*/ 2064581 w 2217266"/>
                  <a:gd name="connsiteY3" fmla="*/ 302390 h 583776"/>
                  <a:gd name="connsiteX4" fmla="*/ 1939071 w 2217266"/>
                  <a:gd name="connsiteY4" fmla="*/ 400434 h 583776"/>
                  <a:gd name="connsiteX5" fmla="*/ 1777443 w 2217266"/>
                  <a:gd name="connsiteY5" fmla="*/ 510688 h 583776"/>
                  <a:gd name="connsiteX6" fmla="*/ 1622737 w 2217266"/>
                  <a:gd name="connsiteY6" fmla="*/ 576057 h 583776"/>
                  <a:gd name="connsiteX7" fmla="*/ 1462582 w 2217266"/>
                  <a:gd name="connsiteY7" fmla="*/ 559743 h 583776"/>
                  <a:gd name="connsiteX8" fmla="*/ 1270354 w 2217266"/>
                  <a:gd name="connsiteY8" fmla="*/ 533790 h 583776"/>
                  <a:gd name="connsiteX9" fmla="*/ 1195023 w 2217266"/>
                  <a:gd name="connsiteY9" fmla="*/ 454498 h 583776"/>
                  <a:gd name="connsiteX10" fmla="*/ 1148330 w 2217266"/>
                  <a:gd name="connsiteY10" fmla="*/ 322931 h 583776"/>
                  <a:gd name="connsiteX11" fmla="*/ 1127416 w 2217266"/>
                  <a:gd name="connsiteY11" fmla="*/ 166364 h 583776"/>
                  <a:gd name="connsiteX12" fmla="*/ 1123609 w 2217266"/>
                  <a:gd name="connsiteY12" fmla="*/ 97484 h 583776"/>
                  <a:gd name="connsiteX13" fmla="*/ 1098904 w 2217266"/>
                  <a:gd name="connsiteY13" fmla="*/ 179460 h 583776"/>
                  <a:gd name="connsiteX14" fmla="*/ 1078902 w 2217266"/>
                  <a:gd name="connsiteY14" fmla="*/ 325192 h 583776"/>
                  <a:gd name="connsiteX15" fmla="*/ 1029351 w 2217266"/>
                  <a:gd name="connsiteY15" fmla="*/ 501285 h 583776"/>
                  <a:gd name="connsiteX16" fmla="*/ 763141 w 2217266"/>
                  <a:gd name="connsiteY16" fmla="*/ 562928 h 583776"/>
                  <a:gd name="connsiteX17" fmla="*/ 571364 w 2217266"/>
                  <a:gd name="connsiteY17" fmla="*/ 539506 h 583776"/>
                  <a:gd name="connsiteX18" fmla="*/ 475114 w 2217266"/>
                  <a:gd name="connsiteY18" fmla="*/ 502678 h 583776"/>
                  <a:gd name="connsiteX19" fmla="*/ 395047 w 2217266"/>
                  <a:gd name="connsiteY19" fmla="*/ 442822 h 583776"/>
                  <a:gd name="connsiteX20" fmla="*/ 310234 w 2217266"/>
                  <a:gd name="connsiteY20" fmla="*/ 368055 h 583776"/>
                  <a:gd name="connsiteX21" fmla="*/ 247567 w 2217266"/>
                  <a:gd name="connsiteY21" fmla="*/ 347919 h 583776"/>
                  <a:gd name="connsiteX22" fmla="*/ 176119 w 2217266"/>
                  <a:gd name="connsiteY22" fmla="*/ 264515 h 583776"/>
                  <a:gd name="connsiteX23" fmla="*/ 0 w 2217266"/>
                  <a:gd name="connsiteY23" fmla="*/ 35868 h 583776"/>
                  <a:gd name="connsiteX0" fmla="*/ 0 w 2217266"/>
                  <a:gd name="connsiteY0" fmla="*/ 35868 h 578405"/>
                  <a:gd name="connsiteX1" fmla="*/ 1115037 w 2217266"/>
                  <a:gd name="connsiteY1" fmla="*/ 0 h 578405"/>
                  <a:gd name="connsiteX2" fmla="*/ 2217266 w 2217266"/>
                  <a:gd name="connsiteY2" fmla="*/ 88110 h 578405"/>
                  <a:gd name="connsiteX3" fmla="*/ 2064581 w 2217266"/>
                  <a:gd name="connsiteY3" fmla="*/ 302390 h 578405"/>
                  <a:gd name="connsiteX4" fmla="*/ 1939071 w 2217266"/>
                  <a:gd name="connsiteY4" fmla="*/ 400434 h 578405"/>
                  <a:gd name="connsiteX5" fmla="*/ 1769781 w 2217266"/>
                  <a:gd name="connsiteY5" fmla="*/ 507234 h 578405"/>
                  <a:gd name="connsiteX6" fmla="*/ 1622737 w 2217266"/>
                  <a:gd name="connsiteY6" fmla="*/ 576057 h 578405"/>
                  <a:gd name="connsiteX7" fmla="*/ 1462582 w 2217266"/>
                  <a:gd name="connsiteY7" fmla="*/ 559743 h 578405"/>
                  <a:gd name="connsiteX8" fmla="*/ 1270354 w 2217266"/>
                  <a:gd name="connsiteY8" fmla="*/ 533790 h 578405"/>
                  <a:gd name="connsiteX9" fmla="*/ 1195023 w 2217266"/>
                  <a:gd name="connsiteY9" fmla="*/ 454498 h 578405"/>
                  <a:gd name="connsiteX10" fmla="*/ 1148330 w 2217266"/>
                  <a:gd name="connsiteY10" fmla="*/ 322931 h 578405"/>
                  <a:gd name="connsiteX11" fmla="*/ 1127416 w 2217266"/>
                  <a:gd name="connsiteY11" fmla="*/ 166364 h 578405"/>
                  <a:gd name="connsiteX12" fmla="*/ 1123609 w 2217266"/>
                  <a:gd name="connsiteY12" fmla="*/ 97484 h 578405"/>
                  <a:gd name="connsiteX13" fmla="*/ 1098904 w 2217266"/>
                  <a:gd name="connsiteY13" fmla="*/ 179460 h 578405"/>
                  <a:gd name="connsiteX14" fmla="*/ 1078902 w 2217266"/>
                  <a:gd name="connsiteY14" fmla="*/ 325192 h 578405"/>
                  <a:gd name="connsiteX15" fmla="*/ 1029351 w 2217266"/>
                  <a:gd name="connsiteY15" fmla="*/ 501285 h 578405"/>
                  <a:gd name="connsiteX16" fmla="*/ 763141 w 2217266"/>
                  <a:gd name="connsiteY16" fmla="*/ 562928 h 578405"/>
                  <a:gd name="connsiteX17" fmla="*/ 571364 w 2217266"/>
                  <a:gd name="connsiteY17" fmla="*/ 539506 h 578405"/>
                  <a:gd name="connsiteX18" fmla="*/ 475114 w 2217266"/>
                  <a:gd name="connsiteY18" fmla="*/ 502678 h 578405"/>
                  <a:gd name="connsiteX19" fmla="*/ 395047 w 2217266"/>
                  <a:gd name="connsiteY19" fmla="*/ 442822 h 578405"/>
                  <a:gd name="connsiteX20" fmla="*/ 310234 w 2217266"/>
                  <a:gd name="connsiteY20" fmla="*/ 368055 h 578405"/>
                  <a:gd name="connsiteX21" fmla="*/ 247567 w 2217266"/>
                  <a:gd name="connsiteY21" fmla="*/ 347919 h 578405"/>
                  <a:gd name="connsiteX22" fmla="*/ 176119 w 2217266"/>
                  <a:gd name="connsiteY22" fmla="*/ 264515 h 578405"/>
                  <a:gd name="connsiteX23" fmla="*/ 0 w 2217266"/>
                  <a:gd name="connsiteY23" fmla="*/ 35868 h 578405"/>
                  <a:gd name="connsiteX0" fmla="*/ 0 w 2217266"/>
                  <a:gd name="connsiteY0" fmla="*/ 35868 h 578405"/>
                  <a:gd name="connsiteX1" fmla="*/ 1115037 w 2217266"/>
                  <a:gd name="connsiteY1" fmla="*/ 0 h 578405"/>
                  <a:gd name="connsiteX2" fmla="*/ 2217266 w 2217266"/>
                  <a:gd name="connsiteY2" fmla="*/ 88110 h 578405"/>
                  <a:gd name="connsiteX3" fmla="*/ 2064581 w 2217266"/>
                  <a:gd name="connsiteY3" fmla="*/ 302390 h 578405"/>
                  <a:gd name="connsiteX4" fmla="*/ 1939071 w 2217266"/>
                  <a:gd name="connsiteY4" fmla="*/ 400434 h 578405"/>
                  <a:gd name="connsiteX5" fmla="*/ 1769781 w 2217266"/>
                  <a:gd name="connsiteY5" fmla="*/ 507234 h 578405"/>
                  <a:gd name="connsiteX6" fmla="*/ 1622737 w 2217266"/>
                  <a:gd name="connsiteY6" fmla="*/ 576057 h 578405"/>
                  <a:gd name="connsiteX7" fmla="*/ 1462582 w 2217266"/>
                  <a:gd name="connsiteY7" fmla="*/ 559743 h 578405"/>
                  <a:gd name="connsiteX8" fmla="*/ 1270354 w 2217266"/>
                  <a:gd name="connsiteY8" fmla="*/ 533790 h 578405"/>
                  <a:gd name="connsiteX9" fmla="*/ 1195023 w 2217266"/>
                  <a:gd name="connsiteY9" fmla="*/ 454498 h 578405"/>
                  <a:gd name="connsiteX10" fmla="*/ 1148330 w 2217266"/>
                  <a:gd name="connsiteY10" fmla="*/ 322931 h 578405"/>
                  <a:gd name="connsiteX11" fmla="*/ 1127416 w 2217266"/>
                  <a:gd name="connsiteY11" fmla="*/ 166364 h 578405"/>
                  <a:gd name="connsiteX12" fmla="*/ 1123609 w 2217266"/>
                  <a:gd name="connsiteY12" fmla="*/ 97484 h 578405"/>
                  <a:gd name="connsiteX13" fmla="*/ 1098904 w 2217266"/>
                  <a:gd name="connsiteY13" fmla="*/ 179460 h 578405"/>
                  <a:gd name="connsiteX14" fmla="*/ 1078902 w 2217266"/>
                  <a:gd name="connsiteY14" fmla="*/ 325192 h 578405"/>
                  <a:gd name="connsiteX15" fmla="*/ 1029351 w 2217266"/>
                  <a:gd name="connsiteY15" fmla="*/ 501285 h 578405"/>
                  <a:gd name="connsiteX16" fmla="*/ 763141 w 2217266"/>
                  <a:gd name="connsiteY16" fmla="*/ 562928 h 578405"/>
                  <a:gd name="connsiteX17" fmla="*/ 571364 w 2217266"/>
                  <a:gd name="connsiteY17" fmla="*/ 539506 h 578405"/>
                  <a:gd name="connsiteX18" fmla="*/ 475114 w 2217266"/>
                  <a:gd name="connsiteY18" fmla="*/ 502678 h 578405"/>
                  <a:gd name="connsiteX19" fmla="*/ 395047 w 2217266"/>
                  <a:gd name="connsiteY19" fmla="*/ 442822 h 578405"/>
                  <a:gd name="connsiteX20" fmla="*/ 310234 w 2217266"/>
                  <a:gd name="connsiteY20" fmla="*/ 368055 h 578405"/>
                  <a:gd name="connsiteX21" fmla="*/ 247567 w 2217266"/>
                  <a:gd name="connsiteY21" fmla="*/ 347919 h 578405"/>
                  <a:gd name="connsiteX22" fmla="*/ 176119 w 2217266"/>
                  <a:gd name="connsiteY22" fmla="*/ 264515 h 578405"/>
                  <a:gd name="connsiteX23" fmla="*/ 0 w 2217266"/>
                  <a:gd name="connsiteY23" fmla="*/ 35868 h 578405"/>
                  <a:gd name="connsiteX0" fmla="*/ 0 w 2259403"/>
                  <a:gd name="connsiteY0" fmla="*/ 35868 h 578405"/>
                  <a:gd name="connsiteX1" fmla="*/ 1115037 w 2259403"/>
                  <a:gd name="connsiteY1" fmla="*/ 0 h 578405"/>
                  <a:gd name="connsiteX2" fmla="*/ 2259403 w 2259403"/>
                  <a:gd name="connsiteY2" fmla="*/ 57030 h 578405"/>
                  <a:gd name="connsiteX3" fmla="*/ 2064581 w 2259403"/>
                  <a:gd name="connsiteY3" fmla="*/ 302390 h 578405"/>
                  <a:gd name="connsiteX4" fmla="*/ 1939071 w 2259403"/>
                  <a:gd name="connsiteY4" fmla="*/ 400434 h 578405"/>
                  <a:gd name="connsiteX5" fmla="*/ 1769781 w 2259403"/>
                  <a:gd name="connsiteY5" fmla="*/ 507234 h 578405"/>
                  <a:gd name="connsiteX6" fmla="*/ 1622737 w 2259403"/>
                  <a:gd name="connsiteY6" fmla="*/ 576057 h 578405"/>
                  <a:gd name="connsiteX7" fmla="*/ 1462582 w 2259403"/>
                  <a:gd name="connsiteY7" fmla="*/ 559743 h 578405"/>
                  <a:gd name="connsiteX8" fmla="*/ 1270354 w 2259403"/>
                  <a:gd name="connsiteY8" fmla="*/ 533790 h 578405"/>
                  <a:gd name="connsiteX9" fmla="*/ 1195023 w 2259403"/>
                  <a:gd name="connsiteY9" fmla="*/ 454498 h 578405"/>
                  <a:gd name="connsiteX10" fmla="*/ 1148330 w 2259403"/>
                  <a:gd name="connsiteY10" fmla="*/ 322931 h 578405"/>
                  <a:gd name="connsiteX11" fmla="*/ 1127416 w 2259403"/>
                  <a:gd name="connsiteY11" fmla="*/ 166364 h 578405"/>
                  <a:gd name="connsiteX12" fmla="*/ 1123609 w 2259403"/>
                  <a:gd name="connsiteY12" fmla="*/ 97484 h 578405"/>
                  <a:gd name="connsiteX13" fmla="*/ 1098904 w 2259403"/>
                  <a:gd name="connsiteY13" fmla="*/ 179460 h 578405"/>
                  <a:gd name="connsiteX14" fmla="*/ 1078902 w 2259403"/>
                  <a:gd name="connsiteY14" fmla="*/ 325192 h 578405"/>
                  <a:gd name="connsiteX15" fmla="*/ 1029351 w 2259403"/>
                  <a:gd name="connsiteY15" fmla="*/ 501285 h 578405"/>
                  <a:gd name="connsiteX16" fmla="*/ 763141 w 2259403"/>
                  <a:gd name="connsiteY16" fmla="*/ 562928 h 578405"/>
                  <a:gd name="connsiteX17" fmla="*/ 571364 w 2259403"/>
                  <a:gd name="connsiteY17" fmla="*/ 539506 h 578405"/>
                  <a:gd name="connsiteX18" fmla="*/ 475114 w 2259403"/>
                  <a:gd name="connsiteY18" fmla="*/ 502678 h 578405"/>
                  <a:gd name="connsiteX19" fmla="*/ 395047 w 2259403"/>
                  <a:gd name="connsiteY19" fmla="*/ 442822 h 578405"/>
                  <a:gd name="connsiteX20" fmla="*/ 310234 w 2259403"/>
                  <a:gd name="connsiteY20" fmla="*/ 368055 h 578405"/>
                  <a:gd name="connsiteX21" fmla="*/ 247567 w 2259403"/>
                  <a:gd name="connsiteY21" fmla="*/ 347919 h 578405"/>
                  <a:gd name="connsiteX22" fmla="*/ 176119 w 2259403"/>
                  <a:gd name="connsiteY22" fmla="*/ 264515 h 578405"/>
                  <a:gd name="connsiteX23" fmla="*/ 0 w 2259403"/>
                  <a:gd name="connsiteY23" fmla="*/ 35868 h 578405"/>
                  <a:gd name="connsiteX0" fmla="*/ 0 w 2313844"/>
                  <a:gd name="connsiteY0" fmla="*/ 35868 h 578405"/>
                  <a:gd name="connsiteX1" fmla="*/ 1115037 w 2313844"/>
                  <a:gd name="connsiteY1" fmla="*/ 0 h 578405"/>
                  <a:gd name="connsiteX2" fmla="*/ 2259403 w 2313844"/>
                  <a:gd name="connsiteY2" fmla="*/ 57030 h 578405"/>
                  <a:gd name="connsiteX3" fmla="*/ 2116923 w 2313844"/>
                  <a:gd name="connsiteY3" fmla="*/ 195968 h 578405"/>
                  <a:gd name="connsiteX4" fmla="*/ 2064581 w 2313844"/>
                  <a:gd name="connsiteY4" fmla="*/ 302390 h 578405"/>
                  <a:gd name="connsiteX5" fmla="*/ 1939071 w 2313844"/>
                  <a:gd name="connsiteY5" fmla="*/ 400434 h 578405"/>
                  <a:gd name="connsiteX6" fmla="*/ 1769781 w 2313844"/>
                  <a:gd name="connsiteY6" fmla="*/ 507234 h 578405"/>
                  <a:gd name="connsiteX7" fmla="*/ 1622737 w 2313844"/>
                  <a:gd name="connsiteY7" fmla="*/ 576057 h 578405"/>
                  <a:gd name="connsiteX8" fmla="*/ 1462582 w 2313844"/>
                  <a:gd name="connsiteY8" fmla="*/ 559743 h 578405"/>
                  <a:gd name="connsiteX9" fmla="*/ 1270354 w 2313844"/>
                  <a:gd name="connsiteY9" fmla="*/ 533790 h 578405"/>
                  <a:gd name="connsiteX10" fmla="*/ 1195023 w 2313844"/>
                  <a:gd name="connsiteY10" fmla="*/ 454498 h 578405"/>
                  <a:gd name="connsiteX11" fmla="*/ 1148330 w 2313844"/>
                  <a:gd name="connsiteY11" fmla="*/ 322931 h 578405"/>
                  <a:gd name="connsiteX12" fmla="*/ 1127416 w 2313844"/>
                  <a:gd name="connsiteY12" fmla="*/ 166364 h 578405"/>
                  <a:gd name="connsiteX13" fmla="*/ 1123609 w 2313844"/>
                  <a:gd name="connsiteY13" fmla="*/ 97484 h 578405"/>
                  <a:gd name="connsiteX14" fmla="*/ 1098904 w 2313844"/>
                  <a:gd name="connsiteY14" fmla="*/ 179460 h 578405"/>
                  <a:gd name="connsiteX15" fmla="*/ 1078902 w 2313844"/>
                  <a:gd name="connsiteY15" fmla="*/ 325192 h 578405"/>
                  <a:gd name="connsiteX16" fmla="*/ 1029351 w 2313844"/>
                  <a:gd name="connsiteY16" fmla="*/ 501285 h 578405"/>
                  <a:gd name="connsiteX17" fmla="*/ 763141 w 2313844"/>
                  <a:gd name="connsiteY17" fmla="*/ 562928 h 578405"/>
                  <a:gd name="connsiteX18" fmla="*/ 571364 w 2313844"/>
                  <a:gd name="connsiteY18" fmla="*/ 539506 h 578405"/>
                  <a:gd name="connsiteX19" fmla="*/ 475114 w 2313844"/>
                  <a:gd name="connsiteY19" fmla="*/ 502678 h 578405"/>
                  <a:gd name="connsiteX20" fmla="*/ 395047 w 2313844"/>
                  <a:gd name="connsiteY20" fmla="*/ 442822 h 578405"/>
                  <a:gd name="connsiteX21" fmla="*/ 310234 w 2313844"/>
                  <a:gd name="connsiteY21" fmla="*/ 368055 h 578405"/>
                  <a:gd name="connsiteX22" fmla="*/ 247567 w 2313844"/>
                  <a:gd name="connsiteY22" fmla="*/ 347919 h 578405"/>
                  <a:gd name="connsiteX23" fmla="*/ 176119 w 2313844"/>
                  <a:gd name="connsiteY23" fmla="*/ 264515 h 578405"/>
                  <a:gd name="connsiteX24" fmla="*/ 0 w 2313844"/>
                  <a:gd name="connsiteY24" fmla="*/ 35868 h 578405"/>
                  <a:gd name="connsiteX0" fmla="*/ 0 w 2259403"/>
                  <a:gd name="connsiteY0" fmla="*/ 35868 h 578405"/>
                  <a:gd name="connsiteX1" fmla="*/ 1115037 w 2259403"/>
                  <a:gd name="connsiteY1" fmla="*/ 0 h 578405"/>
                  <a:gd name="connsiteX2" fmla="*/ 2259403 w 2259403"/>
                  <a:gd name="connsiteY2" fmla="*/ 57030 h 578405"/>
                  <a:gd name="connsiteX3" fmla="*/ 2116923 w 2259403"/>
                  <a:gd name="connsiteY3" fmla="*/ 195968 h 578405"/>
                  <a:gd name="connsiteX4" fmla="*/ 2064581 w 2259403"/>
                  <a:gd name="connsiteY4" fmla="*/ 302390 h 578405"/>
                  <a:gd name="connsiteX5" fmla="*/ 1939071 w 2259403"/>
                  <a:gd name="connsiteY5" fmla="*/ 400434 h 578405"/>
                  <a:gd name="connsiteX6" fmla="*/ 1769781 w 2259403"/>
                  <a:gd name="connsiteY6" fmla="*/ 507234 h 578405"/>
                  <a:gd name="connsiteX7" fmla="*/ 1622737 w 2259403"/>
                  <a:gd name="connsiteY7" fmla="*/ 576057 h 578405"/>
                  <a:gd name="connsiteX8" fmla="*/ 1462582 w 2259403"/>
                  <a:gd name="connsiteY8" fmla="*/ 559743 h 578405"/>
                  <a:gd name="connsiteX9" fmla="*/ 1270354 w 2259403"/>
                  <a:gd name="connsiteY9" fmla="*/ 533790 h 578405"/>
                  <a:gd name="connsiteX10" fmla="*/ 1195023 w 2259403"/>
                  <a:gd name="connsiteY10" fmla="*/ 454498 h 578405"/>
                  <a:gd name="connsiteX11" fmla="*/ 1148330 w 2259403"/>
                  <a:gd name="connsiteY11" fmla="*/ 322931 h 578405"/>
                  <a:gd name="connsiteX12" fmla="*/ 1127416 w 2259403"/>
                  <a:gd name="connsiteY12" fmla="*/ 166364 h 578405"/>
                  <a:gd name="connsiteX13" fmla="*/ 1123609 w 2259403"/>
                  <a:gd name="connsiteY13" fmla="*/ 97484 h 578405"/>
                  <a:gd name="connsiteX14" fmla="*/ 1098904 w 2259403"/>
                  <a:gd name="connsiteY14" fmla="*/ 179460 h 578405"/>
                  <a:gd name="connsiteX15" fmla="*/ 1078902 w 2259403"/>
                  <a:gd name="connsiteY15" fmla="*/ 325192 h 578405"/>
                  <a:gd name="connsiteX16" fmla="*/ 1029351 w 2259403"/>
                  <a:gd name="connsiteY16" fmla="*/ 501285 h 578405"/>
                  <a:gd name="connsiteX17" fmla="*/ 763141 w 2259403"/>
                  <a:gd name="connsiteY17" fmla="*/ 562928 h 578405"/>
                  <a:gd name="connsiteX18" fmla="*/ 571364 w 2259403"/>
                  <a:gd name="connsiteY18" fmla="*/ 539506 h 578405"/>
                  <a:gd name="connsiteX19" fmla="*/ 475114 w 2259403"/>
                  <a:gd name="connsiteY19" fmla="*/ 502678 h 578405"/>
                  <a:gd name="connsiteX20" fmla="*/ 395047 w 2259403"/>
                  <a:gd name="connsiteY20" fmla="*/ 442822 h 578405"/>
                  <a:gd name="connsiteX21" fmla="*/ 310234 w 2259403"/>
                  <a:gd name="connsiteY21" fmla="*/ 368055 h 578405"/>
                  <a:gd name="connsiteX22" fmla="*/ 247567 w 2259403"/>
                  <a:gd name="connsiteY22" fmla="*/ 347919 h 578405"/>
                  <a:gd name="connsiteX23" fmla="*/ 176119 w 2259403"/>
                  <a:gd name="connsiteY23" fmla="*/ 264515 h 578405"/>
                  <a:gd name="connsiteX24" fmla="*/ 0 w 2259403"/>
                  <a:gd name="connsiteY24" fmla="*/ 35868 h 578405"/>
                  <a:gd name="connsiteX0" fmla="*/ 0 w 2259403"/>
                  <a:gd name="connsiteY0" fmla="*/ 35868 h 578405"/>
                  <a:gd name="connsiteX1" fmla="*/ 1115037 w 2259403"/>
                  <a:gd name="connsiteY1" fmla="*/ 0 h 578405"/>
                  <a:gd name="connsiteX2" fmla="*/ 2259403 w 2259403"/>
                  <a:gd name="connsiteY2" fmla="*/ 57030 h 578405"/>
                  <a:gd name="connsiteX3" fmla="*/ 2116923 w 2259403"/>
                  <a:gd name="connsiteY3" fmla="*/ 195968 h 578405"/>
                  <a:gd name="connsiteX4" fmla="*/ 2049258 w 2259403"/>
                  <a:gd name="connsiteY4" fmla="*/ 302389 h 578405"/>
                  <a:gd name="connsiteX5" fmla="*/ 1939071 w 2259403"/>
                  <a:gd name="connsiteY5" fmla="*/ 400434 h 578405"/>
                  <a:gd name="connsiteX6" fmla="*/ 1769781 w 2259403"/>
                  <a:gd name="connsiteY6" fmla="*/ 507234 h 578405"/>
                  <a:gd name="connsiteX7" fmla="*/ 1622737 w 2259403"/>
                  <a:gd name="connsiteY7" fmla="*/ 576057 h 578405"/>
                  <a:gd name="connsiteX8" fmla="*/ 1462582 w 2259403"/>
                  <a:gd name="connsiteY8" fmla="*/ 559743 h 578405"/>
                  <a:gd name="connsiteX9" fmla="*/ 1270354 w 2259403"/>
                  <a:gd name="connsiteY9" fmla="*/ 533790 h 578405"/>
                  <a:gd name="connsiteX10" fmla="*/ 1195023 w 2259403"/>
                  <a:gd name="connsiteY10" fmla="*/ 454498 h 578405"/>
                  <a:gd name="connsiteX11" fmla="*/ 1148330 w 2259403"/>
                  <a:gd name="connsiteY11" fmla="*/ 322931 h 578405"/>
                  <a:gd name="connsiteX12" fmla="*/ 1127416 w 2259403"/>
                  <a:gd name="connsiteY12" fmla="*/ 166364 h 578405"/>
                  <a:gd name="connsiteX13" fmla="*/ 1123609 w 2259403"/>
                  <a:gd name="connsiteY13" fmla="*/ 97484 h 578405"/>
                  <a:gd name="connsiteX14" fmla="*/ 1098904 w 2259403"/>
                  <a:gd name="connsiteY14" fmla="*/ 179460 h 578405"/>
                  <a:gd name="connsiteX15" fmla="*/ 1078902 w 2259403"/>
                  <a:gd name="connsiteY15" fmla="*/ 325192 h 578405"/>
                  <a:gd name="connsiteX16" fmla="*/ 1029351 w 2259403"/>
                  <a:gd name="connsiteY16" fmla="*/ 501285 h 578405"/>
                  <a:gd name="connsiteX17" fmla="*/ 763141 w 2259403"/>
                  <a:gd name="connsiteY17" fmla="*/ 562928 h 578405"/>
                  <a:gd name="connsiteX18" fmla="*/ 571364 w 2259403"/>
                  <a:gd name="connsiteY18" fmla="*/ 539506 h 578405"/>
                  <a:gd name="connsiteX19" fmla="*/ 475114 w 2259403"/>
                  <a:gd name="connsiteY19" fmla="*/ 502678 h 578405"/>
                  <a:gd name="connsiteX20" fmla="*/ 395047 w 2259403"/>
                  <a:gd name="connsiteY20" fmla="*/ 442822 h 578405"/>
                  <a:gd name="connsiteX21" fmla="*/ 310234 w 2259403"/>
                  <a:gd name="connsiteY21" fmla="*/ 368055 h 578405"/>
                  <a:gd name="connsiteX22" fmla="*/ 247567 w 2259403"/>
                  <a:gd name="connsiteY22" fmla="*/ 347919 h 578405"/>
                  <a:gd name="connsiteX23" fmla="*/ 176119 w 2259403"/>
                  <a:gd name="connsiteY23" fmla="*/ 264515 h 578405"/>
                  <a:gd name="connsiteX24" fmla="*/ 0 w 2259403"/>
                  <a:gd name="connsiteY24" fmla="*/ 35868 h 578405"/>
                  <a:gd name="connsiteX0" fmla="*/ 0 w 2259403"/>
                  <a:gd name="connsiteY0" fmla="*/ 19442 h 561979"/>
                  <a:gd name="connsiteX1" fmla="*/ 1141859 w 2259403"/>
                  <a:gd name="connsiteY1" fmla="*/ 0 h 561979"/>
                  <a:gd name="connsiteX2" fmla="*/ 2259403 w 2259403"/>
                  <a:gd name="connsiteY2" fmla="*/ 40604 h 561979"/>
                  <a:gd name="connsiteX3" fmla="*/ 2116923 w 2259403"/>
                  <a:gd name="connsiteY3" fmla="*/ 179542 h 561979"/>
                  <a:gd name="connsiteX4" fmla="*/ 2049258 w 2259403"/>
                  <a:gd name="connsiteY4" fmla="*/ 285963 h 561979"/>
                  <a:gd name="connsiteX5" fmla="*/ 1939071 w 2259403"/>
                  <a:gd name="connsiteY5" fmla="*/ 384008 h 561979"/>
                  <a:gd name="connsiteX6" fmla="*/ 1769781 w 2259403"/>
                  <a:gd name="connsiteY6" fmla="*/ 490808 h 561979"/>
                  <a:gd name="connsiteX7" fmla="*/ 1622737 w 2259403"/>
                  <a:gd name="connsiteY7" fmla="*/ 559631 h 561979"/>
                  <a:gd name="connsiteX8" fmla="*/ 1462582 w 2259403"/>
                  <a:gd name="connsiteY8" fmla="*/ 543317 h 561979"/>
                  <a:gd name="connsiteX9" fmla="*/ 1270354 w 2259403"/>
                  <a:gd name="connsiteY9" fmla="*/ 517364 h 561979"/>
                  <a:gd name="connsiteX10" fmla="*/ 1195023 w 2259403"/>
                  <a:gd name="connsiteY10" fmla="*/ 438072 h 561979"/>
                  <a:gd name="connsiteX11" fmla="*/ 1148330 w 2259403"/>
                  <a:gd name="connsiteY11" fmla="*/ 306505 h 561979"/>
                  <a:gd name="connsiteX12" fmla="*/ 1127416 w 2259403"/>
                  <a:gd name="connsiteY12" fmla="*/ 149938 h 561979"/>
                  <a:gd name="connsiteX13" fmla="*/ 1123609 w 2259403"/>
                  <a:gd name="connsiteY13" fmla="*/ 81058 h 561979"/>
                  <a:gd name="connsiteX14" fmla="*/ 1098904 w 2259403"/>
                  <a:gd name="connsiteY14" fmla="*/ 163034 h 561979"/>
                  <a:gd name="connsiteX15" fmla="*/ 1078902 w 2259403"/>
                  <a:gd name="connsiteY15" fmla="*/ 308766 h 561979"/>
                  <a:gd name="connsiteX16" fmla="*/ 1029351 w 2259403"/>
                  <a:gd name="connsiteY16" fmla="*/ 484859 h 561979"/>
                  <a:gd name="connsiteX17" fmla="*/ 763141 w 2259403"/>
                  <a:gd name="connsiteY17" fmla="*/ 546502 h 561979"/>
                  <a:gd name="connsiteX18" fmla="*/ 571364 w 2259403"/>
                  <a:gd name="connsiteY18" fmla="*/ 523080 h 561979"/>
                  <a:gd name="connsiteX19" fmla="*/ 475114 w 2259403"/>
                  <a:gd name="connsiteY19" fmla="*/ 486252 h 561979"/>
                  <a:gd name="connsiteX20" fmla="*/ 395047 w 2259403"/>
                  <a:gd name="connsiteY20" fmla="*/ 426396 h 561979"/>
                  <a:gd name="connsiteX21" fmla="*/ 310234 w 2259403"/>
                  <a:gd name="connsiteY21" fmla="*/ 351629 h 561979"/>
                  <a:gd name="connsiteX22" fmla="*/ 247567 w 2259403"/>
                  <a:gd name="connsiteY22" fmla="*/ 331493 h 561979"/>
                  <a:gd name="connsiteX23" fmla="*/ 176119 w 2259403"/>
                  <a:gd name="connsiteY23" fmla="*/ 248089 h 561979"/>
                  <a:gd name="connsiteX24" fmla="*/ 0 w 2259403"/>
                  <a:gd name="connsiteY24" fmla="*/ 19442 h 561979"/>
                  <a:gd name="connsiteX0" fmla="*/ 0 w 2239896"/>
                  <a:gd name="connsiteY0" fmla="*/ 19442 h 561979"/>
                  <a:gd name="connsiteX1" fmla="*/ 1122352 w 2239896"/>
                  <a:gd name="connsiteY1" fmla="*/ 0 h 561979"/>
                  <a:gd name="connsiteX2" fmla="*/ 2239896 w 2239896"/>
                  <a:gd name="connsiteY2" fmla="*/ 40604 h 561979"/>
                  <a:gd name="connsiteX3" fmla="*/ 2097416 w 2239896"/>
                  <a:gd name="connsiteY3" fmla="*/ 179542 h 561979"/>
                  <a:gd name="connsiteX4" fmla="*/ 2029751 w 2239896"/>
                  <a:gd name="connsiteY4" fmla="*/ 285963 h 561979"/>
                  <a:gd name="connsiteX5" fmla="*/ 1919564 w 2239896"/>
                  <a:gd name="connsiteY5" fmla="*/ 384008 h 561979"/>
                  <a:gd name="connsiteX6" fmla="*/ 1750274 w 2239896"/>
                  <a:gd name="connsiteY6" fmla="*/ 490808 h 561979"/>
                  <a:gd name="connsiteX7" fmla="*/ 1603230 w 2239896"/>
                  <a:gd name="connsiteY7" fmla="*/ 559631 h 561979"/>
                  <a:gd name="connsiteX8" fmla="*/ 1443075 w 2239896"/>
                  <a:gd name="connsiteY8" fmla="*/ 543317 h 561979"/>
                  <a:gd name="connsiteX9" fmla="*/ 1250847 w 2239896"/>
                  <a:gd name="connsiteY9" fmla="*/ 517364 h 561979"/>
                  <a:gd name="connsiteX10" fmla="*/ 1175516 w 2239896"/>
                  <a:gd name="connsiteY10" fmla="*/ 438072 h 561979"/>
                  <a:gd name="connsiteX11" fmla="*/ 1128823 w 2239896"/>
                  <a:gd name="connsiteY11" fmla="*/ 306505 h 561979"/>
                  <a:gd name="connsiteX12" fmla="*/ 1107909 w 2239896"/>
                  <a:gd name="connsiteY12" fmla="*/ 149938 h 561979"/>
                  <a:gd name="connsiteX13" fmla="*/ 1104102 w 2239896"/>
                  <a:gd name="connsiteY13" fmla="*/ 81058 h 561979"/>
                  <a:gd name="connsiteX14" fmla="*/ 1079397 w 2239896"/>
                  <a:gd name="connsiteY14" fmla="*/ 163034 h 561979"/>
                  <a:gd name="connsiteX15" fmla="*/ 1059395 w 2239896"/>
                  <a:gd name="connsiteY15" fmla="*/ 308766 h 561979"/>
                  <a:gd name="connsiteX16" fmla="*/ 1009844 w 2239896"/>
                  <a:gd name="connsiteY16" fmla="*/ 484859 h 561979"/>
                  <a:gd name="connsiteX17" fmla="*/ 743634 w 2239896"/>
                  <a:gd name="connsiteY17" fmla="*/ 546502 h 561979"/>
                  <a:gd name="connsiteX18" fmla="*/ 551857 w 2239896"/>
                  <a:gd name="connsiteY18" fmla="*/ 523080 h 561979"/>
                  <a:gd name="connsiteX19" fmla="*/ 455607 w 2239896"/>
                  <a:gd name="connsiteY19" fmla="*/ 486252 h 561979"/>
                  <a:gd name="connsiteX20" fmla="*/ 375540 w 2239896"/>
                  <a:gd name="connsiteY20" fmla="*/ 426396 h 561979"/>
                  <a:gd name="connsiteX21" fmla="*/ 290727 w 2239896"/>
                  <a:gd name="connsiteY21" fmla="*/ 351629 h 561979"/>
                  <a:gd name="connsiteX22" fmla="*/ 228060 w 2239896"/>
                  <a:gd name="connsiteY22" fmla="*/ 331493 h 561979"/>
                  <a:gd name="connsiteX23" fmla="*/ 156612 w 2239896"/>
                  <a:gd name="connsiteY23" fmla="*/ 248089 h 561979"/>
                  <a:gd name="connsiteX24" fmla="*/ 0 w 2239896"/>
                  <a:gd name="connsiteY24" fmla="*/ 19442 h 561979"/>
                  <a:gd name="connsiteX0" fmla="*/ 0 w 2239896"/>
                  <a:gd name="connsiteY0" fmla="*/ 19442 h 561979"/>
                  <a:gd name="connsiteX1" fmla="*/ 1122352 w 2239896"/>
                  <a:gd name="connsiteY1" fmla="*/ 0 h 561979"/>
                  <a:gd name="connsiteX2" fmla="*/ 2239896 w 2239896"/>
                  <a:gd name="connsiteY2" fmla="*/ 40604 h 561979"/>
                  <a:gd name="connsiteX3" fmla="*/ 2097416 w 2239896"/>
                  <a:gd name="connsiteY3" fmla="*/ 179542 h 561979"/>
                  <a:gd name="connsiteX4" fmla="*/ 2029751 w 2239896"/>
                  <a:gd name="connsiteY4" fmla="*/ 285963 h 561979"/>
                  <a:gd name="connsiteX5" fmla="*/ 1919564 w 2239896"/>
                  <a:gd name="connsiteY5" fmla="*/ 384008 h 561979"/>
                  <a:gd name="connsiteX6" fmla="*/ 1750274 w 2239896"/>
                  <a:gd name="connsiteY6" fmla="*/ 490808 h 561979"/>
                  <a:gd name="connsiteX7" fmla="*/ 1603230 w 2239896"/>
                  <a:gd name="connsiteY7" fmla="*/ 559631 h 561979"/>
                  <a:gd name="connsiteX8" fmla="*/ 1443075 w 2239896"/>
                  <a:gd name="connsiteY8" fmla="*/ 543317 h 561979"/>
                  <a:gd name="connsiteX9" fmla="*/ 1250847 w 2239896"/>
                  <a:gd name="connsiteY9" fmla="*/ 517364 h 561979"/>
                  <a:gd name="connsiteX10" fmla="*/ 1175516 w 2239896"/>
                  <a:gd name="connsiteY10" fmla="*/ 438072 h 561979"/>
                  <a:gd name="connsiteX11" fmla="*/ 1128823 w 2239896"/>
                  <a:gd name="connsiteY11" fmla="*/ 306505 h 561979"/>
                  <a:gd name="connsiteX12" fmla="*/ 1107909 w 2239896"/>
                  <a:gd name="connsiteY12" fmla="*/ 149938 h 561979"/>
                  <a:gd name="connsiteX13" fmla="*/ 1104102 w 2239896"/>
                  <a:gd name="connsiteY13" fmla="*/ 81058 h 561979"/>
                  <a:gd name="connsiteX14" fmla="*/ 1079397 w 2239896"/>
                  <a:gd name="connsiteY14" fmla="*/ 163034 h 561979"/>
                  <a:gd name="connsiteX15" fmla="*/ 1059395 w 2239896"/>
                  <a:gd name="connsiteY15" fmla="*/ 308766 h 561979"/>
                  <a:gd name="connsiteX16" fmla="*/ 1022036 w 2239896"/>
                  <a:gd name="connsiteY16" fmla="*/ 491019 h 561979"/>
                  <a:gd name="connsiteX17" fmla="*/ 743634 w 2239896"/>
                  <a:gd name="connsiteY17" fmla="*/ 546502 h 561979"/>
                  <a:gd name="connsiteX18" fmla="*/ 551857 w 2239896"/>
                  <a:gd name="connsiteY18" fmla="*/ 523080 h 561979"/>
                  <a:gd name="connsiteX19" fmla="*/ 455607 w 2239896"/>
                  <a:gd name="connsiteY19" fmla="*/ 486252 h 561979"/>
                  <a:gd name="connsiteX20" fmla="*/ 375540 w 2239896"/>
                  <a:gd name="connsiteY20" fmla="*/ 426396 h 561979"/>
                  <a:gd name="connsiteX21" fmla="*/ 290727 w 2239896"/>
                  <a:gd name="connsiteY21" fmla="*/ 351629 h 561979"/>
                  <a:gd name="connsiteX22" fmla="*/ 228060 w 2239896"/>
                  <a:gd name="connsiteY22" fmla="*/ 331493 h 561979"/>
                  <a:gd name="connsiteX23" fmla="*/ 156612 w 2239896"/>
                  <a:gd name="connsiteY23" fmla="*/ 248089 h 561979"/>
                  <a:gd name="connsiteX24" fmla="*/ 0 w 2239896"/>
                  <a:gd name="connsiteY24" fmla="*/ 19442 h 561979"/>
                  <a:gd name="connsiteX0" fmla="*/ 0 w 2239896"/>
                  <a:gd name="connsiteY0" fmla="*/ 19442 h 561979"/>
                  <a:gd name="connsiteX1" fmla="*/ 1122352 w 2239896"/>
                  <a:gd name="connsiteY1" fmla="*/ 0 h 561979"/>
                  <a:gd name="connsiteX2" fmla="*/ 2239896 w 2239896"/>
                  <a:gd name="connsiteY2" fmla="*/ 40604 h 561979"/>
                  <a:gd name="connsiteX3" fmla="*/ 2097416 w 2239896"/>
                  <a:gd name="connsiteY3" fmla="*/ 179542 h 561979"/>
                  <a:gd name="connsiteX4" fmla="*/ 2029751 w 2239896"/>
                  <a:gd name="connsiteY4" fmla="*/ 285963 h 561979"/>
                  <a:gd name="connsiteX5" fmla="*/ 1919564 w 2239896"/>
                  <a:gd name="connsiteY5" fmla="*/ 384008 h 561979"/>
                  <a:gd name="connsiteX6" fmla="*/ 1750274 w 2239896"/>
                  <a:gd name="connsiteY6" fmla="*/ 490808 h 561979"/>
                  <a:gd name="connsiteX7" fmla="*/ 1603230 w 2239896"/>
                  <a:gd name="connsiteY7" fmla="*/ 559631 h 561979"/>
                  <a:gd name="connsiteX8" fmla="*/ 1443075 w 2239896"/>
                  <a:gd name="connsiteY8" fmla="*/ 543317 h 561979"/>
                  <a:gd name="connsiteX9" fmla="*/ 1250847 w 2239896"/>
                  <a:gd name="connsiteY9" fmla="*/ 517364 h 561979"/>
                  <a:gd name="connsiteX10" fmla="*/ 1175516 w 2239896"/>
                  <a:gd name="connsiteY10" fmla="*/ 438072 h 561979"/>
                  <a:gd name="connsiteX11" fmla="*/ 1128823 w 2239896"/>
                  <a:gd name="connsiteY11" fmla="*/ 306505 h 561979"/>
                  <a:gd name="connsiteX12" fmla="*/ 1107909 w 2239896"/>
                  <a:gd name="connsiteY12" fmla="*/ 149938 h 561979"/>
                  <a:gd name="connsiteX13" fmla="*/ 1104102 w 2239896"/>
                  <a:gd name="connsiteY13" fmla="*/ 81058 h 561979"/>
                  <a:gd name="connsiteX14" fmla="*/ 1079397 w 2239896"/>
                  <a:gd name="connsiteY14" fmla="*/ 163034 h 561979"/>
                  <a:gd name="connsiteX15" fmla="*/ 1076464 w 2239896"/>
                  <a:gd name="connsiteY15" fmla="*/ 314926 h 561979"/>
                  <a:gd name="connsiteX16" fmla="*/ 1022036 w 2239896"/>
                  <a:gd name="connsiteY16" fmla="*/ 491019 h 561979"/>
                  <a:gd name="connsiteX17" fmla="*/ 743634 w 2239896"/>
                  <a:gd name="connsiteY17" fmla="*/ 546502 h 561979"/>
                  <a:gd name="connsiteX18" fmla="*/ 551857 w 2239896"/>
                  <a:gd name="connsiteY18" fmla="*/ 523080 h 561979"/>
                  <a:gd name="connsiteX19" fmla="*/ 455607 w 2239896"/>
                  <a:gd name="connsiteY19" fmla="*/ 486252 h 561979"/>
                  <a:gd name="connsiteX20" fmla="*/ 375540 w 2239896"/>
                  <a:gd name="connsiteY20" fmla="*/ 426396 h 561979"/>
                  <a:gd name="connsiteX21" fmla="*/ 290727 w 2239896"/>
                  <a:gd name="connsiteY21" fmla="*/ 351629 h 561979"/>
                  <a:gd name="connsiteX22" fmla="*/ 228060 w 2239896"/>
                  <a:gd name="connsiteY22" fmla="*/ 331493 h 561979"/>
                  <a:gd name="connsiteX23" fmla="*/ 156612 w 2239896"/>
                  <a:gd name="connsiteY23" fmla="*/ 248089 h 561979"/>
                  <a:gd name="connsiteX24" fmla="*/ 0 w 2239896"/>
                  <a:gd name="connsiteY24" fmla="*/ 19442 h 561979"/>
                  <a:gd name="connsiteX0" fmla="*/ 0 w 2239896"/>
                  <a:gd name="connsiteY0" fmla="*/ 19442 h 561979"/>
                  <a:gd name="connsiteX1" fmla="*/ 1122352 w 2239896"/>
                  <a:gd name="connsiteY1" fmla="*/ 0 h 561979"/>
                  <a:gd name="connsiteX2" fmla="*/ 2239896 w 2239896"/>
                  <a:gd name="connsiteY2" fmla="*/ 40604 h 561979"/>
                  <a:gd name="connsiteX3" fmla="*/ 2097416 w 2239896"/>
                  <a:gd name="connsiteY3" fmla="*/ 179542 h 561979"/>
                  <a:gd name="connsiteX4" fmla="*/ 2029751 w 2239896"/>
                  <a:gd name="connsiteY4" fmla="*/ 285963 h 561979"/>
                  <a:gd name="connsiteX5" fmla="*/ 1919564 w 2239896"/>
                  <a:gd name="connsiteY5" fmla="*/ 384008 h 561979"/>
                  <a:gd name="connsiteX6" fmla="*/ 1750274 w 2239896"/>
                  <a:gd name="connsiteY6" fmla="*/ 490808 h 561979"/>
                  <a:gd name="connsiteX7" fmla="*/ 1603230 w 2239896"/>
                  <a:gd name="connsiteY7" fmla="*/ 559631 h 561979"/>
                  <a:gd name="connsiteX8" fmla="*/ 1443075 w 2239896"/>
                  <a:gd name="connsiteY8" fmla="*/ 543317 h 561979"/>
                  <a:gd name="connsiteX9" fmla="*/ 1250847 w 2239896"/>
                  <a:gd name="connsiteY9" fmla="*/ 517364 h 561979"/>
                  <a:gd name="connsiteX10" fmla="*/ 1175516 w 2239896"/>
                  <a:gd name="connsiteY10" fmla="*/ 438072 h 561979"/>
                  <a:gd name="connsiteX11" fmla="*/ 1128823 w 2239896"/>
                  <a:gd name="connsiteY11" fmla="*/ 306505 h 561979"/>
                  <a:gd name="connsiteX12" fmla="*/ 1107909 w 2239896"/>
                  <a:gd name="connsiteY12" fmla="*/ 149938 h 561979"/>
                  <a:gd name="connsiteX13" fmla="*/ 1104102 w 2239896"/>
                  <a:gd name="connsiteY13" fmla="*/ 81058 h 561979"/>
                  <a:gd name="connsiteX14" fmla="*/ 1094027 w 2239896"/>
                  <a:gd name="connsiteY14" fmla="*/ 171247 h 561979"/>
                  <a:gd name="connsiteX15" fmla="*/ 1076464 w 2239896"/>
                  <a:gd name="connsiteY15" fmla="*/ 314926 h 561979"/>
                  <a:gd name="connsiteX16" fmla="*/ 1022036 w 2239896"/>
                  <a:gd name="connsiteY16" fmla="*/ 491019 h 561979"/>
                  <a:gd name="connsiteX17" fmla="*/ 743634 w 2239896"/>
                  <a:gd name="connsiteY17" fmla="*/ 546502 h 561979"/>
                  <a:gd name="connsiteX18" fmla="*/ 551857 w 2239896"/>
                  <a:gd name="connsiteY18" fmla="*/ 523080 h 561979"/>
                  <a:gd name="connsiteX19" fmla="*/ 455607 w 2239896"/>
                  <a:gd name="connsiteY19" fmla="*/ 486252 h 561979"/>
                  <a:gd name="connsiteX20" fmla="*/ 375540 w 2239896"/>
                  <a:gd name="connsiteY20" fmla="*/ 426396 h 561979"/>
                  <a:gd name="connsiteX21" fmla="*/ 290727 w 2239896"/>
                  <a:gd name="connsiteY21" fmla="*/ 351629 h 561979"/>
                  <a:gd name="connsiteX22" fmla="*/ 228060 w 2239896"/>
                  <a:gd name="connsiteY22" fmla="*/ 331493 h 561979"/>
                  <a:gd name="connsiteX23" fmla="*/ 156612 w 2239896"/>
                  <a:gd name="connsiteY23" fmla="*/ 248089 h 561979"/>
                  <a:gd name="connsiteX24" fmla="*/ 0 w 2239896"/>
                  <a:gd name="connsiteY24" fmla="*/ 19442 h 561979"/>
                  <a:gd name="connsiteX0" fmla="*/ 0 w 2239896"/>
                  <a:gd name="connsiteY0" fmla="*/ 19442 h 560099"/>
                  <a:gd name="connsiteX1" fmla="*/ 1122352 w 2239896"/>
                  <a:gd name="connsiteY1" fmla="*/ 0 h 560099"/>
                  <a:gd name="connsiteX2" fmla="*/ 2239896 w 2239896"/>
                  <a:gd name="connsiteY2" fmla="*/ 40604 h 560099"/>
                  <a:gd name="connsiteX3" fmla="*/ 2097416 w 2239896"/>
                  <a:gd name="connsiteY3" fmla="*/ 179542 h 560099"/>
                  <a:gd name="connsiteX4" fmla="*/ 2029751 w 2239896"/>
                  <a:gd name="connsiteY4" fmla="*/ 285963 h 560099"/>
                  <a:gd name="connsiteX5" fmla="*/ 1919564 w 2239896"/>
                  <a:gd name="connsiteY5" fmla="*/ 384008 h 560099"/>
                  <a:gd name="connsiteX6" fmla="*/ 1750274 w 2239896"/>
                  <a:gd name="connsiteY6" fmla="*/ 490808 h 560099"/>
                  <a:gd name="connsiteX7" fmla="*/ 1571532 w 2239896"/>
                  <a:gd name="connsiteY7" fmla="*/ 557578 h 560099"/>
                  <a:gd name="connsiteX8" fmla="*/ 1443075 w 2239896"/>
                  <a:gd name="connsiteY8" fmla="*/ 543317 h 560099"/>
                  <a:gd name="connsiteX9" fmla="*/ 1250847 w 2239896"/>
                  <a:gd name="connsiteY9" fmla="*/ 517364 h 560099"/>
                  <a:gd name="connsiteX10" fmla="*/ 1175516 w 2239896"/>
                  <a:gd name="connsiteY10" fmla="*/ 438072 h 560099"/>
                  <a:gd name="connsiteX11" fmla="*/ 1128823 w 2239896"/>
                  <a:gd name="connsiteY11" fmla="*/ 306505 h 560099"/>
                  <a:gd name="connsiteX12" fmla="*/ 1107909 w 2239896"/>
                  <a:gd name="connsiteY12" fmla="*/ 149938 h 560099"/>
                  <a:gd name="connsiteX13" fmla="*/ 1104102 w 2239896"/>
                  <a:gd name="connsiteY13" fmla="*/ 81058 h 560099"/>
                  <a:gd name="connsiteX14" fmla="*/ 1094027 w 2239896"/>
                  <a:gd name="connsiteY14" fmla="*/ 171247 h 560099"/>
                  <a:gd name="connsiteX15" fmla="*/ 1076464 w 2239896"/>
                  <a:gd name="connsiteY15" fmla="*/ 314926 h 560099"/>
                  <a:gd name="connsiteX16" fmla="*/ 1022036 w 2239896"/>
                  <a:gd name="connsiteY16" fmla="*/ 491019 h 560099"/>
                  <a:gd name="connsiteX17" fmla="*/ 743634 w 2239896"/>
                  <a:gd name="connsiteY17" fmla="*/ 546502 h 560099"/>
                  <a:gd name="connsiteX18" fmla="*/ 551857 w 2239896"/>
                  <a:gd name="connsiteY18" fmla="*/ 523080 h 560099"/>
                  <a:gd name="connsiteX19" fmla="*/ 455607 w 2239896"/>
                  <a:gd name="connsiteY19" fmla="*/ 486252 h 560099"/>
                  <a:gd name="connsiteX20" fmla="*/ 375540 w 2239896"/>
                  <a:gd name="connsiteY20" fmla="*/ 426396 h 560099"/>
                  <a:gd name="connsiteX21" fmla="*/ 290727 w 2239896"/>
                  <a:gd name="connsiteY21" fmla="*/ 351629 h 560099"/>
                  <a:gd name="connsiteX22" fmla="*/ 228060 w 2239896"/>
                  <a:gd name="connsiteY22" fmla="*/ 331493 h 560099"/>
                  <a:gd name="connsiteX23" fmla="*/ 156612 w 2239896"/>
                  <a:gd name="connsiteY23" fmla="*/ 248089 h 560099"/>
                  <a:gd name="connsiteX24" fmla="*/ 0 w 2239896"/>
                  <a:gd name="connsiteY24" fmla="*/ 19442 h 560099"/>
                  <a:gd name="connsiteX0" fmla="*/ 0 w 2239896"/>
                  <a:gd name="connsiteY0" fmla="*/ 19442 h 560366"/>
                  <a:gd name="connsiteX1" fmla="*/ 1122352 w 2239896"/>
                  <a:gd name="connsiteY1" fmla="*/ 0 h 560366"/>
                  <a:gd name="connsiteX2" fmla="*/ 2239896 w 2239896"/>
                  <a:gd name="connsiteY2" fmla="*/ 40604 h 560366"/>
                  <a:gd name="connsiteX3" fmla="*/ 2097416 w 2239896"/>
                  <a:gd name="connsiteY3" fmla="*/ 179542 h 560366"/>
                  <a:gd name="connsiteX4" fmla="*/ 2029751 w 2239896"/>
                  <a:gd name="connsiteY4" fmla="*/ 285963 h 560366"/>
                  <a:gd name="connsiteX5" fmla="*/ 1919564 w 2239896"/>
                  <a:gd name="connsiteY5" fmla="*/ 384008 h 560366"/>
                  <a:gd name="connsiteX6" fmla="*/ 1733206 w 2239896"/>
                  <a:gd name="connsiteY6" fmla="*/ 486701 h 560366"/>
                  <a:gd name="connsiteX7" fmla="*/ 1571532 w 2239896"/>
                  <a:gd name="connsiteY7" fmla="*/ 557578 h 560366"/>
                  <a:gd name="connsiteX8" fmla="*/ 1443075 w 2239896"/>
                  <a:gd name="connsiteY8" fmla="*/ 543317 h 560366"/>
                  <a:gd name="connsiteX9" fmla="*/ 1250847 w 2239896"/>
                  <a:gd name="connsiteY9" fmla="*/ 517364 h 560366"/>
                  <a:gd name="connsiteX10" fmla="*/ 1175516 w 2239896"/>
                  <a:gd name="connsiteY10" fmla="*/ 438072 h 560366"/>
                  <a:gd name="connsiteX11" fmla="*/ 1128823 w 2239896"/>
                  <a:gd name="connsiteY11" fmla="*/ 306505 h 560366"/>
                  <a:gd name="connsiteX12" fmla="*/ 1107909 w 2239896"/>
                  <a:gd name="connsiteY12" fmla="*/ 149938 h 560366"/>
                  <a:gd name="connsiteX13" fmla="*/ 1104102 w 2239896"/>
                  <a:gd name="connsiteY13" fmla="*/ 81058 h 560366"/>
                  <a:gd name="connsiteX14" fmla="*/ 1094027 w 2239896"/>
                  <a:gd name="connsiteY14" fmla="*/ 171247 h 560366"/>
                  <a:gd name="connsiteX15" fmla="*/ 1076464 w 2239896"/>
                  <a:gd name="connsiteY15" fmla="*/ 314926 h 560366"/>
                  <a:gd name="connsiteX16" fmla="*/ 1022036 w 2239896"/>
                  <a:gd name="connsiteY16" fmla="*/ 491019 h 560366"/>
                  <a:gd name="connsiteX17" fmla="*/ 743634 w 2239896"/>
                  <a:gd name="connsiteY17" fmla="*/ 546502 h 560366"/>
                  <a:gd name="connsiteX18" fmla="*/ 551857 w 2239896"/>
                  <a:gd name="connsiteY18" fmla="*/ 523080 h 560366"/>
                  <a:gd name="connsiteX19" fmla="*/ 455607 w 2239896"/>
                  <a:gd name="connsiteY19" fmla="*/ 486252 h 560366"/>
                  <a:gd name="connsiteX20" fmla="*/ 375540 w 2239896"/>
                  <a:gd name="connsiteY20" fmla="*/ 426396 h 560366"/>
                  <a:gd name="connsiteX21" fmla="*/ 290727 w 2239896"/>
                  <a:gd name="connsiteY21" fmla="*/ 351629 h 560366"/>
                  <a:gd name="connsiteX22" fmla="*/ 228060 w 2239896"/>
                  <a:gd name="connsiteY22" fmla="*/ 331493 h 560366"/>
                  <a:gd name="connsiteX23" fmla="*/ 156612 w 2239896"/>
                  <a:gd name="connsiteY23" fmla="*/ 248089 h 560366"/>
                  <a:gd name="connsiteX24" fmla="*/ 0 w 2239896"/>
                  <a:gd name="connsiteY24" fmla="*/ 19442 h 560366"/>
                  <a:gd name="connsiteX0" fmla="*/ 0 w 2239896"/>
                  <a:gd name="connsiteY0" fmla="*/ 19442 h 558523"/>
                  <a:gd name="connsiteX1" fmla="*/ 1122352 w 2239896"/>
                  <a:gd name="connsiteY1" fmla="*/ 0 h 558523"/>
                  <a:gd name="connsiteX2" fmla="*/ 2239896 w 2239896"/>
                  <a:gd name="connsiteY2" fmla="*/ 40604 h 558523"/>
                  <a:gd name="connsiteX3" fmla="*/ 2097416 w 2239896"/>
                  <a:gd name="connsiteY3" fmla="*/ 179542 h 558523"/>
                  <a:gd name="connsiteX4" fmla="*/ 2029751 w 2239896"/>
                  <a:gd name="connsiteY4" fmla="*/ 285963 h 558523"/>
                  <a:gd name="connsiteX5" fmla="*/ 1919564 w 2239896"/>
                  <a:gd name="connsiteY5" fmla="*/ 384008 h 558523"/>
                  <a:gd name="connsiteX6" fmla="*/ 1733206 w 2239896"/>
                  <a:gd name="connsiteY6" fmla="*/ 486701 h 558523"/>
                  <a:gd name="connsiteX7" fmla="*/ 1561779 w 2239896"/>
                  <a:gd name="connsiteY7" fmla="*/ 555525 h 558523"/>
                  <a:gd name="connsiteX8" fmla="*/ 1443075 w 2239896"/>
                  <a:gd name="connsiteY8" fmla="*/ 543317 h 558523"/>
                  <a:gd name="connsiteX9" fmla="*/ 1250847 w 2239896"/>
                  <a:gd name="connsiteY9" fmla="*/ 517364 h 558523"/>
                  <a:gd name="connsiteX10" fmla="*/ 1175516 w 2239896"/>
                  <a:gd name="connsiteY10" fmla="*/ 438072 h 558523"/>
                  <a:gd name="connsiteX11" fmla="*/ 1128823 w 2239896"/>
                  <a:gd name="connsiteY11" fmla="*/ 306505 h 558523"/>
                  <a:gd name="connsiteX12" fmla="*/ 1107909 w 2239896"/>
                  <a:gd name="connsiteY12" fmla="*/ 149938 h 558523"/>
                  <a:gd name="connsiteX13" fmla="*/ 1104102 w 2239896"/>
                  <a:gd name="connsiteY13" fmla="*/ 81058 h 558523"/>
                  <a:gd name="connsiteX14" fmla="*/ 1094027 w 2239896"/>
                  <a:gd name="connsiteY14" fmla="*/ 171247 h 558523"/>
                  <a:gd name="connsiteX15" fmla="*/ 1076464 w 2239896"/>
                  <a:gd name="connsiteY15" fmla="*/ 314926 h 558523"/>
                  <a:gd name="connsiteX16" fmla="*/ 1022036 w 2239896"/>
                  <a:gd name="connsiteY16" fmla="*/ 491019 h 558523"/>
                  <a:gd name="connsiteX17" fmla="*/ 743634 w 2239896"/>
                  <a:gd name="connsiteY17" fmla="*/ 546502 h 558523"/>
                  <a:gd name="connsiteX18" fmla="*/ 551857 w 2239896"/>
                  <a:gd name="connsiteY18" fmla="*/ 523080 h 558523"/>
                  <a:gd name="connsiteX19" fmla="*/ 455607 w 2239896"/>
                  <a:gd name="connsiteY19" fmla="*/ 486252 h 558523"/>
                  <a:gd name="connsiteX20" fmla="*/ 375540 w 2239896"/>
                  <a:gd name="connsiteY20" fmla="*/ 426396 h 558523"/>
                  <a:gd name="connsiteX21" fmla="*/ 290727 w 2239896"/>
                  <a:gd name="connsiteY21" fmla="*/ 351629 h 558523"/>
                  <a:gd name="connsiteX22" fmla="*/ 228060 w 2239896"/>
                  <a:gd name="connsiteY22" fmla="*/ 331493 h 558523"/>
                  <a:gd name="connsiteX23" fmla="*/ 156612 w 2239896"/>
                  <a:gd name="connsiteY23" fmla="*/ 248089 h 558523"/>
                  <a:gd name="connsiteX24" fmla="*/ 0 w 2239896"/>
                  <a:gd name="connsiteY24" fmla="*/ 19442 h 558523"/>
                  <a:gd name="connsiteX0" fmla="*/ 0 w 2239896"/>
                  <a:gd name="connsiteY0" fmla="*/ 19442 h 558957"/>
                  <a:gd name="connsiteX1" fmla="*/ 1122352 w 2239896"/>
                  <a:gd name="connsiteY1" fmla="*/ 0 h 558957"/>
                  <a:gd name="connsiteX2" fmla="*/ 2239896 w 2239896"/>
                  <a:gd name="connsiteY2" fmla="*/ 40604 h 558957"/>
                  <a:gd name="connsiteX3" fmla="*/ 2097416 w 2239896"/>
                  <a:gd name="connsiteY3" fmla="*/ 179542 h 558957"/>
                  <a:gd name="connsiteX4" fmla="*/ 2029751 w 2239896"/>
                  <a:gd name="connsiteY4" fmla="*/ 285963 h 558957"/>
                  <a:gd name="connsiteX5" fmla="*/ 1919564 w 2239896"/>
                  <a:gd name="connsiteY5" fmla="*/ 384008 h 558957"/>
                  <a:gd name="connsiteX6" fmla="*/ 1733206 w 2239896"/>
                  <a:gd name="connsiteY6" fmla="*/ 486701 h 558957"/>
                  <a:gd name="connsiteX7" fmla="*/ 1561779 w 2239896"/>
                  <a:gd name="connsiteY7" fmla="*/ 555525 h 558957"/>
                  <a:gd name="connsiteX8" fmla="*/ 1440636 w 2239896"/>
                  <a:gd name="connsiteY8" fmla="*/ 545370 h 558957"/>
                  <a:gd name="connsiteX9" fmla="*/ 1250847 w 2239896"/>
                  <a:gd name="connsiteY9" fmla="*/ 517364 h 558957"/>
                  <a:gd name="connsiteX10" fmla="*/ 1175516 w 2239896"/>
                  <a:gd name="connsiteY10" fmla="*/ 438072 h 558957"/>
                  <a:gd name="connsiteX11" fmla="*/ 1128823 w 2239896"/>
                  <a:gd name="connsiteY11" fmla="*/ 306505 h 558957"/>
                  <a:gd name="connsiteX12" fmla="*/ 1107909 w 2239896"/>
                  <a:gd name="connsiteY12" fmla="*/ 149938 h 558957"/>
                  <a:gd name="connsiteX13" fmla="*/ 1104102 w 2239896"/>
                  <a:gd name="connsiteY13" fmla="*/ 81058 h 558957"/>
                  <a:gd name="connsiteX14" fmla="*/ 1094027 w 2239896"/>
                  <a:gd name="connsiteY14" fmla="*/ 171247 h 558957"/>
                  <a:gd name="connsiteX15" fmla="*/ 1076464 w 2239896"/>
                  <a:gd name="connsiteY15" fmla="*/ 314926 h 558957"/>
                  <a:gd name="connsiteX16" fmla="*/ 1022036 w 2239896"/>
                  <a:gd name="connsiteY16" fmla="*/ 491019 h 558957"/>
                  <a:gd name="connsiteX17" fmla="*/ 743634 w 2239896"/>
                  <a:gd name="connsiteY17" fmla="*/ 546502 h 558957"/>
                  <a:gd name="connsiteX18" fmla="*/ 551857 w 2239896"/>
                  <a:gd name="connsiteY18" fmla="*/ 523080 h 558957"/>
                  <a:gd name="connsiteX19" fmla="*/ 455607 w 2239896"/>
                  <a:gd name="connsiteY19" fmla="*/ 486252 h 558957"/>
                  <a:gd name="connsiteX20" fmla="*/ 375540 w 2239896"/>
                  <a:gd name="connsiteY20" fmla="*/ 426396 h 558957"/>
                  <a:gd name="connsiteX21" fmla="*/ 290727 w 2239896"/>
                  <a:gd name="connsiteY21" fmla="*/ 351629 h 558957"/>
                  <a:gd name="connsiteX22" fmla="*/ 228060 w 2239896"/>
                  <a:gd name="connsiteY22" fmla="*/ 331493 h 558957"/>
                  <a:gd name="connsiteX23" fmla="*/ 156612 w 2239896"/>
                  <a:gd name="connsiteY23" fmla="*/ 248089 h 558957"/>
                  <a:gd name="connsiteX24" fmla="*/ 0 w 2239896"/>
                  <a:gd name="connsiteY24" fmla="*/ 19442 h 558957"/>
                  <a:gd name="connsiteX0" fmla="*/ 0 w 2239896"/>
                  <a:gd name="connsiteY0" fmla="*/ 19442 h 558957"/>
                  <a:gd name="connsiteX1" fmla="*/ 1122352 w 2239896"/>
                  <a:gd name="connsiteY1" fmla="*/ 0 h 558957"/>
                  <a:gd name="connsiteX2" fmla="*/ 2239896 w 2239896"/>
                  <a:gd name="connsiteY2" fmla="*/ 40604 h 558957"/>
                  <a:gd name="connsiteX3" fmla="*/ 2097416 w 2239896"/>
                  <a:gd name="connsiteY3" fmla="*/ 179542 h 558957"/>
                  <a:gd name="connsiteX4" fmla="*/ 1995614 w 2239896"/>
                  <a:gd name="connsiteY4" fmla="*/ 275697 h 558957"/>
                  <a:gd name="connsiteX5" fmla="*/ 1919564 w 2239896"/>
                  <a:gd name="connsiteY5" fmla="*/ 384008 h 558957"/>
                  <a:gd name="connsiteX6" fmla="*/ 1733206 w 2239896"/>
                  <a:gd name="connsiteY6" fmla="*/ 486701 h 558957"/>
                  <a:gd name="connsiteX7" fmla="*/ 1561779 w 2239896"/>
                  <a:gd name="connsiteY7" fmla="*/ 555525 h 558957"/>
                  <a:gd name="connsiteX8" fmla="*/ 1440636 w 2239896"/>
                  <a:gd name="connsiteY8" fmla="*/ 545370 h 558957"/>
                  <a:gd name="connsiteX9" fmla="*/ 1250847 w 2239896"/>
                  <a:gd name="connsiteY9" fmla="*/ 517364 h 558957"/>
                  <a:gd name="connsiteX10" fmla="*/ 1175516 w 2239896"/>
                  <a:gd name="connsiteY10" fmla="*/ 438072 h 558957"/>
                  <a:gd name="connsiteX11" fmla="*/ 1128823 w 2239896"/>
                  <a:gd name="connsiteY11" fmla="*/ 306505 h 558957"/>
                  <a:gd name="connsiteX12" fmla="*/ 1107909 w 2239896"/>
                  <a:gd name="connsiteY12" fmla="*/ 149938 h 558957"/>
                  <a:gd name="connsiteX13" fmla="*/ 1104102 w 2239896"/>
                  <a:gd name="connsiteY13" fmla="*/ 81058 h 558957"/>
                  <a:gd name="connsiteX14" fmla="*/ 1094027 w 2239896"/>
                  <a:gd name="connsiteY14" fmla="*/ 171247 h 558957"/>
                  <a:gd name="connsiteX15" fmla="*/ 1076464 w 2239896"/>
                  <a:gd name="connsiteY15" fmla="*/ 314926 h 558957"/>
                  <a:gd name="connsiteX16" fmla="*/ 1022036 w 2239896"/>
                  <a:gd name="connsiteY16" fmla="*/ 491019 h 558957"/>
                  <a:gd name="connsiteX17" fmla="*/ 743634 w 2239896"/>
                  <a:gd name="connsiteY17" fmla="*/ 546502 h 558957"/>
                  <a:gd name="connsiteX18" fmla="*/ 551857 w 2239896"/>
                  <a:gd name="connsiteY18" fmla="*/ 523080 h 558957"/>
                  <a:gd name="connsiteX19" fmla="*/ 455607 w 2239896"/>
                  <a:gd name="connsiteY19" fmla="*/ 486252 h 558957"/>
                  <a:gd name="connsiteX20" fmla="*/ 375540 w 2239896"/>
                  <a:gd name="connsiteY20" fmla="*/ 426396 h 558957"/>
                  <a:gd name="connsiteX21" fmla="*/ 290727 w 2239896"/>
                  <a:gd name="connsiteY21" fmla="*/ 351629 h 558957"/>
                  <a:gd name="connsiteX22" fmla="*/ 228060 w 2239896"/>
                  <a:gd name="connsiteY22" fmla="*/ 331493 h 558957"/>
                  <a:gd name="connsiteX23" fmla="*/ 156612 w 2239896"/>
                  <a:gd name="connsiteY23" fmla="*/ 248089 h 558957"/>
                  <a:gd name="connsiteX24" fmla="*/ 0 w 2239896"/>
                  <a:gd name="connsiteY24" fmla="*/ 19442 h 558957"/>
                  <a:gd name="connsiteX0" fmla="*/ 0 w 2239896"/>
                  <a:gd name="connsiteY0" fmla="*/ 19442 h 558957"/>
                  <a:gd name="connsiteX1" fmla="*/ 1122352 w 2239896"/>
                  <a:gd name="connsiteY1" fmla="*/ 0 h 558957"/>
                  <a:gd name="connsiteX2" fmla="*/ 2239896 w 2239896"/>
                  <a:gd name="connsiteY2" fmla="*/ 40604 h 558957"/>
                  <a:gd name="connsiteX3" fmla="*/ 2097416 w 2239896"/>
                  <a:gd name="connsiteY3" fmla="*/ 179542 h 558957"/>
                  <a:gd name="connsiteX4" fmla="*/ 1995614 w 2239896"/>
                  <a:gd name="connsiteY4" fmla="*/ 275697 h 558957"/>
                  <a:gd name="connsiteX5" fmla="*/ 1907372 w 2239896"/>
                  <a:gd name="connsiteY5" fmla="*/ 381955 h 558957"/>
                  <a:gd name="connsiteX6" fmla="*/ 1733206 w 2239896"/>
                  <a:gd name="connsiteY6" fmla="*/ 486701 h 558957"/>
                  <a:gd name="connsiteX7" fmla="*/ 1561779 w 2239896"/>
                  <a:gd name="connsiteY7" fmla="*/ 555525 h 558957"/>
                  <a:gd name="connsiteX8" fmla="*/ 1440636 w 2239896"/>
                  <a:gd name="connsiteY8" fmla="*/ 545370 h 558957"/>
                  <a:gd name="connsiteX9" fmla="*/ 1250847 w 2239896"/>
                  <a:gd name="connsiteY9" fmla="*/ 517364 h 558957"/>
                  <a:gd name="connsiteX10" fmla="*/ 1175516 w 2239896"/>
                  <a:gd name="connsiteY10" fmla="*/ 438072 h 558957"/>
                  <a:gd name="connsiteX11" fmla="*/ 1128823 w 2239896"/>
                  <a:gd name="connsiteY11" fmla="*/ 306505 h 558957"/>
                  <a:gd name="connsiteX12" fmla="*/ 1107909 w 2239896"/>
                  <a:gd name="connsiteY12" fmla="*/ 149938 h 558957"/>
                  <a:gd name="connsiteX13" fmla="*/ 1104102 w 2239896"/>
                  <a:gd name="connsiteY13" fmla="*/ 81058 h 558957"/>
                  <a:gd name="connsiteX14" fmla="*/ 1094027 w 2239896"/>
                  <a:gd name="connsiteY14" fmla="*/ 171247 h 558957"/>
                  <a:gd name="connsiteX15" fmla="*/ 1076464 w 2239896"/>
                  <a:gd name="connsiteY15" fmla="*/ 314926 h 558957"/>
                  <a:gd name="connsiteX16" fmla="*/ 1022036 w 2239896"/>
                  <a:gd name="connsiteY16" fmla="*/ 491019 h 558957"/>
                  <a:gd name="connsiteX17" fmla="*/ 743634 w 2239896"/>
                  <a:gd name="connsiteY17" fmla="*/ 546502 h 558957"/>
                  <a:gd name="connsiteX18" fmla="*/ 551857 w 2239896"/>
                  <a:gd name="connsiteY18" fmla="*/ 523080 h 558957"/>
                  <a:gd name="connsiteX19" fmla="*/ 455607 w 2239896"/>
                  <a:gd name="connsiteY19" fmla="*/ 486252 h 558957"/>
                  <a:gd name="connsiteX20" fmla="*/ 375540 w 2239896"/>
                  <a:gd name="connsiteY20" fmla="*/ 426396 h 558957"/>
                  <a:gd name="connsiteX21" fmla="*/ 290727 w 2239896"/>
                  <a:gd name="connsiteY21" fmla="*/ 351629 h 558957"/>
                  <a:gd name="connsiteX22" fmla="*/ 228060 w 2239896"/>
                  <a:gd name="connsiteY22" fmla="*/ 331493 h 558957"/>
                  <a:gd name="connsiteX23" fmla="*/ 156612 w 2239896"/>
                  <a:gd name="connsiteY23" fmla="*/ 248089 h 558957"/>
                  <a:gd name="connsiteX24" fmla="*/ 0 w 2239896"/>
                  <a:gd name="connsiteY24" fmla="*/ 19442 h 558957"/>
                  <a:gd name="connsiteX0" fmla="*/ 0 w 2239896"/>
                  <a:gd name="connsiteY0" fmla="*/ 19442 h 558957"/>
                  <a:gd name="connsiteX1" fmla="*/ 1122352 w 2239896"/>
                  <a:gd name="connsiteY1" fmla="*/ 0 h 558957"/>
                  <a:gd name="connsiteX2" fmla="*/ 2239896 w 2239896"/>
                  <a:gd name="connsiteY2" fmla="*/ 40604 h 558957"/>
                  <a:gd name="connsiteX3" fmla="*/ 2073033 w 2239896"/>
                  <a:gd name="connsiteY3" fmla="*/ 175435 h 558957"/>
                  <a:gd name="connsiteX4" fmla="*/ 1995614 w 2239896"/>
                  <a:gd name="connsiteY4" fmla="*/ 275697 h 558957"/>
                  <a:gd name="connsiteX5" fmla="*/ 1907372 w 2239896"/>
                  <a:gd name="connsiteY5" fmla="*/ 381955 h 558957"/>
                  <a:gd name="connsiteX6" fmla="*/ 1733206 w 2239896"/>
                  <a:gd name="connsiteY6" fmla="*/ 486701 h 558957"/>
                  <a:gd name="connsiteX7" fmla="*/ 1561779 w 2239896"/>
                  <a:gd name="connsiteY7" fmla="*/ 555525 h 558957"/>
                  <a:gd name="connsiteX8" fmla="*/ 1440636 w 2239896"/>
                  <a:gd name="connsiteY8" fmla="*/ 545370 h 558957"/>
                  <a:gd name="connsiteX9" fmla="*/ 1250847 w 2239896"/>
                  <a:gd name="connsiteY9" fmla="*/ 517364 h 558957"/>
                  <a:gd name="connsiteX10" fmla="*/ 1175516 w 2239896"/>
                  <a:gd name="connsiteY10" fmla="*/ 438072 h 558957"/>
                  <a:gd name="connsiteX11" fmla="*/ 1128823 w 2239896"/>
                  <a:gd name="connsiteY11" fmla="*/ 306505 h 558957"/>
                  <a:gd name="connsiteX12" fmla="*/ 1107909 w 2239896"/>
                  <a:gd name="connsiteY12" fmla="*/ 149938 h 558957"/>
                  <a:gd name="connsiteX13" fmla="*/ 1104102 w 2239896"/>
                  <a:gd name="connsiteY13" fmla="*/ 81058 h 558957"/>
                  <a:gd name="connsiteX14" fmla="*/ 1094027 w 2239896"/>
                  <a:gd name="connsiteY14" fmla="*/ 171247 h 558957"/>
                  <a:gd name="connsiteX15" fmla="*/ 1076464 w 2239896"/>
                  <a:gd name="connsiteY15" fmla="*/ 314926 h 558957"/>
                  <a:gd name="connsiteX16" fmla="*/ 1022036 w 2239896"/>
                  <a:gd name="connsiteY16" fmla="*/ 491019 h 558957"/>
                  <a:gd name="connsiteX17" fmla="*/ 743634 w 2239896"/>
                  <a:gd name="connsiteY17" fmla="*/ 546502 h 558957"/>
                  <a:gd name="connsiteX18" fmla="*/ 551857 w 2239896"/>
                  <a:gd name="connsiteY18" fmla="*/ 523080 h 558957"/>
                  <a:gd name="connsiteX19" fmla="*/ 455607 w 2239896"/>
                  <a:gd name="connsiteY19" fmla="*/ 486252 h 558957"/>
                  <a:gd name="connsiteX20" fmla="*/ 375540 w 2239896"/>
                  <a:gd name="connsiteY20" fmla="*/ 426396 h 558957"/>
                  <a:gd name="connsiteX21" fmla="*/ 290727 w 2239896"/>
                  <a:gd name="connsiteY21" fmla="*/ 351629 h 558957"/>
                  <a:gd name="connsiteX22" fmla="*/ 228060 w 2239896"/>
                  <a:gd name="connsiteY22" fmla="*/ 331493 h 558957"/>
                  <a:gd name="connsiteX23" fmla="*/ 156612 w 2239896"/>
                  <a:gd name="connsiteY23" fmla="*/ 248089 h 558957"/>
                  <a:gd name="connsiteX24" fmla="*/ 0 w 2239896"/>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375540 w 2252087"/>
                  <a:gd name="connsiteY20" fmla="*/ 426396 h 558957"/>
                  <a:gd name="connsiteX21" fmla="*/ 290727 w 2252087"/>
                  <a:gd name="connsiteY21" fmla="*/ 351629 h 558957"/>
                  <a:gd name="connsiteX22" fmla="*/ 228060 w 2252087"/>
                  <a:gd name="connsiteY22" fmla="*/ 331493 h 558957"/>
                  <a:gd name="connsiteX23" fmla="*/ 156612 w 2252087"/>
                  <a:gd name="connsiteY23" fmla="*/ 248089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375540 w 2252087"/>
                  <a:gd name="connsiteY20" fmla="*/ 426396 h 558957"/>
                  <a:gd name="connsiteX21" fmla="*/ 290727 w 2252087"/>
                  <a:gd name="connsiteY21" fmla="*/ 351629 h 558957"/>
                  <a:gd name="connsiteX22" fmla="*/ 228060 w 2252087"/>
                  <a:gd name="connsiteY22" fmla="*/ 331493 h 558957"/>
                  <a:gd name="connsiteX23" fmla="*/ 176119 w 2252087"/>
                  <a:gd name="connsiteY23" fmla="*/ 248089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375540 w 2252087"/>
                  <a:gd name="connsiteY20" fmla="*/ 426396 h 558957"/>
                  <a:gd name="connsiteX21" fmla="*/ 290727 w 2252087"/>
                  <a:gd name="connsiteY21" fmla="*/ 351629 h 558957"/>
                  <a:gd name="connsiteX22" fmla="*/ 228060 w 2252087"/>
                  <a:gd name="connsiteY22" fmla="*/ 331493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375540 w 2252087"/>
                  <a:gd name="connsiteY20" fmla="*/ 426396 h 558957"/>
                  <a:gd name="connsiteX21" fmla="*/ 290727 w 2252087"/>
                  <a:gd name="connsiteY21" fmla="*/ 351629 h 558957"/>
                  <a:gd name="connsiteX22" fmla="*/ 252444 w 2252087"/>
                  <a:gd name="connsiteY22" fmla="*/ 323279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409677 w 2252087"/>
                  <a:gd name="connsiteY20" fmla="*/ 399703 h 558957"/>
                  <a:gd name="connsiteX21" fmla="*/ 290727 w 2252087"/>
                  <a:gd name="connsiteY21" fmla="*/ 351629 h 558957"/>
                  <a:gd name="connsiteX22" fmla="*/ 252444 w 2252087"/>
                  <a:gd name="connsiteY22" fmla="*/ 323279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409677 w 2252087"/>
                  <a:gd name="connsiteY20" fmla="*/ 399703 h 558957"/>
                  <a:gd name="connsiteX21" fmla="*/ 290727 w 2252087"/>
                  <a:gd name="connsiteY21" fmla="*/ 351629 h 558957"/>
                  <a:gd name="connsiteX22" fmla="*/ 252444 w 2252087"/>
                  <a:gd name="connsiteY22" fmla="*/ 323279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55607 w 2252087"/>
                  <a:gd name="connsiteY19" fmla="*/ 486252 h 558957"/>
                  <a:gd name="connsiteX20" fmla="*/ 409677 w 2252087"/>
                  <a:gd name="connsiteY20" fmla="*/ 399703 h 558957"/>
                  <a:gd name="connsiteX21" fmla="*/ 290727 w 2252087"/>
                  <a:gd name="connsiteY21" fmla="*/ 351629 h 558957"/>
                  <a:gd name="connsiteX22" fmla="*/ 252444 w 2252087"/>
                  <a:gd name="connsiteY22" fmla="*/ 323279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75113 w 2252087"/>
                  <a:gd name="connsiteY19" fmla="*/ 467772 h 558957"/>
                  <a:gd name="connsiteX20" fmla="*/ 409677 w 2252087"/>
                  <a:gd name="connsiteY20" fmla="*/ 399703 h 558957"/>
                  <a:gd name="connsiteX21" fmla="*/ 290727 w 2252087"/>
                  <a:gd name="connsiteY21" fmla="*/ 351629 h 558957"/>
                  <a:gd name="connsiteX22" fmla="*/ 252444 w 2252087"/>
                  <a:gd name="connsiteY22" fmla="*/ 323279 h 558957"/>
                  <a:gd name="connsiteX23" fmla="*/ 185872 w 2252087"/>
                  <a:gd name="connsiteY23" fmla="*/ 237822 h 558957"/>
                  <a:gd name="connsiteX24" fmla="*/ 0 w 2252087"/>
                  <a:gd name="connsiteY24"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75113 w 2252087"/>
                  <a:gd name="connsiteY19" fmla="*/ 467772 h 558957"/>
                  <a:gd name="connsiteX20" fmla="*/ 422000 w 2252087"/>
                  <a:gd name="connsiteY20" fmla="*/ 435290 h 558957"/>
                  <a:gd name="connsiteX21" fmla="*/ 409677 w 2252087"/>
                  <a:gd name="connsiteY21" fmla="*/ 399703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72675 w 2252087"/>
                  <a:gd name="connsiteY19" fmla="*/ 473931 h 558957"/>
                  <a:gd name="connsiteX20" fmla="*/ 422000 w 2252087"/>
                  <a:gd name="connsiteY20" fmla="*/ 435290 h 558957"/>
                  <a:gd name="connsiteX21" fmla="*/ 409677 w 2252087"/>
                  <a:gd name="connsiteY21" fmla="*/ 399703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51857 w 2252087"/>
                  <a:gd name="connsiteY18" fmla="*/ 523080 h 558957"/>
                  <a:gd name="connsiteX19" fmla="*/ 472675 w 2252087"/>
                  <a:gd name="connsiteY19" fmla="*/ 473931 h 558957"/>
                  <a:gd name="connsiteX20" fmla="*/ 422000 w 2252087"/>
                  <a:gd name="connsiteY20" fmla="*/ 435290 h 558957"/>
                  <a:gd name="connsiteX21" fmla="*/ 392609 w 2252087"/>
                  <a:gd name="connsiteY21" fmla="*/ 395596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6502 h 558957"/>
                  <a:gd name="connsiteX18" fmla="*/ 561611 w 2252087"/>
                  <a:gd name="connsiteY18" fmla="*/ 516920 h 558957"/>
                  <a:gd name="connsiteX19" fmla="*/ 472675 w 2252087"/>
                  <a:gd name="connsiteY19" fmla="*/ 473931 h 558957"/>
                  <a:gd name="connsiteX20" fmla="*/ 422000 w 2252087"/>
                  <a:gd name="connsiteY20" fmla="*/ 435290 h 558957"/>
                  <a:gd name="connsiteX21" fmla="*/ 392609 w 2252087"/>
                  <a:gd name="connsiteY21" fmla="*/ 395596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0343 h 558957"/>
                  <a:gd name="connsiteX18" fmla="*/ 561611 w 2252087"/>
                  <a:gd name="connsiteY18" fmla="*/ 516920 h 558957"/>
                  <a:gd name="connsiteX19" fmla="*/ 472675 w 2252087"/>
                  <a:gd name="connsiteY19" fmla="*/ 473931 h 558957"/>
                  <a:gd name="connsiteX20" fmla="*/ 422000 w 2252087"/>
                  <a:gd name="connsiteY20" fmla="*/ 435290 h 558957"/>
                  <a:gd name="connsiteX21" fmla="*/ 392609 w 2252087"/>
                  <a:gd name="connsiteY21" fmla="*/ 395596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 name="connsiteX0" fmla="*/ 0 w 2252087"/>
                  <a:gd name="connsiteY0" fmla="*/ 19442 h 558957"/>
                  <a:gd name="connsiteX1" fmla="*/ 1122352 w 2252087"/>
                  <a:gd name="connsiteY1" fmla="*/ 0 h 558957"/>
                  <a:gd name="connsiteX2" fmla="*/ 2252087 w 2252087"/>
                  <a:gd name="connsiteY2" fmla="*/ 44710 h 558957"/>
                  <a:gd name="connsiteX3" fmla="*/ 2073033 w 2252087"/>
                  <a:gd name="connsiteY3" fmla="*/ 175435 h 558957"/>
                  <a:gd name="connsiteX4" fmla="*/ 1995614 w 2252087"/>
                  <a:gd name="connsiteY4" fmla="*/ 275697 h 558957"/>
                  <a:gd name="connsiteX5" fmla="*/ 1907372 w 2252087"/>
                  <a:gd name="connsiteY5" fmla="*/ 381955 h 558957"/>
                  <a:gd name="connsiteX6" fmla="*/ 1733206 w 2252087"/>
                  <a:gd name="connsiteY6" fmla="*/ 486701 h 558957"/>
                  <a:gd name="connsiteX7" fmla="*/ 1561779 w 2252087"/>
                  <a:gd name="connsiteY7" fmla="*/ 555525 h 558957"/>
                  <a:gd name="connsiteX8" fmla="*/ 1440636 w 2252087"/>
                  <a:gd name="connsiteY8" fmla="*/ 545370 h 558957"/>
                  <a:gd name="connsiteX9" fmla="*/ 1250847 w 2252087"/>
                  <a:gd name="connsiteY9" fmla="*/ 517364 h 558957"/>
                  <a:gd name="connsiteX10" fmla="*/ 1175516 w 2252087"/>
                  <a:gd name="connsiteY10" fmla="*/ 438072 h 558957"/>
                  <a:gd name="connsiteX11" fmla="*/ 1128823 w 2252087"/>
                  <a:gd name="connsiteY11" fmla="*/ 306505 h 558957"/>
                  <a:gd name="connsiteX12" fmla="*/ 1107909 w 2252087"/>
                  <a:gd name="connsiteY12" fmla="*/ 149938 h 558957"/>
                  <a:gd name="connsiteX13" fmla="*/ 1104102 w 2252087"/>
                  <a:gd name="connsiteY13" fmla="*/ 81058 h 558957"/>
                  <a:gd name="connsiteX14" fmla="*/ 1094027 w 2252087"/>
                  <a:gd name="connsiteY14" fmla="*/ 171247 h 558957"/>
                  <a:gd name="connsiteX15" fmla="*/ 1076464 w 2252087"/>
                  <a:gd name="connsiteY15" fmla="*/ 314926 h 558957"/>
                  <a:gd name="connsiteX16" fmla="*/ 1022036 w 2252087"/>
                  <a:gd name="connsiteY16" fmla="*/ 491019 h 558957"/>
                  <a:gd name="connsiteX17" fmla="*/ 743634 w 2252087"/>
                  <a:gd name="connsiteY17" fmla="*/ 544450 h 558957"/>
                  <a:gd name="connsiteX18" fmla="*/ 561611 w 2252087"/>
                  <a:gd name="connsiteY18" fmla="*/ 516920 h 558957"/>
                  <a:gd name="connsiteX19" fmla="*/ 472675 w 2252087"/>
                  <a:gd name="connsiteY19" fmla="*/ 473931 h 558957"/>
                  <a:gd name="connsiteX20" fmla="*/ 422000 w 2252087"/>
                  <a:gd name="connsiteY20" fmla="*/ 435290 h 558957"/>
                  <a:gd name="connsiteX21" fmla="*/ 392609 w 2252087"/>
                  <a:gd name="connsiteY21" fmla="*/ 395596 h 558957"/>
                  <a:gd name="connsiteX22" fmla="*/ 290727 w 2252087"/>
                  <a:gd name="connsiteY22" fmla="*/ 351629 h 558957"/>
                  <a:gd name="connsiteX23" fmla="*/ 252444 w 2252087"/>
                  <a:gd name="connsiteY23" fmla="*/ 323279 h 558957"/>
                  <a:gd name="connsiteX24" fmla="*/ 185872 w 2252087"/>
                  <a:gd name="connsiteY24" fmla="*/ 237822 h 558957"/>
                  <a:gd name="connsiteX25" fmla="*/ 0 w 2252087"/>
                  <a:gd name="connsiteY25" fmla="*/ 19442 h 5589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252087" h="558957">
                    <a:moveTo>
                      <a:pt x="0" y="19442"/>
                    </a:moveTo>
                    <a:lnTo>
                      <a:pt x="1122352" y="0"/>
                    </a:lnTo>
                    <a:cubicBezTo>
                      <a:pt x="1503807" y="19010"/>
                      <a:pt x="1870632" y="25700"/>
                      <a:pt x="2252087" y="44710"/>
                    </a:cubicBezTo>
                    <a:cubicBezTo>
                      <a:pt x="2119638" y="156224"/>
                      <a:pt x="2115778" y="136937"/>
                      <a:pt x="2073033" y="175435"/>
                    </a:cubicBezTo>
                    <a:cubicBezTo>
                      <a:pt x="2030288" y="213933"/>
                      <a:pt x="2023224" y="241277"/>
                      <a:pt x="1995614" y="275697"/>
                    </a:cubicBezTo>
                    <a:cubicBezTo>
                      <a:pt x="1968004" y="310117"/>
                      <a:pt x="1951107" y="346788"/>
                      <a:pt x="1907372" y="381955"/>
                    </a:cubicBezTo>
                    <a:cubicBezTo>
                      <a:pt x="1863637" y="417122"/>
                      <a:pt x="1790805" y="457773"/>
                      <a:pt x="1733206" y="486701"/>
                    </a:cubicBezTo>
                    <a:cubicBezTo>
                      <a:pt x="1675607" y="515629"/>
                      <a:pt x="1610541" y="545747"/>
                      <a:pt x="1561779" y="555525"/>
                    </a:cubicBezTo>
                    <a:cubicBezTo>
                      <a:pt x="1513017" y="565303"/>
                      <a:pt x="1492458" y="551730"/>
                      <a:pt x="1440636" y="545370"/>
                    </a:cubicBezTo>
                    <a:cubicBezTo>
                      <a:pt x="1388814" y="539010"/>
                      <a:pt x="1295034" y="535247"/>
                      <a:pt x="1250847" y="517364"/>
                    </a:cubicBezTo>
                    <a:cubicBezTo>
                      <a:pt x="1206660" y="499481"/>
                      <a:pt x="1195853" y="473215"/>
                      <a:pt x="1175516" y="438072"/>
                    </a:cubicBezTo>
                    <a:cubicBezTo>
                      <a:pt x="1155179" y="402929"/>
                      <a:pt x="1140091" y="354527"/>
                      <a:pt x="1128823" y="306505"/>
                    </a:cubicBezTo>
                    <a:cubicBezTo>
                      <a:pt x="1117555" y="258483"/>
                      <a:pt x="1112029" y="187512"/>
                      <a:pt x="1107909" y="149938"/>
                    </a:cubicBezTo>
                    <a:cubicBezTo>
                      <a:pt x="1103789" y="112364"/>
                      <a:pt x="1106416" y="77507"/>
                      <a:pt x="1104102" y="81058"/>
                    </a:cubicBezTo>
                    <a:cubicBezTo>
                      <a:pt x="1101788" y="84609"/>
                      <a:pt x="1098633" y="132269"/>
                      <a:pt x="1094027" y="171247"/>
                    </a:cubicBezTo>
                    <a:cubicBezTo>
                      <a:pt x="1089421" y="210225"/>
                      <a:pt x="1088462" y="261631"/>
                      <a:pt x="1076464" y="314926"/>
                    </a:cubicBezTo>
                    <a:cubicBezTo>
                      <a:pt x="1064466" y="368221"/>
                      <a:pt x="1077508" y="452765"/>
                      <a:pt x="1022036" y="491019"/>
                    </a:cubicBezTo>
                    <a:cubicBezTo>
                      <a:pt x="966564" y="529273"/>
                      <a:pt x="820372" y="540133"/>
                      <a:pt x="743634" y="544450"/>
                    </a:cubicBezTo>
                    <a:cubicBezTo>
                      <a:pt x="666897" y="548767"/>
                      <a:pt x="606771" y="528673"/>
                      <a:pt x="561611" y="516920"/>
                    </a:cubicBezTo>
                    <a:cubicBezTo>
                      <a:pt x="516451" y="505167"/>
                      <a:pt x="495944" y="487536"/>
                      <a:pt x="472675" y="473931"/>
                    </a:cubicBezTo>
                    <a:cubicBezTo>
                      <a:pt x="449407" y="460326"/>
                      <a:pt x="432906" y="446635"/>
                      <a:pt x="422000" y="435290"/>
                    </a:cubicBezTo>
                    <a:cubicBezTo>
                      <a:pt x="411094" y="423945"/>
                      <a:pt x="414488" y="409540"/>
                      <a:pt x="392609" y="395596"/>
                    </a:cubicBezTo>
                    <a:cubicBezTo>
                      <a:pt x="370730" y="381653"/>
                      <a:pt x="314088" y="363682"/>
                      <a:pt x="290727" y="351629"/>
                    </a:cubicBezTo>
                    <a:cubicBezTo>
                      <a:pt x="267366" y="339576"/>
                      <a:pt x="272881" y="341111"/>
                      <a:pt x="252444" y="323279"/>
                    </a:cubicBezTo>
                    <a:cubicBezTo>
                      <a:pt x="232007" y="305447"/>
                      <a:pt x="229049" y="281773"/>
                      <a:pt x="185872" y="237822"/>
                    </a:cubicBezTo>
                    <a:cubicBezTo>
                      <a:pt x="138333" y="178115"/>
                      <a:pt x="73200" y="97442"/>
                      <a:pt x="0" y="19442"/>
                    </a:cubicBezTo>
                    <a:close/>
                  </a:path>
                </a:pathLst>
              </a:custGeom>
              <a:solidFill>
                <a:srgbClr val="1080B7">
                  <a:alpha val="6902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0" name="Mørkeblåt felt">
                <a:extLst>
                  <a:ext uri="{FF2B5EF4-FFF2-40B4-BE49-F238E27FC236}">
                    <a16:creationId xmlns:a16="http://schemas.microsoft.com/office/drawing/2014/main" id="{02FE2932-581C-4082-BCBB-D601ABE7758F}"/>
                  </a:ext>
                </a:extLst>
              </p:cNvPr>
              <p:cNvSpPr/>
              <p:nvPr/>
            </p:nvSpPr>
            <p:spPr>
              <a:xfrm>
                <a:off x="3350798" y="4177759"/>
                <a:ext cx="2457007" cy="736094"/>
              </a:xfrm>
              <a:custGeom>
                <a:avLst/>
                <a:gdLst>
                  <a:gd name="connsiteX0" fmla="*/ 54000 w 2196000"/>
                  <a:gd name="connsiteY0" fmla="*/ 0 h 964800"/>
                  <a:gd name="connsiteX1" fmla="*/ 1112400 w 2196000"/>
                  <a:gd name="connsiteY1" fmla="*/ 489600 h 964800"/>
                  <a:gd name="connsiteX2" fmla="*/ 2134800 w 2196000"/>
                  <a:gd name="connsiteY2" fmla="*/ 18000 h 964800"/>
                  <a:gd name="connsiteX3" fmla="*/ 2196000 w 2196000"/>
                  <a:gd name="connsiteY3" fmla="*/ 964800 h 964800"/>
                  <a:gd name="connsiteX4" fmla="*/ 1108800 w 2196000"/>
                  <a:gd name="connsiteY4" fmla="*/ 842400 h 964800"/>
                  <a:gd name="connsiteX5" fmla="*/ 0 w 2196000"/>
                  <a:gd name="connsiteY5" fmla="*/ 954000 h 964800"/>
                  <a:gd name="connsiteX6" fmla="*/ 54000 w 2196000"/>
                  <a:gd name="connsiteY6" fmla="*/ 0 h 964800"/>
                  <a:gd name="connsiteX0" fmla="*/ 54000 w 2196000"/>
                  <a:gd name="connsiteY0" fmla="*/ 0 h 964800"/>
                  <a:gd name="connsiteX1" fmla="*/ 1078110 w 2196000"/>
                  <a:gd name="connsiteY1" fmla="*/ 489600 h 964800"/>
                  <a:gd name="connsiteX2" fmla="*/ 2134800 w 2196000"/>
                  <a:gd name="connsiteY2" fmla="*/ 18000 h 964800"/>
                  <a:gd name="connsiteX3" fmla="*/ 2196000 w 2196000"/>
                  <a:gd name="connsiteY3" fmla="*/ 964800 h 964800"/>
                  <a:gd name="connsiteX4" fmla="*/ 1108800 w 2196000"/>
                  <a:gd name="connsiteY4" fmla="*/ 842400 h 964800"/>
                  <a:gd name="connsiteX5" fmla="*/ 0 w 2196000"/>
                  <a:gd name="connsiteY5" fmla="*/ 954000 h 964800"/>
                  <a:gd name="connsiteX6" fmla="*/ 54000 w 2196000"/>
                  <a:gd name="connsiteY6" fmla="*/ 0 h 964800"/>
                  <a:gd name="connsiteX0" fmla="*/ 54000 w 2196000"/>
                  <a:gd name="connsiteY0" fmla="*/ 0 h 964800"/>
                  <a:gd name="connsiteX1" fmla="*/ 1078110 w 2196000"/>
                  <a:gd name="connsiteY1" fmla="*/ 489600 h 964800"/>
                  <a:gd name="connsiteX2" fmla="*/ 2134800 w 2196000"/>
                  <a:gd name="connsiteY2" fmla="*/ 18000 h 964800"/>
                  <a:gd name="connsiteX3" fmla="*/ 2196000 w 2196000"/>
                  <a:gd name="connsiteY3" fmla="*/ 964800 h 964800"/>
                  <a:gd name="connsiteX4" fmla="*/ 1060223 w 2196000"/>
                  <a:gd name="connsiteY4" fmla="*/ 842400 h 964800"/>
                  <a:gd name="connsiteX5" fmla="*/ 0 w 2196000"/>
                  <a:gd name="connsiteY5" fmla="*/ 954000 h 964800"/>
                  <a:gd name="connsiteX6" fmla="*/ 54000 w 2196000"/>
                  <a:gd name="connsiteY6" fmla="*/ 0 h 964800"/>
                  <a:gd name="connsiteX0" fmla="*/ 54000 w 2196000"/>
                  <a:gd name="connsiteY0" fmla="*/ 0 h 964800"/>
                  <a:gd name="connsiteX1" fmla="*/ 1078110 w 2196000"/>
                  <a:gd name="connsiteY1" fmla="*/ 489600 h 964800"/>
                  <a:gd name="connsiteX2" fmla="*/ 2126228 w 2196000"/>
                  <a:gd name="connsiteY2" fmla="*/ 80865 h 964800"/>
                  <a:gd name="connsiteX3" fmla="*/ 2196000 w 2196000"/>
                  <a:gd name="connsiteY3" fmla="*/ 964800 h 964800"/>
                  <a:gd name="connsiteX4" fmla="*/ 1060223 w 2196000"/>
                  <a:gd name="connsiteY4" fmla="*/ 842400 h 964800"/>
                  <a:gd name="connsiteX5" fmla="*/ 0 w 2196000"/>
                  <a:gd name="connsiteY5" fmla="*/ 954000 h 964800"/>
                  <a:gd name="connsiteX6" fmla="*/ 54000 w 2196000"/>
                  <a:gd name="connsiteY6" fmla="*/ 0 h 964800"/>
                  <a:gd name="connsiteX0" fmla="*/ 54000 w 2150280"/>
                  <a:gd name="connsiteY0" fmla="*/ 0 h 954000"/>
                  <a:gd name="connsiteX1" fmla="*/ 1078110 w 2150280"/>
                  <a:gd name="connsiteY1" fmla="*/ 489600 h 954000"/>
                  <a:gd name="connsiteX2" fmla="*/ 2126228 w 2150280"/>
                  <a:gd name="connsiteY2" fmla="*/ 80865 h 954000"/>
                  <a:gd name="connsiteX3" fmla="*/ 2150280 w 2150280"/>
                  <a:gd name="connsiteY3" fmla="*/ 939083 h 954000"/>
                  <a:gd name="connsiteX4" fmla="*/ 1060223 w 2150280"/>
                  <a:gd name="connsiteY4" fmla="*/ 842400 h 954000"/>
                  <a:gd name="connsiteX5" fmla="*/ 0 w 2150280"/>
                  <a:gd name="connsiteY5" fmla="*/ 954000 h 954000"/>
                  <a:gd name="connsiteX6" fmla="*/ 54000 w 2150280"/>
                  <a:gd name="connsiteY6" fmla="*/ 0 h 954000"/>
                  <a:gd name="connsiteX0" fmla="*/ 74003 w 2170283"/>
                  <a:gd name="connsiteY0" fmla="*/ 0 h 939083"/>
                  <a:gd name="connsiteX1" fmla="*/ 1098113 w 2170283"/>
                  <a:gd name="connsiteY1" fmla="*/ 489600 h 939083"/>
                  <a:gd name="connsiteX2" fmla="*/ 2146231 w 2170283"/>
                  <a:gd name="connsiteY2" fmla="*/ 80865 h 939083"/>
                  <a:gd name="connsiteX3" fmla="*/ 2170283 w 2170283"/>
                  <a:gd name="connsiteY3" fmla="*/ 939083 h 939083"/>
                  <a:gd name="connsiteX4" fmla="*/ 1080226 w 2170283"/>
                  <a:gd name="connsiteY4" fmla="*/ 842400 h 939083"/>
                  <a:gd name="connsiteX5" fmla="*/ 0 w 2170283"/>
                  <a:gd name="connsiteY5" fmla="*/ 925425 h 939083"/>
                  <a:gd name="connsiteX6" fmla="*/ 74003 w 2170283"/>
                  <a:gd name="connsiteY6" fmla="*/ 0 h 939083"/>
                  <a:gd name="connsiteX0" fmla="*/ 28283 w 2170283"/>
                  <a:gd name="connsiteY0" fmla="*/ 0 h 859073"/>
                  <a:gd name="connsiteX1" fmla="*/ 1098113 w 2170283"/>
                  <a:gd name="connsiteY1" fmla="*/ 409590 h 859073"/>
                  <a:gd name="connsiteX2" fmla="*/ 2146231 w 2170283"/>
                  <a:gd name="connsiteY2" fmla="*/ 855 h 859073"/>
                  <a:gd name="connsiteX3" fmla="*/ 2170283 w 2170283"/>
                  <a:gd name="connsiteY3" fmla="*/ 859073 h 859073"/>
                  <a:gd name="connsiteX4" fmla="*/ 1080226 w 2170283"/>
                  <a:gd name="connsiteY4" fmla="*/ 762390 h 859073"/>
                  <a:gd name="connsiteX5" fmla="*/ 0 w 2170283"/>
                  <a:gd name="connsiteY5" fmla="*/ 845415 h 859073"/>
                  <a:gd name="connsiteX6" fmla="*/ 28283 w 2170283"/>
                  <a:gd name="connsiteY6" fmla="*/ 0 h 859073"/>
                  <a:gd name="connsiteX0" fmla="*/ 28283 w 2170283"/>
                  <a:gd name="connsiteY0" fmla="*/ 1317 h 860390"/>
                  <a:gd name="connsiteX1" fmla="*/ 1098113 w 2170283"/>
                  <a:gd name="connsiteY1" fmla="*/ 410907 h 860390"/>
                  <a:gd name="connsiteX2" fmla="*/ 2146231 w 2170283"/>
                  <a:gd name="connsiteY2" fmla="*/ 2172 h 860390"/>
                  <a:gd name="connsiteX3" fmla="*/ 2170283 w 2170283"/>
                  <a:gd name="connsiteY3" fmla="*/ 860390 h 860390"/>
                  <a:gd name="connsiteX4" fmla="*/ 1080226 w 2170283"/>
                  <a:gd name="connsiteY4" fmla="*/ 763707 h 860390"/>
                  <a:gd name="connsiteX5" fmla="*/ 0 w 2170283"/>
                  <a:gd name="connsiteY5" fmla="*/ 846732 h 860390"/>
                  <a:gd name="connsiteX6" fmla="*/ 28283 w 2170283"/>
                  <a:gd name="connsiteY6" fmla="*/ 1317 h 860390"/>
                  <a:gd name="connsiteX0" fmla="*/ 28283 w 2170283"/>
                  <a:gd name="connsiteY0" fmla="*/ 0 h 859073"/>
                  <a:gd name="connsiteX1" fmla="*/ 1098113 w 2170283"/>
                  <a:gd name="connsiteY1" fmla="*/ 409590 h 859073"/>
                  <a:gd name="connsiteX2" fmla="*/ 2146231 w 2170283"/>
                  <a:gd name="connsiteY2" fmla="*/ 855 h 859073"/>
                  <a:gd name="connsiteX3" fmla="*/ 2170283 w 2170283"/>
                  <a:gd name="connsiteY3" fmla="*/ 859073 h 859073"/>
                  <a:gd name="connsiteX4" fmla="*/ 1080226 w 2170283"/>
                  <a:gd name="connsiteY4" fmla="*/ 762390 h 859073"/>
                  <a:gd name="connsiteX5" fmla="*/ 0 w 2170283"/>
                  <a:gd name="connsiteY5" fmla="*/ 845415 h 859073"/>
                  <a:gd name="connsiteX6" fmla="*/ 28283 w 2170283"/>
                  <a:gd name="connsiteY6" fmla="*/ 0 h 859073"/>
                  <a:gd name="connsiteX0" fmla="*/ 28283 w 2170283"/>
                  <a:gd name="connsiteY0" fmla="*/ 24034 h 883107"/>
                  <a:gd name="connsiteX1" fmla="*/ 721194 w 2170283"/>
                  <a:gd name="connsiteY1" fmla="*/ 223678 h 883107"/>
                  <a:gd name="connsiteX2" fmla="*/ 1098113 w 2170283"/>
                  <a:gd name="connsiteY2" fmla="*/ 433624 h 883107"/>
                  <a:gd name="connsiteX3" fmla="*/ 2146231 w 2170283"/>
                  <a:gd name="connsiteY3" fmla="*/ 24889 h 883107"/>
                  <a:gd name="connsiteX4" fmla="*/ 2170283 w 2170283"/>
                  <a:gd name="connsiteY4" fmla="*/ 883107 h 883107"/>
                  <a:gd name="connsiteX5" fmla="*/ 1080226 w 2170283"/>
                  <a:gd name="connsiteY5" fmla="*/ 786424 h 883107"/>
                  <a:gd name="connsiteX6" fmla="*/ 0 w 2170283"/>
                  <a:gd name="connsiteY6" fmla="*/ 869449 h 883107"/>
                  <a:gd name="connsiteX7" fmla="*/ 28283 w 2170283"/>
                  <a:gd name="connsiteY7" fmla="*/ 24034 h 883107"/>
                  <a:gd name="connsiteX0" fmla="*/ 28283 w 2170283"/>
                  <a:gd name="connsiteY0" fmla="*/ 64218 h 923291"/>
                  <a:gd name="connsiteX1" fmla="*/ 398297 w 2170283"/>
                  <a:gd name="connsiteY1" fmla="*/ 75267 h 923291"/>
                  <a:gd name="connsiteX2" fmla="*/ 721194 w 2170283"/>
                  <a:gd name="connsiteY2" fmla="*/ 263862 h 923291"/>
                  <a:gd name="connsiteX3" fmla="*/ 1098113 w 2170283"/>
                  <a:gd name="connsiteY3" fmla="*/ 473808 h 923291"/>
                  <a:gd name="connsiteX4" fmla="*/ 2146231 w 2170283"/>
                  <a:gd name="connsiteY4" fmla="*/ 65073 h 923291"/>
                  <a:gd name="connsiteX5" fmla="*/ 2170283 w 2170283"/>
                  <a:gd name="connsiteY5" fmla="*/ 923291 h 923291"/>
                  <a:gd name="connsiteX6" fmla="*/ 1080226 w 2170283"/>
                  <a:gd name="connsiteY6" fmla="*/ 826608 h 923291"/>
                  <a:gd name="connsiteX7" fmla="*/ 0 w 2170283"/>
                  <a:gd name="connsiteY7" fmla="*/ 909633 h 923291"/>
                  <a:gd name="connsiteX8" fmla="*/ 28283 w 2170283"/>
                  <a:gd name="connsiteY8" fmla="*/ 64218 h 923291"/>
                  <a:gd name="connsiteX0" fmla="*/ 28283 w 2170283"/>
                  <a:gd name="connsiteY0" fmla="*/ 72575 h 931648"/>
                  <a:gd name="connsiteX1" fmla="*/ 404012 w 2170283"/>
                  <a:gd name="connsiteY1" fmla="*/ 57907 h 931648"/>
                  <a:gd name="connsiteX2" fmla="*/ 721194 w 2170283"/>
                  <a:gd name="connsiteY2" fmla="*/ 272219 h 931648"/>
                  <a:gd name="connsiteX3" fmla="*/ 1098113 w 2170283"/>
                  <a:gd name="connsiteY3" fmla="*/ 482165 h 931648"/>
                  <a:gd name="connsiteX4" fmla="*/ 2146231 w 2170283"/>
                  <a:gd name="connsiteY4" fmla="*/ 73430 h 931648"/>
                  <a:gd name="connsiteX5" fmla="*/ 2170283 w 2170283"/>
                  <a:gd name="connsiteY5" fmla="*/ 931648 h 931648"/>
                  <a:gd name="connsiteX6" fmla="*/ 1080226 w 2170283"/>
                  <a:gd name="connsiteY6" fmla="*/ 834965 h 931648"/>
                  <a:gd name="connsiteX7" fmla="*/ 0 w 2170283"/>
                  <a:gd name="connsiteY7" fmla="*/ 917990 h 931648"/>
                  <a:gd name="connsiteX8" fmla="*/ 28283 w 2170283"/>
                  <a:gd name="connsiteY8" fmla="*/ 72575 h 931648"/>
                  <a:gd name="connsiteX0" fmla="*/ 28283 w 2170283"/>
                  <a:gd name="connsiteY0" fmla="*/ 67200 h 926273"/>
                  <a:gd name="connsiteX1" fmla="*/ 183984 w 2170283"/>
                  <a:gd name="connsiteY1" fmla="*/ 69676 h 926273"/>
                  <a:gd name="connsiteX2" fmla="*/ 404012 w 2170283"/>
                  <a:gd name="connsiteY2" fmla="*/ 52532 h 926273"/>
                  <a:gd name="connsiteX3" fmla="*/ 721194 w 2170283"/>
                  <a:gd name="connsiteY3" fmla="*/ 266844 h 926273"/>
                  <a:gd name="connsiteX4" fmla="*/ 1098113 w 2170283"/>
                  <a:gd name="connsiteY4" fmla="*/ 476790 h 926273"/>
                  <a:gd name="connsiteX5" fmla="*/ 2146231 w 2170283"/>
                  <a:gd name="connsiteY5" fmla="*/ 68055 h 926273"/>
                  <a:gd name="connsiteX6" fmla="*/ 2170283 w 2170283"/>
                  <a:gd name="connsiteY6" fmla="*/ 926273 h 926273"/>
                  <a:gd name="connsiteX7" fmla="*/ 1080226 w 2170283"/>
                  <a:gd name="connsiteY7" fmla="*/ 829590 h 926273"/>
                  <a:gd name="connsiteX8" fmla="*/ 0 w 2170283"/>
                  <a:gd name="connsiteY8" fmla="*/ 912615 h 926273"/>
                  <a:gd name="connsiteX9" fmla="*/ 28283 w 2170283"/>
                  <a:gd name="connsiteY9" fmla="*/ 67200 h 926273"/>
                  <a:gd name="connsiteX0" fmla="*/ 28283 w 2170283"/>
                  <a:gd name="connsiteY0" fmla="*/ 31927 h 891000"/>
                  <a:gd name="connsiteX1" fmla="*/ 183984 w 2170283"/>
                  <a:gd name="connsiteY1" fmla="*/ 34403 h 891000"/>
                  <a:gd name="connsiteX2" fmla="*/ 404012 w 2170283"/>
                  <a:gd name="connsiteY2" fmla="*/ 17259 h 891000"/>
                  <a:gd name="connsiteX3" fmla="*/ 721194 w 2170283"/>
                  <a:gd name="connsiteY3" fmla="*/ 231571 h 891000"/>
                  <a:gd name="connsiteX4" fmla="*/ 1098113 w 2170283"/>
                  <a:gd name="connsiteY4" fmla="*/ 441517 h 891000"/>
                  <a:gd name="connsiteX5" fmla="*/ 2146231 w 2170283"/>
                  <a:gd name="connsiteY5" fmla="*/ 32782 h 891000"/>
                  <a:gd name="connsiteX6" fmla="*/ 2170283 w 2170283"/>
                  <a:gd name="connsiteY6" fmla="*/ 891000 h 891000"/>
                  <a:gd name="connsiteX7" fmla="*/ 1080226 w 2170283"/>
                  <a:gd name="connsiteY7" fmla="*/ 794317 h 891000"/>
                  <a:gd name="connsiteX8" fmla="*/ 0 w 2170283"/>
                  <a:gd name="connsiteY8" fmla="*/ 877342 h 891000"/>
                  <a:gd name="connsiteX9" fmla="*/ 28283 w 2170283"/>
                  <a:gd name="connsiteY9" fmla="*/ 31927 h 891000"/>
                  <a:gd name="connsiteX0" fmla="*/ 28283 w 2170283"/>
                  <a:gd name="connsiteY0" fmla="*/ 31927 h 891000"/>
                  <a:gd name="connsiteX1" fmla="*/ 183984 w 2170283"/>
                  <a:gd name="connsiteY1" fmla="*/ 34403 h 891000"/>
                  <a:gd name="connsiteX2" fmla="*/ 404012 w 2170283"/>
                  <a:gd name="connsiteY2" fmla="*/ 17259 h 891000"/>
                  <a:gd name="connsiteX3" fmla="*/ 721194 w 2170283"/>
                  <a:gd name="connsiteY3" fmla="*/ 231571 h 891000"/>
                  <a:gd name="connsiteX4" fmla="*/ 1098113 w 2170283"/>
                  <a:gd name="connsiteY4" fmla="*/ 441517 h 891000"/>
                  <a:gd name="connsiteX5" fmla="*/ 2146231 w 2170283"/>
                  <a:gd name="connsiteY5" fmla="*/ 32782 h 891000"/>
                  <a:gd name="connsiteX6" fmla="*/ 2170283 w 2170283"/>
                  <a:gd name="connsiteY6" fmla="*/ 891000 h 891000"/>
                  <a:gd name="connsiteX7" fmla="*/ 1080226 w 2170283"/>
                  <a:gd name="connsiteY7" fmla="*/ 794317 h 891000"/>
                  <a:gd name="connsiteX8" fmla="*/ 0 w 2170283"/>
                  <a:gd name="connsiteY8" fmla="*/ 877342 h 891000"/>
                  <a:gd name="connsiteX9" fmla="*/ 28283 w 2170283"/>
                  <a:gd name="connsiteY9" fmla="*/ 31927 h 891000"/>
                  <a:gd name="connsiteX0" fmla="*/ 28283 w 2170283"/>
                  <a:gd name="connsiteY0" fmla="*/ 31927 h 891000"/>
                  <a:gd name="connsiteX1" fmla="*/ 183984 w 2170283"/>
                  <a:gd name="connsiteY1" fmla="*/ 34403 h 891000"/>
                  <a:gd name="connsiteX2" fmla="*/ 404012 w 2170283"/>
                  <a:gd name="connsiteY2" fmla="*/ 17259 h 891000"/>
                  <a:gd name="connsiteX3" fmla="*/ 721194 w 2170283"/>
                  <a:gd name="connsiteY3" fmla="*/ 231571 h 891000"/>
                  <a:gd name="connsiteX4" fmla="*/ 1098113 w 2170283"/>
                  <a:gd name="connsiteY4" fmla="*/ 441517 h 891000"/>
                  <a:gd name="connsiteX5" fmla="*/ 2146231 w 2170283"/>
                  <a:gd name="connsiteY5" fmla="*/ 32782 h 891000"/>
                  <a:gd name="connsiteX6" fmla="*/ 2170283 w 2170283"/>
                  <a:gd name="connsiteY6" fmla="*/ 891000 h 891000"/>
                  <a:gd name="connsiteX7" fmla="*/ 1080226 w 2170283"/>
                  <a:gd name="connsiteY7" fmla="*/ 794317 h 891000"/>
                  <a:gd name="connsiteX8" fmla="*/ 0 w 2170283"/>
                  <a:gd name="connsiteY8" fmla="*/ 877342 h 891000"/>
                  <a:gd name="connsiteX9" fmla="*/ 28283 w 2170283"/>
                  <a:gd name="connsiteY9" fmla="*/ 31927 h 891000"/>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721194 w 2170283"/>
                  <a:gd name="connsiteY4" fmla="*/ 217892 h 877321"/>
                  <a:gd name="connsiteX5" fmla="*/ 1098113 w 2170283"/>
                  <a:gd name="connsiteY5" fmla="*/ 427838 h 877321"/>
                  <a:gd name="connsiteX6" fmla="*/ 2146231 w 2170283"/>
                  <a:gd name="connsiteY6" fmla="*/ 19103 h 877321"/>
                  <a:gd name="connsiteX7" fmla="*/ 2170283 w 2170283"/>
                  <a:gd name="connsiteY7" fmla="*/ 877321 h 877321"/>
                  <a:gd name="connsiteX8" fmla="*/ 1080226 w 2170283"/>
                  <a:gd name="connsiteY8" fmla="*/ 780638 h 877321"/>
                  <a:gd name="connsiteX9" fmla="*/ 0 w 2170283"/>
                  <a:gd name="connsiteY9" fmla="*/ 863663 h 877321"/>
                  <a:gd name="connsiteX10" fmla="*/ 28283 w 2170283"/>
                  <a:gd name="connsiteY10" fmla="*/ 18248 h 877321"/>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681189 w 2170283"/>
                  <a:gd name="connsiteY4" fmla="*/ 137881 h 877321"/>
                  <a:gd name="connsiteX5" fmla="*/ 721194 w 2170283"/>
                  <a:gd name="connsiteY5" fmla="*/ 217892 h 877321"/>
                  <a:gd name="connsiteX6" fmla="*/ 1098113 w 2170283"/>
                  <a:gd name="connsiteY6" fmla="*/ 427838 h 877321"/>
                  <a:gd name="connsiteX7" fmla="*/ 2146231 w 2170283"/>
                  <a:gd name="connsiteY7" fmla="*/ 19103 h 877321"/>
                  <a:gd name="connsiteX8" fmla="*/ 2170283 w 2170283"/>
                  <a:gd name="connsiteY8" fmla="*/ 877321 h 877321"/>
                  <a:gd name="connsiteX9" fmla="*/ 1080226 w 2170283"/>
                  <a:gd name="connsiteY9" fmla="*/ 780638 h 877321"/>
                  <a:gd name="connsiteX10" fmla="*/ 0 w 2170283"/>
                  <a:gd name="connsiteY10" fmla="*/ 863663 h 877321"/>
                  <a:gd name="connsiteX11" fmla="*/ 28283 w 2170283"/>
                  <a:gd name="connsiteY11" fmla="*/ 18248 h 877321"/>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621182 w 2170283"/>
                  <a:gd name="connsiteY4" fmla="*/ 143596 h 877321"/>
                  <a:gd name="connsiteX5" fmla="*/ 681189 w 2170283"/>
                  <a:gd name="connsiteY5" fmla="*/ 137881 h 877321"/>
                  <a:gd name="connsiteX6" fmla="*/ 721194 w 2170283"/>
                  <a:gd name="connsiteY6" fmla="*/ 217892 h 877321"/>
                  <a:gd name="connsiteX7" fmla="*/ 1098113 w 2170283"/>
                  <a:gd name="connsiteY7" fmla="*/ 427838 h 877321"/>
                  <a:gd name="connsiteX8" fmla="*/ 2146231 w 2170283"/>
                  <a:gd name="connsiteY8" fmla="*/ 19103 h 877321"/>
                  <a:gd name="connsiteX9" fmla="*/ 2170283 w 2170283"/>
                  <a:gd name="connsiteY9" fmla="*/ 877321 h 877321"/>
                  <a:gd name="connsiteX10" fmla="*/ 1080226 w 2170283"/>
                  <a:gd name="connsiteY10" fmla="*/ 780638 h 877321"/>
                  <a:gd name="connsiteX11" fmla="*/ 0 w 2170283"/>
                  <a:gd name="connsiteY11" fmla="*/ 863663 h 877321"/>
                  <a:gd name="connsiteX12" fmla="*/ 28283 w 2170283"/>
                  <a:gd name="connsiteY12" fmla="*/ 18248 h 877321"/>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621182 w 2170283"/>
                  <a:gd name="connsiteY4" fmla="*/ 143596 h 877321"/>
                  <a:gd name="connsiteX5" fmla="*/ 681189 w 2170283"/>
                  <a:gd name="connsiteY5" fmla="*/ 137881 h 877321"/>
                  <a:gd name="connsiteX6" fmla="*/ 721194 w 2170283"/>
                  <a:gd name="connsiteY6" fmla="*/ 217892 h 877321"/>
                  <a:gd name="connsiteX7" fmla="*/ 901217 w 2170283"/>
                  <a:gd name="connsiteY7" fmla="*/ 337906 h 877321"/>
                  <a:gd name="connsiteX8" fmla="*/ 1098113 w 2170283"/>
                  <a:gd name="connsiteY8" fmla="*/ 427838 h 877321"/>
                  <a:gd name="connsiteX9" fmla="*/ 2146231 w 2170283"/>
                  <a:gd name="connsiteY9" fmla="*/ 19103 h 877321"/>
                  <a:gd name="connsiteX10" fmla="*/ 2170283 w 2170283"/>
                  <a:gd name="connsiteY10" fmla="*/ 877321 h 877321"/>
                  <a:gd name="connsiteX11" fmla="*/ 1080226 w 2170283"/>
                  <a:gd name="connsiteY11" fmla="*/ 780638 h 877321"/>
                  <a:gd name="connsiteX12" fmla="*/ 0 w 2170283"/>
                  <a:gd name="connsiteY12" fmla="*/ 863663 h 877321"/>
                  <a:gd name="connsiteX13" fmla="*/ 28283 w 2170283"/>
                  <a:gd name="connsiteY13" fmla="*/ 18248 h 877321"/>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621182 w 2170283"/>
                  <a:gd name="connsiteY4" fmla="*/ 143596 h 877321"/>
                  <a:gd name="connsiteX5" fmla="*/ 681189 w 2170283"/>
                  <a:gd name="connsiteY5" fmla="*/ 137881 h 877321"/>
                  <a:gd name="connsiteX6" fmla="*/ 721194 w 2170283"/>
                  <a:gd name="connsiteY6" fmla="*/ 217892 h 877321"/>
                  <a:gd name="connsiteX7" fmla="*/ 901217 w 2170283"/>
                  <a:gd name="connsiteY7" fmla="*/ 337906 h 877321"/>
                  <a:gd name="connsiteX8" fmla="*/ 1098113 w 2170283"/>
                  <a:gd name="connsiteY8" fmla="*/ 427838 h 877321"/>
                  <a:gd name="connsiteX9" fmla="*/ 1281264 w 2170283"/>
                  <a:gd name="connsiteY9" fmla="*/ 366481 h 877321"/>
                  <a:gd name="connsiteX10" fmla="*/ 2146231 w 2170283"/>
                  <a:gd name="connsiteY10" fmla="*/ 19103 h 877321"/>
                  <a:gd name="connsiteX11" fmla="*/ 2170283 w 2170283"/>
                  <a:gd name="connsiteY11" fmla="*/ 877321 h 877321"/>
                  <a:gd name="connsiteX12" fmla="*/ 1080226 w 2170283"/>
                  <a:gd name="connsiteY12" fmla="*/ 780638 h 877321"/>
                  <a:gd name="connsiteX13" fmla="*/ 0 w 2170283"/>
                  <a:gd name="connsiteY13" fmla="*/ 863663 h 877321"/>
                  <a:gd name="connsiteX14" fmla="*/ 28283 w 2170283"/>
                  <a:gd name="connsiteY14" fmla="*/ 18248 h 877321"/>
                  <a:gd name="connsiteX0" fmla="*/ 28283 w 2170283"/>
                  <a:gd name="connsiteY0" fmla="*/ 18248 h 877321"/>
                  <a:gd name="connsiteX1" fmla="*/ 183984 w 2170283"/>
                  <a:gd name="connsiteY1" fmla="*/ 20724 h 877321"/>
                  <a:gd name="connsiteX2" fmla="*/ 404012 w 2170283"/>
                  <a:gd name="connsiteY2" fmla="*/ 3580 h 877321"/>
                  <a:gd name="connsiteX3" fmla="*/ 541172 w 2170283"/>
                  <a:gd name="connsiteY3" fmla="*/ 115021 h 877321"/>
                  <a:gd name="connsiteX4" fmla="*/ 621182 w 2170283"/>
                  <a:gd name="connsiteY4" fmla="*/ 143596 h 877321"/>
                  <a:gd name="connsiteX5" fmla="*/ 681189 w 2170283"/>
                  <a:gd name="connsiteY5" fmla="*/ 137881 h 877321"/>
                  <a:gd name="connsiteX6" fmla="*/ 721194 w 2170283"/>
                  <a:gd name="connsiteY6" fmla="*/ 217892 h 877321"/>
                  <a:gd name="connsiteX7" fmla="*/ 901217 w 2170283"/>
                  <a:gd name="connsiteY7" fmla="*/ 337906 h 877321"/>
                  <a:gd name="connsiteX8" fmla="*/ 1098113 w 2170283"/>
                  <a:gd name="connsiteY8" fmla="*/ 427838 h 877321"/>
                  <a:gd name="connsiteX9" fmla="*/ 1281264 w 2170283"/>
                  <a:gd name="connsiteY9" fmla="*/ 366481 h 877321"/>
                  <a:gd name="connsiteX10" fmla="*/ 1478432 w 2170283"/>
                  <a:gd name="connsiteY10" fmla="*/ 135023 h 877321"/>
                  <a:gd name="connsiteX11" fmla="*/ 2146231 w 2170283"/>
                  <a:gd name="connsiteY11" fmla="*/ 19103 h 877321"/>
                  <a:gd name="connsiteX12" fmla="*/ 2170283 w 2170283"/>
                  <a:gd name="connsiteY12" fmla="*/ 877321 h 877321"/>
                  <a:gd name="connsiteX13" fmla="*/ 1080226 w 2170283"/>
                  <a:gd name="connsiteY13" fmla="*/ 780638 h 877321"/>
                  <a:gd name="connsiteX14" fmla="*/ 0 w 2170283"/>
                  <a:gd name="connsiteY14" fmla="*/ 863663 h 877321"/>
                  <a:gd name="connsiteX15" fmla="*/ 28283 w 2170283"/>
                  <a:gd name="connsiteY15" fmla="*/ 18248 h 877321"/>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792757 w 2170283"/>
                  <a:gd name="connsiteY11" fmla="*/ 0 h 945180"/>
                  <a:gd name="connsiteX12" fmla="*/ 2146231 w 2170283"/>
                  <a:gd name="connsiteY12" fmla="*/ 86962 h 945180"/>
                  <a:gd name="connsiteX13" fmla="*/ 2170283 w 2170283"/>
                  <a:gd name="connsiteY13" fmla="*/ 945180 h 945180"/>
                  <a:gd name="connsiteX14" fmla="*/ 1080226 w 2170283"/>
                  <a:gd name="connsiteY14" fmla="*/ 848497 h 945180"/>
                  <a:gd name="connsiteX15" fmla="*/ 0 w 2170283"/>
                  <a:gd name="connsiteY15" fmla="*/ 931522 h 945180"/>
                  <a:gd name="connsiteX16" fmla="*/ 28283 w 2170283"/>
                  <a:gd name="connsiteY16"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792757 w 2170283"/>
                  <a:gd name="connsiteY11" fmla="*/ 0 h 945180"/>
                  <a:gd name="connsiteX12" fmla="*/ 1952777 w 2170283"/>
                  <a:gd name="connsiteY12" fmla="*/ 100012 h 945180"/>
                  <a:gd name="connsiteX13" fmla="*/ 2146231 w 2170283"/>
                  <a:gd name="connsiteY13" fmla="*/ 86962 h 945180"/>
                  <a:gd name="connsiteX14" fmla="*/ 2170283 w 2170283"/>
                  <a:gd name="connsiteY14" fmla="*/ 945180 h 945180"/>
                  <a:gd name="connsiteX15" fmla="*/ 1080226 w 2170283"/>
                  <a:gd name="connsiteY15" fmla="*/ 848497 h 945180"/>
                  <a:gd name="connsiteX16" fmla="*/ 0 w 2170283"/>
                  <a:gd name="connsiteY16" fmla="*/ 931522 h 945180"/>
                  <a:gd name="connsiteX17" fmla="*/ 28283 w 2170283"/>
                  <a:gd name="connsiteY17"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692744 w 2170283"/>
                  <a:gd name="connsiteY11" fmla="*/ 151447 h 945180"/>
                  <a:gd name="connsiteX12" fmla="*/ 1792757 w 2170283"/>
                  <a:gd name="connsiteY12" fmla="*/ 0 h 945180"/>
                  <a:gd name="connsiteX13" fmla="*/ 1952777 w 2170283"/>
                  <a:gd name="connsiteY13" fmla="*/ 100012 h 945180"/>
                  <a:gd name="connsiteX14" fmla="*/ 2146231 w 2170283"/>
                  <a:gd name="connsiteY14" fmla="*/ 86962 h 945180"/>
                  <a:gd name="connsiteX15" fmla="*/ 2170283 w 2170283"/>
                  <a:gd name="connsiteY15" fmla="*/ 945180 h 945180"/>
                  <a:gd name="connsiteX16" fmla="*/ 1080226 w 2170283"/>
                  <a:gd name="connsiteY16" fmla="*/ 848497 h 945180"/>
                  <a:gd name="connsiteX17" fmla="*/ 0 w 2170283"/>
                  <a:gd name="connsiteY17" fmla="*/ 931522 h 945180"/>
                  <a:gd name="connsiteX18" fmla="*/ 28283 w 2170283"/>
                  <a:gd name="connsiteY18"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572729 w 2170283"/>
                  <a:gd name="connsiteY11" fmla="*/ 197167 h 945180"/>
                  <a:gd name="connsiteX12" fmla="*/ 1692744 w 2170283"/>
                  <a:gd name="connsiteY12" fmla="*/ 151447 h 945180"/>
                  <a:gd name="connsiteX13" fmla="*/ 1792757 w 2170283"/>
                  <a:gd name="connsiteY13" fmla="*/ 0 h 945180"/>
                  <a:gd name="connsiteX14" fmla="*/ 1952777 w 2170283"/>
                  <a:gd name="connsiteY14" fmla="*/ 100012 h 945180"/>
                  <a:gd name="connsiteX15" fmla="*/ 2146231 w 2170283"/>
                  <a:gd name="connsiteY15" fmla="*/ 86962 h 945180"/>
                  <a:gd name="connsiteX16" fmla="*/ 2170283 w 2170283"/>
                  <a:gd name="connsiteY16" fmla="*/ 945180 h 945180"/>
                  <a:gd name="connsiteX17" fmla="*/ 1080226 w 2170283"/>
                  <a:gd name="connsiteY17" fmla="*/ 848497 h 945180"/>
                  <a:gd name="connsiteX18" fmla="*/ 0 w 2170283"/>
                  <a:gd name="connsiteY18" fmla="*/ 931522 h 945180"/>
                  <a:gd name="connsiteX19" fmla="*/ 28283 w 2170283"/>
                  <a:gd name="connsiteY19"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572729 w 2170283"/>
                  <a:gd name="connsiteY11" fmla="*/ 197167 h 945180"/>
                  <a:gd name="connsiteX12" fmla="*/ 1692744 w 2170283"/>
                  <a:gd name="connsiteY12" fmla="*/ 151447 h 945180"/>
                  <a:gd name="connsiteX13" fmla="*/ 1792757 w 2170283"/>
                  <a:gd name="connsiteY13" fmla="*/ 0 h 945180"/>
                  <a:gd name="connsiteX14" fmla="*/ 1952777 w 2170283"/>
                  <a:gd name="connsiteY14" fmla="*/ 100012 h 945180"/>
                  <a:gd name="connsiteX15" fmla="*/ 2146231 w 2170283"/>
                  <a:gd name="connsiteY15" fmla="*/ 86962 h 945180"/>
                  <a:gd name="connsiteX16" fmla="*/ 2170283 w 2170283"/>
                  <a:gd name="connsiteY16" fmla="*/ 945180 h 945180"/>
                  <a:gd name="connsiteX17" fmla="*/ 1080226 w 2170283"/>
                  <a:gd name="connsiteY17" fmla="*/ 848497 h 945180"/>
                  <a:gd name="connsiteX18" fmla="*/ 0 w 2170283"/>
                  <a:gd name="connsiteY18" fmla="*/ 931522 h 945180"/>
                  <a:gd name="connsiteX19" fmla="*/ 28283 w 2170283"/>
                  <a:gd name="connsiteY19"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572729 w 2170283"/>
                  <a:gd name="connsiteY11" fmla="*/ 197167 h 945180"/>
                  <a:gd name="connsiteX12" fmla="*/ 1692744 w 2170283"/>
                  <a:gd name="connsiteY12" fmla="*/ 151447 h 945180"/>
                  <a:gd name="connsiteX13" fmla="*/ 1792757 w 2170283"/>
                  <a:gd name="connsiteY13" fmla="*/ 0 h 945180"/>
                  <a:gd name="connsiteX14" fmla="*/ 1952777 w 2170283"/>
                  <a:gd name="connsiteY14" fmla="*/ 100012 h 945180"/>
                  <a:gd name="connsiteX15" fmla="*/ 2146231 w 2170283"/>
                  <a:gd name="connsiteY15" fmla="*/ 86962 h 945180"/>
                  <a:gd name="connsiteX16" fmla="*/ 2170283 w 2170283"/>
                  <a:gd name="connsiteY16" fmla="*/ 945180 h 945180"/>
                  <a:gd name="connsiteX17" fmla="*/ 1080226 w 2170283"/>
                  <a:gd name="connsiteY17" fmla="*/ 848497 h 945180"/>
                  <a:gd name="connsiteX18" fmla="*/ 0 w 2170283"/>
                  <a:gd name="connsiteY18" fmla="*/ 931522 h 945180"/>
                  <a:gd name="connsiteX19" fmla="*/ 28283 w 2170283"/>
                  <a:gd name="connsiteY19" fmla="*/ 86107 h 945180"/>
                  <a:gd name="connsiteX0" fmla="*/ 28283 w 2170283"/>
                  <a:gd name="connsiteY0" fmla="*/ 86107 h 945180"/>
                  <a:gd name="connsiteX1" fmla="*/ 183984 w 2170283"/>
                  <a:gd name="connsiteY1" fmla="*/ 88583 h 945180"/>
                  <a:gd name="connsiteX2" fmla="*/ 404012 w 2170283"/>
                  <a:gd name="connsiteY2" fmla="*/ 71439 h 945180"/>
                  <a:gd name="connsiteX3" fmla="*/ 541172 w 2170283"/>
                  <a:gd name="connsiteY3" fmla="*/ 182880 h 945180"/>
                  <a:gd name="connsiteX4" fmla="*/ 621182 w 2170283"/>
                  <a:gd name="connsiteY4" fmla="*/ 211455 h 945180"/>
                  <a:gd name="connsiteX5" fmla="*/ 681189 w 2170283"/>
                  <a:gd name="connsiteY5" fmla="*/ 205740 h 945180"/>
                  <a:gd name="connsiteX6" fmla="*/ 721194 w 2170283"/>
                  <a:gd name="connsiteY6" fmla="*/ 285751 h 945180"/>
                  <a:gd name="connsiteX7" fmla="*/ 901217 w 2170283"/>
                  <a:gd name="connsiteY7" fmla="*/ 405765 h 945180"/>
                  <a:gd name="connsiteX8" fmla="*/ 1098113 w 2170283"/>
                  <a:gd name="connsiteY8" fmla="*/ 495697 h 945180"/>
                  <a:gd name="connsiteX9" fmla="*/ 1281264 w 2170283"/>
                  <a:gd name="connsiteY9" fmla="*/ 434340 h 945180"/>
                  <a:gd name="connsiteX10" fmla="*/ 1478432 w 2170283"/>
                  <a:gd name="connsiteY10" fmla="*/ 202882 h 945180"/>
                  <a:gd name="connsiteX11" fmla="*/ 1572729 w 2170283"/>
                  <a:gd name="connsiteY11" fmla="*/ 197167 h 945180"/>
                  <a:gd name="connsiteX12" fmla="*/ 1692744 w 2170283"/>
                  <a:gd name="connsiteY12" fmla="*/ 151447 h 945180"/>
                  <a:gd name="connsiteX13" fmla="*/ 1792757 w 2170283"/>
                  <a:gd name="connsiteY13" fmla="*/ 0 h 945180"/>
                  <a:gd name="connsiteX14" fmla="*/ 1952777 w 2170283"/>
                  <a:gd name="connsiteY14" fmla="*/ 100012 h 945180"/>
                  <a:gd name="connsiteX15" fmla="*/ 2146231 w 2170283"/>
                  <a:gd name="connsiteY15" fmla="*/ 86962 h 945180"/>
                  <a:gd name="connsiteX16" fmla="*/ 2170283 w 2170283"/>
                  <a:gd name="connsiteY16" fmla="*/ 945180 h 945180"/>
                  <a:gd name="connsiteX17" fmla="*/ 1080226 w 2170283"/>
                  <a:gd name="connsiteY17" fmla="*/ 848497 h 945180"/>
                  <a:gd name="connsiteX18" fmla="*/ 0 w 2170283"/>
                  <a:gd name="connsiteY18" fmla="*/ 931522 h 945180"/>
                  <a:gd name="connsiteX19" fmla="*/ 28283 w 2170283"/>
                  <a:gd name="connsiteY19" fmla="*/ 86107 h 945180"/>
                  <a:gd name="connsiteX0" fmla="*/ 35290 w 2177290"/>
                  <a:gd name="connsiteY0" fmla="*/ 86107 h 945180"/>
                  <a:gd name="connsiteX1" fmla="*/ 190991 w 2177290"/>
                  <a:gd name="connsiteY1" fmla="*/ 88583 h 945180"/>
                  <a:gd name="connsiteX2" fmla="*/ 411019 w 2177290"/>
                  <a:gd name="connsiteY2" fmla="*/ 71439 h 945180"/>
                  <a:gd name="connsiteX3" fmla="*/ 548179 w 2177290"/>
                  <a:gd name="connsiteY3" fmla="*/ 182880 h 945180"/>
                  <a:gd name="connsiteX4" fmla="*/ 628189 w 2177290"/>
                  <a:gd name="connsiteY4" fmla="*/ 211455 h 945180"/>
                  <a:gd name="connsiteX5" fmla="*/ 688196 w 2177290"/>
                  <a:gd name="connsiteY5" fmla="*/ 205740 h 945180"/>
                  <a:gd name="connsiteX6" fmla="*/ 728201 w 2177290"/>
                  <a:gd name="connsiteY6" fmla="*/ 285751 h 945180"/>
                  <a:gd name="connsiteX7" fmla="*/ 908224 w 2177290"/>
                  <a:gd name="connsiteY7" fmla="*/ 405765 h 945180"/>
                  <a:gd name="connsiteX8" fmla="*/ 1105120 w 2177290"/>
                  <a:gd name="connsiteY8" fmla="*/ 495697 h 945180"/>
                  <a:gd name="connsiteX9" fmla="*/ 1288271 w 2177290"/>
                  <a:gd name="connsiteY9" fmla="*/ 434340 h 945180"/>
                  <a:gd name="connsiteX10" fmla="*/ 1485439 w 2177290"/>
                  <a:gd name="connsiteY10" fmla="*/ 202882 h 945180"/>
                  <a:gd name="connsiteX11" fmla="*/ 1579736 w 2177290"/>
                  <a:gd name="connsiteY11" fmla="*/ 197167 h 945180"/>
                  <a:gd name="connsiteX12" fmla="*/ 1699751 w 2177290"/>
                  <a:gd name="connsiteY12" fmla="*/ 151447 h 945180"/>
                  <a:gd name="connsiteX13" fmla="*/ 1799764 w 2177290"/>
                  <a:gd name="connsiteY13" fmla="*/ 0 h 945180"/>
                  <a:gd name="connsiteX14" fmla="*/ 1959784 w 2177290"/>
                  <a:gd name="connsiteY14" fmla="*/ 100012 h 945180"/>
                  <a:gd name="connsiteX15" fmla="*/ 2153238 w 2177290"/>
                  <a:gd name="connsiteY15" fmla="*/ 86962 h 945180"/>
                  <a:gd name="connsiteX16" fmla="*/ 2177290 w 2177290"/>
                  <a:gd name="connsiteY16" fmla="*/ 945180 h 945180"/>
                  <a:gd name="connsiteX17" fmla="*/ 1087233 w 2177290"/>
                  <a:gd name="connsiteY17" fmla="*/ 848497 h 945180"/>
                  <a:gd name="connsiteX18" fmla="*/ 0 w 2177290"/>
                  <a:gd name="connsiteY18" fmla="*/ 938528 h 945180"/>
                  <a:gd name="connsiteX19" fmla="*/ 35290 w 2177290"/>
                  <a:gd name="connsiteY19" fmla="*/ 86107 h 945180"/>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105120 w 2180794"/>
                  <a:gd name="connsiteY8" fmla="*/ 495697 h 938528"/>
                  <a:gd name="connsiteX9" fmla="*/ 1288271 w 2180794"/>
                  <a:gd name="connsiteY9" fmla="*/ 434340 h 938528"/>
                  <a:gd name="connsiteX10" fmla="*/ 1485439 w 2180794"/>
                  <a:gd name="connsiteY10" fmla="*/ 202882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87233 w 2180794"/>
                  <a:gd name="connsiteY17" fmla="*/ 848497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105120 w 2180794"/>
                  <a:gd name="connsiteY8" fmla="*/ 495697 h 938528"/>
                  <a:gd name="connsiteX9" fmla="*/ 1288271 w 2180794"/>
                  <a:gd name="connsiteY9" fmla="*/ 434340 h 938528"/>
                  <a:gd name="connsiteX10" fmla="*/ 1485439 w 2180794"/>
                  <a:gd name="connsiteY10" fmla="*/ 202882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87233 w 2180794"/>
                  <a:gd name="connsiteY17" fmla="*/ 862511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105120 w 2180794"/>
                  <a:gd name="connsiteY8" fmla="*/ 495697 h 938528"/>
                  <a:gd name="connsiteX9" fmla="*/ 1288271 w 2180794"/>
                  <a:gd name="connsiteY9" fmla="*/ 434340 h 938528"/>
                  <a:gd name="connsiteX10" fmla="*/ 1485439 w 2180794"/>
                  <a:gd name="connsiteY10" fmla="*/ 202882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288271 w 2180794"/>
                  <a:gd name="connsiteY9" fmla="*/ 434340 h 938528"/>
                  <a:gd name="connsiteX10" fmla="*/ 1485439 w 2180794"/>
                  <a:gd name="connsiteY10" fmla="*/ 202882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159055 w 2180794"/>
                  <a:gd name="connsiteY9" fmla="*/ 372191 h 938528"/>
                  <a:gd name="connsiteX10" fmla="*/ 1485439 w 2180794"/>
                  <a:gd name="connsiteY10" fmla="*/ 202882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159055 w 2180794"/>
                  <a:gd name="connsiteY9" fmla="*/ 372191 h 938528"/>
                  <a:gd name="connsiteX10" fmla="*/ 1401829 w 2180794"/>
                  <a:gd name="connsiteY10" fmla="*/ 224817 h 938528"/>
                  <a:gd name="connsiteX11" fmla="*/ 1579736 w 2180794"/>
                  <a:gd name="connsiteY11" fmla="*/ 197167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159055 w 2180794"/>
                  <a:gd name="connsiteY9" fmla="*/ 372191 h 938528"/>
                  <a:gd name="connsiteX10" fmla="*/ 1401829 w 2180794"/>
                  <a:gd name="connsiteY10" fmla="*/ 224817 h 938528"/>
                  <a:gd name="connsiteX11" fmla="*/ 1522729 w 2180794"/>
                  <a:gd name="connsiteY11" fmla="*/ 182543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159055 w 2180794"/>
                  <a:gd name="connsiteY9" fmla="*/ 372191 h 938528"/>
                  <a:gd name="connsiteX10" fmla="*/ 1401829 w 2180794"/>
                  <a:gd name="connsiteY10" fmla="*/ 224817 h 938528"/>
                  <a:gd name="connsiteX11" fmla="*/ 1522729 w 2180794"/>
                  <a:gd name="connsiteY11" fmla="*/ 182543 h 938528"/>
                  <a:gd name="connsiteX12" fmla="*/ 1699751 w 2180794"/>
                  <a:gd name="connsiteY12" fmla="*/ 15144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86107 h 938528"/>
                  <a:gd name="connsiteX1" fmla="*/ 190991 w 2180794"/>
                  <a:gd name="connsiteY1" fmla="*/ 88583 h 938528"/>
                  <a:gd name="connsiteX2" fmla="*/ 411019 w 2180794"/>
                  <a:gd name="connsiteY2" fmla="*/ 71439 h 938528"/>
                  <a:gd name="connsiteX3" fmla="*/ 548179 w 2180794"/>
                  <a:gd name="connsiteY3" fmla="*/ 182880 h 938528"/>
                  <a:gd name="connsiteX4" fmla="*/ 628189 w 2180794"/>
                  <a:gd name="connsiteY4" fmla="*/ 211455 h 938528"/>
                  <a:gd name="connsiteX5" fmla="*/ 688196 w 2180794"/>
                  <a:gd name="connsiteY5" fmla="*/ 205740 h 938528"/>
                  <a:gd name="connsiteX6" fmla="*/ 728201 w 2180794"/>
                  <a:gd name="connsiteY6" fmla="*/ 285751 h 938528"/>
                  <a:gd name="connsiteX7" fmla="*/ 908224 w 2180794"/>
                  <a:gd name="connsiteY7" fmla="*/ 405765 h 938528"/>
                  <a:gd name="connsiteX8" fmla="*/ 1078518 w 2180794"/>
                  <a:gd name="connsiteY8" fmla="*/ 429891 h 938528"/>
                  <a:gd name="connsiteX9" fmla="*/ 1159055 w 2180794"/>
                  <a:gd name="connsiteY9" fmla="*/ 372191 h 938528"/>
                  <a:gd name="connsiteX10" fmla="*/ 1401829 w 2180794"/>
                  <a:gd name="connsiteY10" fmla="*/ 224817 h 938528"/>
                  <a:gd name="connsiteX11" fmla="*/ 1522729 w 2180794"/>
                  <a:gd name="connsiteY11" fmla="*/ 182543 h 938528"/>
                  <a:gd name="connsiteX12" fmla="*/ 1635143 w 2180794"/>
                  <a:gd name="connsiteY12" fmla="*/ 81987 h 938528"/>
                  <a:gd name="connsiteX13" fmla="*/ 1799764 w 2180794"/>
                  <a:gd name="connsiteY13" fmla="*/ 0 h 938528"/>
                  <a:gd name="connsiteX14" fmla="*/ 1959784 w 2180794"/>
                  <a:gd name="connsiteY14" fmla="*/ 100012 h 938528"/>
                  <a:gd name="connsiteX15" fmla="*/ 2153238 w 2180794"/>
                  <a:gd name="connsiteY15" fmla="*/ 86962 h 938528"/>
                  <a:gd name="connsiteX16" fmla="*/ 2180794 w 2180794"/>
                  <a:gd name="connsiteY16" fmla="*/ 938173 h 938528"/>
                  <a:gd name="connsiteX17" fmla="*/ 1072030 w 2180794"/>
                  <a:gd name="connsiteY17" fmla="*/ 877135 h 938528"/>
                  <a:gd name="connsiteX18" fmla="*/ 0 w 2180794"/>
                  <a:gd name="connsiteY18" fmla="*/ 938528 h 938528"/>
                  <a:gd name="connsiteX19" fmla="*/ 35290 w 2180794"/>
                  <a:gd name="connsiteY19" fmla="*/ 86107 h 938528"/>
                  <a:gd name="connsiteX0" fmla="*/ 35290 w 2180794"/>
                  <a:gd name="connsiteY0" fmla="*/ 45893 h 898314"/>
                  <a:gd name="connsiteX1" fmla="*/ 190991 w 2180794"/>
                  <a:gd name="connsiteY1" fmla="*/ 48369 h 898314"/>
                  <a:gd name="connsiteX2" fmla="*/ 411019 w 2180794"/>
                  <a:gd name="connsiteY2" fmla="*/ 31225 h 898314"/>
                  <a:gd name="connsiteX3" fmla="*/ 548179 w 2180794"/>
                  <a:gd name="connsiteY3" fmla="*/ 142666 h 898314"/>
                  <a:gd name="connsiteX4" fmla="*/ 628189 w 2180794"/>
                  <a:gd name="connsiteY4" fmla="*/ 171241 h 898314"/>
                  <a:gd name="connsiteX5" fmla="*/ 688196 w 2180794"/>
                  <a:gd name="connsiteY5" fmla="*/ 165526 h 898314"/>
                  <a:gd name="connsiteX6" fmla="*/ 728201 w 2180794"/>
                  <a:gd name="connsiteY6" fmla="*/ 245537 h 898314"/>
                  <a:gd name="connsiteX7" fmla="*/ 908224 w 2180794"/>
                  <a:gd name="connsiteY7" fmla="*/ 365551 h 898314"/>
                  <a:gd name="connsiteX8" fmla="*/ 1078518 w 2180794"/>
                  <a:gd name="connsiteY8" fmla="*/ 389677 h 898314"/>
                  <a:gd name="connsiteX9" fmla="*/ 1159055 w 2180794"/>
                  <a:gd name="connsiteY9" fmla="*/ 331977 h 898314"/>
                  <a:gd name="connsiteX10" fmla="*/ 1401829 w 2180794"/>
                  <a:gd name="connsiteY10" fmla="*/ 184603 h 898314"/>
                  <a:gd name="connsiteX11" fmla="*/ 1522729 w 2180794"/>
                  <a:gd name="connsiteY11" fmla="*/ 142329 h 898314"/>
                  <a:gd name="connsiteX12" fmla="*/ 1635143 w 2180794"/>
                  <a:gd name="connsiteY12" fmla="*/ 41773 h 898314"/>
                  <a:gd name="connsiteX13" fmla="*/ 1761759 w 2180794"/>
                  <a:gd name="connsiteY13" fmla="*/ 0 h 898314"/>
                  <a:gd name="connsiteX14" fmla="*/ 1959784 w 2180794"/>
                  <a:gd name="connsiteY14" fmla="*/ 59798 h 898314"/>
                  <a:gd name="connsiteX15" fmla="*/ 2153238 w 2180794"/>
                  <a:gd name="connsiteY15" fmla="*/ 46748 h 898314"/>
                  <a:gd name="connsiteX16" fmla="*/ 2180794 w 2180794"/>
                  <a:gd name="connsiteY16" fmla="*/ 897959 h 898314"/>
                  <a:gd name="connsiteX17" fmla="*/ 1072030 w 2180794"/>
                  <a:gd name="connsiteY17" fmla="*/ 836921 h 898314"/>
                  <a:gd name="connsiteX18" fmla="*/ 0 w 2180794"/>
                  <a:gd name="connsiteY18" fmla="*/ 898314 h 898314"/>
                  <a:gd name="connsiteX19" fmla="*/ 35290 w 2180794"/>
                  <a:gd name="connsiteY19" fmla="*/ 45893 h 898314"/>
                  <a:gd name="connsiteX0" fmla="*/ 35290 w 2180794"/>
                  <a:gd name="connsiteY0" fmla="*/ 123443 h 975864"/>
                  <a:gd name="connsiteX1" fmla="*/ 190991 w 2180794"/>
                  <a:gd name="connsiteY1" fmla="*/ 125919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9784 w 2180794"/>
                  <a:gd name="connsiteY14" fmla="*/ 137348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5290 w 2180794"/>
                  <a:gd name="connsiteY19" fmla="*/ 123443 h 975864"/>
                  <a:gd name="connsiteX0" fmla="*/ 35290 w 2180794"/>
                  <a:gd name="connsiteY0" fmla="*/ 123443 h 975864"/>
                  <a:gd name="connsiteX1" fmla="*/ 190991 w 2180794"/>
                  <a:gd name="connsiteY1" fmla="*/ 125919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5290 w 2180794"/>
                  <a:gd name="connsiteY19" fmla="*/ 123443 h 975864"/>
                  <a:gd name="connsiteX0" fmla="*/ 35290 w 2180794"/>
                  <a:gd name="connsiteY0" fmla="*/ 123443 h 975864"/>
                  <a:gd name="connsiteX1" fmla="*/ 190991 w 2180794"/>
                  <a:gd name="connsiteY1" fmla="*/ 125919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5290 w 2180794"/>
                  <a:gd name="connsiteY19" fmla="*/ 123443 h 975864"/>
                  <a:gd name="connsiteX0" fmla="*/ 35290 w 2180794"/>
                  <a:gd name="connsiteY0" fmla="*/ 123443 h 975864"/>
                  <a:gd name="connsiteX1" fmla="*/ 190991 w 2180794"/>
                  <a:gd name="connsiteY1" fmla="*/ 125919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5290 w 2180794"/>
                  <a:gd name="connsiteY19" fmla="*/ 123443 h 975864"/>
                  <a:gd name="connsiteX0" fmla="*/ 31490 w 2180794"/>
                  <a:gd name="connsiteY0" fmla="*/ 17425 h 975864"/>
                  <a:gd name="connsiteX1" fmla="*/ 190991 w 2180794"/>
                  <a:gd name="connsiteY1" fmla="*/ 125919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1490 w 2180794"/>
                  <a:gd name="connsiteY19" fmla="*/ 17425 h 975864"/>
                  <a:gd name="connsiteX0" fmla="*/ 31490 w 2180794"/>
                  <a:gd name="connsiteY0" fmla="*/ 17425 h 975864"/>
                  <a:gd name="connsiteX1" fmla="*/ 228996 w 2180794"/>
                  <a:gd name="connsiteY1" fmla="*/ 89360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1490 w 2180794"/>
                  <a:gd name="connsiteY19" fmla="*/ 17425 h 975864"/>
                  <a:gd name="connsiteX0" fmla="*/ 31490 w 2180794"/>
                  <a:gd name="connsiteY0" fmla="*/ 17425 h 975864"/>
                  <a:gd name="connsiteX1" fmla="*/ 228996 w 2180794"/>
                  <a:gd name="connsiteY1" fmla="*/ 89360 h 975864"/>
                  <a:gd name="connsiteX2" fmla="*/ 411019 w 2180794"/>
                  <a:gd name="connsiteY2" fmla="*/ 108775 h 975864"/>
                  <a:gd name="connsiteX3" fmla="*/ 548179 w 2180794"/>
                  <a:gd name="connsiteY3" fmla="*/ 220216 h 975864"/>
                  <a:gd name="connsiteX4" fmla="*/ 628189 w 2180794"/>
                  <a:gd name="connsiteY4" fmla="*/ 248791 h 975864"/>
                  <a:gd name="connsiteX5" fmla="*/ 688196 w 2180794"/>
                  <a:gd name="connsiteY5" fmla="*/ 243076 h 975864"/>
                  <a:gd name="connsiteX6" fmla="*/ 728201 w 2180794"/>
                  <a:gd name="connsiteY6" fmla="*/ 323087 h 975864"/>
                  <a:gd name="connsiteX7" fmla="*/ 908224 w 2180794"/>
                  <a:gd name="connsiteY7" fmla="*/ 443101 h 975864"/>
                  <a:gd name="connsiteX8" fmla="*/ 1078518 w 2180794"/>
                  <a:gd name="connsiteY8" fmla="*/ 467227 h 975864"/>
                  <a:gd name="connsiteX9" fmla="*/ 1159055 w 2180794"/>
                  <a:gd name="connsiteY9" fmla="*/ 409527 h 975864"/>
                  <a:gd name="connsiteX10" fmla="*/ 1401829 w 2180794"/>
                  <a:gd name="connsiteY10" fmla="*/ 262153 h 975864"/>
                  <a:gd name="connsiteX11" fmla="*/ 1522729 w 2180794"/>
                  <a:gd name="connsiteY11" fmla="*/ 219879 h 975864"/>
                  <a:gd name="connsiteX12" fmla="*/ 1635143 w 2180794"/>
                  <a:gd name="connsiteY12" fmla="*/ 119323 h 975864"/>
                  <a:gd name="connsiteX13" fmla="*/ 1761759 w 2180794"/>
                  <a:gd name="connsiteY13" fmla="*/ 77550 h 975864"/>
                  <a:gd name="connsiteX14" fmla="*/ 1955983 w 2180794"/>
                  <a:gd name="connsiteY14" fmla="*/ 89822 h 975864"/>
                  <a:gd name="connsiteX15" fmla="*/ 2145638 w 2180794"/>
                  <a:gd name="connsiteY15" fmla="*/ 0 h 975864"/>
                  <a:gd name="connsiteX16" fmla="*/ 2180794 w 2180794"/>
                  <a:gd name="connsiteY16" fmla="*/ 975509 h 975864"/>
                  <a:gd name="connsiteX17" fmla="*/ 1072030 w 2180794"/>
                  <a:gd name="connsiteY17" fmla="*/ 914471 h 975864"/>
                  <a:gd name="connsiteX18" fmla="*/ 0 w 2180794"/>
                  <a:gd name="connsiteY18" fmla="*/ 975864 h 975864"/>
                  <a:gd name="connsiteX19" fmla="*/ 31490 w 2180794"/>
                  <a:gd name="connsiteY19" fmla="*/ 17425 h 975864"/>
                  <a:gd name="connsiteX0" fmla="*/ 73295 w 2222599"/>
                  <a:gd name="connsiteY0" fmla="*/ 17425 h 975509"/>
                  <a:gd name="connsiteX1" fmla="*/ 270801 w 2222599"/>
                  <a:gd name="connsiteY1" fmla="*/ 89360 h 975509"/>
                  <a:gd name="connsiteX2" fmla="*/ 452824 w 2222599"/>
                  <a:gd name="connsiteY2" fmla="*/ 108775 h 975509"/>
                  <a:gd name="connsiteX3" fmla="*/ 589984 w 2222599"/>
                  <a:gd name="connsiteY3" fmla="*/ 220216 h 975509"/>
                  <a:gd name="connsiteX4" fmla="*/ 669994 w 2222599"/>
                  <a:gd name="connsiteY4" fmla="*/ 248791 h 975509"/>
                  <a:gd name="connsiteX5" fmla="*/ 730001 w 2222599"/>
                  <a:gd name="connsiteY5" fmla="*/ 243076 h 975509"/>
                  <a:gd name="connsiteX6" fmla="*/ 770006 w 2222599"/>
                  <a:gd name="connsiteY6" fmla="*/ 323087 h 975509"/>
                  <a:gd name="connsiteX7" fmla="*/ 950029 w 2222599"/>
                  <a:gd name="connsiteY7" fmla="*/ 443101 h 975509"/>
                  <a:gd name="connsiteX8" fmla="*/ 1120323 w 2222599"/>
                  <a:gd name="connsiteY8" fmla="*/ 467227 h 975509"/>
                  <a:gd name="connsiteX9" fmla="*/ 1200860 w 2222599"/>
                  <a:gd name="connsiteY9" fmla="*/ 409527 h 975509"/>
                  <a:gd name="connsiteX10" fmla="*/ 1443634 w 2222599"/>
                  <a:gd name="connsiteY10" fmla="*/ 262153 h 975509"/>
                  <a:gd name="connsiteX11" fmla="*/ 1564534 w 2222599"/>
                  <a:gd name="connsiteY11" fmla="*/ 219879 h 975509"/>
                  <a:gd name="connsiteX12" fmla="*/ 1676948 w 2222599"/>
                  <a:gd name="connsiteY12" fmla="*/ 119323 h 975509"/>
                  <a:gd name="connsiteX13" fmla="*/ 1803564 w 2222599"/>
                  <a:gd name="connsiteY13" fmla="*/ 77550 h 975509"/>
                  <a:gd name="connsiteX14" fmla="*/ 1997788 w 2222599"/>
                  <a:gd name="connsiteY14" fmla="*/ 89822 h 975509"/>
                  <a:gd name="connsiteX15" fmla="*/ 2187443 w 2222599"/>
                  <a:gd name="connsiteY15" fmla="*/ 0 h 975509"/>
                  <a:gd name="connsiteX16" fmla="*/ 2222599 w 2222599"/>
                  <a:gd name="connsiteY16" fmla="*/ 975509 h 975509"/>
                  <a:gd name="connsiteX17" fmla="*/ 1113835 w 2222599"/>
                  <a:gd name="connsiteY17" fmla="*/ 914471 h 975509"/>
                  <a:gd name="connsiteX18" fmla="*/ 0 w 2222599"/>
                  <a:gd name="connsiteY18" fmla="*/ 950274 h 975509"/>
                  <a:gd name="connsiteX19" fmla="*/ 73295 w 2222599"/>
                  <a:gd name="connsiteY19" fmla="*/ 17425 h 975509"/>
                  <a:gd name="connsiteX0" fmla="*/ 77096 w 2226400"/>
                  <a:gd name="connsiteY0" fmla="*/ 17425 h 975509"/>
                  <a:gd name="connsiteX1" fmla="*/ 274602 w 2226400"/>
                  <a:gd name="connsiteY1" fmla="*/ 89360 h 975509"/>
                  <a:gd name="connsiteX2" fmla="*/ 456625 w 2226400"/>
                  <a:gd name="connsiteY2" fmla="*/ 108775 h 975509"/>
                  <a:gd name="connsiteX3" fmla="*/ 593785 w 2226400"/>
                  <a:gd name="connsiteY3" fmla="*/ 220216 h 975509"/>
                  <a:gd name="connsiteX4" fmla="*/ 673795 w 2226400"/>
                  <a:gd name="connsiteY4" fmla="*/ 248791 h 975509"/>
                  <a:gd name="connsiteX5" fmla="*/ 733802 w 2226400"/>
                  <a:gd name="connsiteY5" fmla="*/ 243076 h 975509"/>
                  <a:gd name="connsiteX6" fmla="*/ 773807 w 2226400"/>
                  <a:gd name="connsiteY6" fmla="*/ 323087 h 975509"/>
                  <a:gd name="connsiteX7" fmla="*/ 953830 w 2226400"/>
                  <a:gd name="connsiteY7" fmla="*/ 443101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6625 w 2226400"/>
                  <a:gd name="connsiteY2" fmla="*/ 108775 h 975509"/>
                  <a:gd name="connsiteX3" fmla="*/ 574782 w 2226400"/>
                  <a:gd name="connsiteY3" fmla="*/ 99573 h 975509"/>
                  <a:gd name="connsiteX4" fmla="*/ 673795 w 2226400"/>
                  <a:gd name="connsiteY4" fmla="*/ 248791 h 975509"/>
                  <a:gd name="connsiteX5" fmla="*/ 733802 w 2226400"/>
                  <a:gd name="connsiteY5" fmla="*/ 243076 h 975509"/>
                  <a:gd name="connsiteX6" fmla="*/ 773807 w 2226400"/>
                  <a:gd name="connsiteY6" fmla="*/ 323087 h 975509"/>
                  <a:gd name="connsiteX7" fmla="*/ 953830 w 2226400"/>
                  <a:gd name="connsiteY7" fmla="*/ 443101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673795 w 2226400"/>
                  <a:gd name="connsiteY4" fmla="*/ 248791 h 975509"/>
                  <a:gd name="connsiteX5" fmla="*/ 733802 w 2226400"/>
                  <a:gd name="connsiteY5" fmla="*/ 243076 h 975509"/>
                  <a:gd name="connsiteX6" fmla="*/ 773807 w 2226400"/>
                  <a:gd name="connsiteY6" fmla="*/ 323087 h 975509"/>
                  <a:gd name="connsiteX7" fmla="*/ 953830 w 2226400"/>
                  <a:gd name="connsiteY7" fmla="*/ 443101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773807 w 2226400"/>
                  <a:gd name="connsiteY6" fmla="*/ 323087 h 975509"/>
                  <a:gd name="connsiteX7" fmla="*/ 953830 w 2226400"/>
                  <a:gd name="connsiteY7" fmla="*/ 443101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3830 w 2226400"/>
                  <a:gd name="connsiteY7" fmla="*/ 443101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4 w 2226400"/>
                  <a:gd name="connsiteY8" fmla="*/ 467227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75509"/>
                  <a:gd name="connsiteX1" fmla="*/ 274602 w 2226400"/>
                  <a:gd name="connsiteY1" fmla="*/ 89360 h 975509"/>
                  <a:gd name="connsiteX2" fmla="*/ 452824 w 2226400"/>
                  <a:gd name="connsiteY2" fmla="*/ 101463 h 975509"/>
                  <a:gd name="connsiteX3" fmla="*/ 574782 w 2226400"/>
                  <a:gd name="connsiteY3" fmla="*/ 99573 h 975509"/>
                  <a:gd name="connsiteX4" fmla="*/ 700398 w 2226400"/>
                  <a:gd name="connsiteY4" fmla="*/ 175674 h 975509"/>
                  <a:gd name="connsiteX5" fmla="*/ 733802 w 2226400"/>
                  <a:gd name="connsiteY5" fmla="*/ 243076 h 975509"/>
                  <a:gd name="connsiteX6" fmla="*/ 827014 w 2226400"/>
                  <a:gd name="connsiteY6" fmla="*/ 297496 h 975509"/>
                  <a:gd name="connsiteX7" fmla="*/ 950029 w 2226400"/>
                  <a:gd name="connsiteY7" fmla="*/ 366328 h 975509"/>
                  <a:gd name="connsiteX8" fmla="*/ 1124123 w 2226400"/>
                  <a:gd name="connsiteY8" fmla="*/ 448949 h 975509"/>
                  <a:gd name="connsiteX9" fmla="*/ 1204661 w 2226400"/>
                  <a:gd name="connsiteY9" fmla="*/ 409527 h 975509"/>
                  <a:gd name="connsiteX10" fmla="*/ 1447435 w 2226400"/>
                  <a:gd name="connsiteY10" fmla="*/ 262153 h 975509"/>
                  <a:gd name="connsiteX11" fmla="*/ 1568335 w 2226400"/>
                  <a:gd name="connsiteY11" fmla="*/ 219879 h 975509"/>
                  <a:gd name="connsiteX12" fmla="*/ 1680749 w 2226400"/>
                  <a:gd name="connsiteY12" fmla="*/ 119323 h 975509"/>
                  <a:gd name="connsiteX13" fmla="*/ 1807365 w 2226400"/>
                  <a:gd name="connsiteY13" fmla="*/ 77550 h 975509"/>
                  <a:gd name="connsiteX14" fmla="*/ 2001589 w 2226400"/>
                  <a:gd name="connsiteY14" fmla="*/ 89822 h 975509"/>
                  <a:gd name="connsiteX15" fmla="*/ 2191244 w 2226400"/>
                  <a:gd name="connsiteY15" fmla="*/ 0 h 975509"/>
                  <a:gd name="connsiteX16" fmla="*/ 2226400 w 2226400"/>
                  <a:gd name="connsiteY16" fmla="*/ 975509 h 975509"/>
                  <a:gd name="connsiteX17" fmla="*/ 1117636 w 2226400"/>
                  <a:gd name="connsiteY17" fmla="*/ 914471 h 975509"/>
                  <a:gd name="connsiteX18" fmla="*/ 0 w 2226400"/>
                  <a:gd name="connsiteY18" fmla="*/ 957586 h 975509"/>
                  <a:gd name="connsiteX19" fmla="*/ 77096 w 2226400"/>
                  <a:gd name="connsiteY19" fmla="*/ 17425 h 975509"/>
                  <a:gd name="connsiteX0" fmla="*/ 77096 w 2226400"/>
                  <a:gd name="connsiteY0" fmla="*/ 17425 h 982821"/>
                  <a:gd name="connsiteX1" fmla="*/ 274602 w 2226400"/>
                  <a:gd name="connsiteY1" fmla="*/ 89360 h 982821"/>
                  <a:gd name="connsiteX2" fmla="*/ 452824 w 2226400"/>
                  <a:gd name="connsiteY2" fmla="*/ 101463 h 982821"/>
                  <a:gd name="connsiteX3" fmla="*/ 574782 w 2226400"/>
                  <a:gd name="connsiteY3" fmla="*/ 99573 h 982821"/>
                  <a:gd name="connsiteX4" fmla="*/ 700398 w 2226400"/>
                  <a:gd name="connsiteY4" fmla="*/ 175674 h 982821"/>
                  <a:gd name="connsiteX5" fmla="*/ 733802 w 2226400"/>
                  <a:gd name="connsiteY5" fmla="*/ 243076 h 982821"/>
                  <a:gd name="connsiteX6" fmla="*/ 827014 w 2226400"/>
                  <a:gd name="connsiteY6" fmla="*/ 297496 h 982821"/>
                  <a:gd name="connsiteX7" fmla="*/ 950029 w 2226400"/>
                  <a:gd name="connsiteY7" fmla="*/ 366328 h 982821"/>
                  <a:gd name="connsiteX8" fmla="*/ 1124123 w 2226400"/>
                  <a:gd name="connsiteY8" fmla="*/ 448949 h 982821"/>
                  <a:gd name="connsiteX9" fmla="*/ 1204661 w 2226400"/>
                  <a:gd name="connsiteY9" fmla="*/ 409527 h 982821"/>
                  <a:gd name="connsiteX10" fmla="*/ 1447435 w 2226400"/>
                  <a:gd name="connsiteY10" fmla="*/ 262153 h 982821"/>
                  <a:gd name="connsiteX11" fmla="*/ 1568335 w 2226400"/>
                  <a:gd name="connsiteY11" fmla="*/ 219879 h 982821"/>
                  <a:gd name="connsiteX12" fmla="*/ 1680749 w 2226400"/>
                  <a:gd name="connsiteY12" fmla="*/ 119323 h 982821"/>
                  <a:gd name="connsiteX13" fmla="*/ 1807365 w 2226400"/>
                  <a:gd name="connsiteY13" fmla="*/ 77550 h 982821"/>
                  <a:gd name="connsiteX14" fmla="*/ 2001589 w 2226400"/>
                  <a:gd name="connsiteY14" fmla="*/ 89822 h 982821"/>
                  <a:gd name="connsiteX15" fmla="*/ 2191244 w 2226400"/>
                  <a:gd name="connsiteY15" fmla="*/ 0 h 982821"/>
                  <a:gd name="connsiteX16" fmla="*/ 2226400 w 2226400"/>
                  <a:gd name="connsiteY16" fmla="*/ 982821 h 982821"/>
                  <a:gd name="connsiteX17" fmla="*/ 1117636 w 2226400"/>
                  <a:gd name="connsiteY17" fmla="*/ 914471 h 982821"/>
                  <a:gd name="connsiteX18" fmla="*/ 0 w 2226400"/>
                  <a:gd name="connsiteY18" fmla="*/ 957586 h 982821"/>
                  <a:gd name="connsiteX19" fmla="*/ 77096 w 2226400"/>
                  <a:gd name="connsiteY19" fmla="*/ 17425 h 982821"/>
                  <a:gd name="connsiteX0" fmla="*/ 77096 w 2226400"/>
                  <a:gd name="connsiteY0" fmla="*/ 17425 h 982821"/>
                  <a:gd name="connsiteX1" fmla="*/ 274602 w 2226400"/>
                  <a:gd name="connsiteY1" fmla="*/ 89360 h 982821"/>
                  <a:gd name="connsiteX2" fmla="*/ 452824 w 2226400"/>
                  <a:gd name="connsiteY2" fmla="*/ 101463 h 982821"/>
                  <a:gd name="connsiteX3" fmla="*/ 574782 w 2226400"/>
                  <a:gd name="connsiteY3" fmla="*/ 99573 h 982821"/>
                  <a:gd name="connsiteX4" fmla="*/ 700398 w 2226400"/>
                  <a:gd name="connsiteY4" fmla="*/ 175674 h 982821"/>
                  <a:gd name="connsiteX5" fmla="*/ 733802 w 2226400"/>
                  <a:gd name="connsiteY5" fmla="*/ 243076 h 982821"/>
                  <a:gd name="connsiteX6" fmla="*/ 827014 w 2226400"/>
                  <a:gd name="connsiteY6" fmla="*/ 297496 h 982821"/>
                  <a:gd name="connsiteX7" fmla="*/ 950029 w 2226400"/>
                  <a:gd name="connsiteY7" fmla="*/ 366328 h 982821"/>
                  <a:gd name="connsiteX8" fmla="*/ 1124123 w 2226400"/>
                  <a:gd name="connsiteY8" fmla="*/ 448949 h 982821"/>
                  <a:gd name="connsiteX9" fmla="*/ 1204661 w 2226400"/>
                  <a:gd name="connsiteY9" fmla="*/ 409527 h 982821"/>
                  <a:gd name="connsiteX10" fmla="*/ 1447435 w 2226400"/>
                  <a:gd name="connsiteY10" fmla="*/ 262153 h 982821"/>
                  <a:gd name="connsiteX11" fmla="*/ 1568335 w 2226400"/>
                  <a:gd name="connsiteY11" fmla="*/ 219879 h 982821"/>
                  <a:gd name="connsiteX12" fmla="*/ 1680749 w 2226400"/>
                  <a:gd name="connsiteY12" fmla="*/ 119323 h 982821"/>
                  <a:gd name="connsiteX13" fmla="*/ 1807365 w 2226400"/>
                  <a:gd name="connsiteY13" fmla="*/ 77550 h 982821"/>
                  <a:gd name="connsiteX14" fmla="*/ 2001589 w 2226400"/>
                  <a:gd name="connsiteY14" fmla="*/ 89822 h 982821"/>
                  <a:gd name="connsiteX15" fmla="*/ 2191244 w 2226400"/>
                  <a:gd name="connsiteY15" fmla="*/ 0 h 982821"/>
                  <a:gd name="connsiteX16" fmla="*/ 2226400 w 2226400"/>
                  <a:gd name="connsiteY16" fmla="*/ 982821 h 982821"/>
                  <a:gd name="connsiteX17" fmla="*/ 1117636 w 2226400"/>
                  <a:gd name="connsiteY17" fmla="*/ 914471 h 982821"/>
                  <a:gd name="connsiteX18" fmla="*/ 0 w 2226400"/>
                  <a:gd name="connsiteY18" fmla="*/ 957586 h 982821"/>
                  <a:gd name="connsiteX19" fmla="*/ 77096 w 2226400"/>
                  <a:gd name="connsiteY19" fmla="*/ 17425 h 982821"/>
                  <a:gd name="connsiteX0" fmla="*/ 77096 w 2226400"/>
                  <a:gd name="connsiteY0" fmla="*/ 17425 h 982821"/>
                  <a:gd name="connsiteX1" fmla="*/ 274602 w 2226400"/>
                  <a:gd name="connsiteY1" fmla="*/ 89360 h 982821"/>
                  <a:gd name="connsiteX2" fmla="*/ 452824 w 2226400"/>
                  <a:gd name="connsiteY2" fmla="*/ 101463 h 982821"/>
                  <a:gd name="connsiteX3" fmla="*/ 574782 w 2226400"/>
                  <a:gd name="connsiteY3" fmla="*/ 99573 h 982821"/>
                  <a:gd name="connsiteX4" fmla="*/ 700398 w 2226400"/>
                  <a:gd name="connsiteY4" fmla="*/ 175674 h 982821"/>
                  <a:gd name="connsiteX5" fmla="*/ 733802 w 2226400"/>
                  <a:gd name="connsiteY5" fmla="*/ 243076 h 982821"/>
                  <a:gd name="connsiteX6" fmla="*/ 827014 w 2226400"/>
                  <a:gd name="connsiteY6" fmla="*/ 297496 h 982821"/>
                  <a:gd name="connsiteX7" fmla="*/ 950029 w 2226400"/>
                  <a:gd name="connsiteY7" fmla="*/ 366328 h 982821"/>
                  <a:gd name="connsiteX8" fmla="*/ 1116319 w 2226400"/>
                  <a:gd name="connsiteY8" fmla="*/ 473255 h 982821"/>
                  <a:gd name="connsiteX9" fmla="*/ 1204661 w 2226400"/>
                  <a:gd name="connsiteY9" fmla="*/ 409527 h 982821"/>
                  <a:gd name="connsiteX10" fmla="*/ 1447435 w 2226400"/>
                  <a:gd name="connsiteY10" fmla="*/ 262153 h 982821"/>
                  <a:gd name="connsiteX11" fmla="*/ 1568335 w 2226400"/>
                  <a:gd name="connsiteY11" fmla="*/ 219879 h 982821"/>
                  <a:gd name="connsiteX12" fmla="*/ 1680749 w 2226400"/>
                  <a:gd name="connsiteY12" fmla="*/ 119323 h 982821"/>
                  <a:gd name="connsiteX13" fmla="*/ 1807365 w 2226400"/>
                  <a:gd name="connsiteY13" fmla="*/ 77550 h 982821"/>
                  <a:gd name="connsiteX14" fmla="*/ 2001589 w 2226400"/>
                  <a:gd name="connsiteY14" fmla="*/ 89822 h 982821"/>
                  <a:gd name="connsiteX15" fmla="*/ 2191244 w 2226400"/>
                  <a:gd name="connsiteY15" fmla="*/ 0 h 982821"/>
                  <a:gd name="connsiteX16" fmla="*/ 2226400 w 2226400"/>
                  <a:gd name="connsiteY16" fmla="*/ 982821 h 982821"/>
                  <a:gd name="connsiteX17" fmla="*/ 1117636 w 2226400"/>
                  <a:gd name="connsiteY17" fmla="*/ 914471 h 982821"/>
                  <a:gd name="connsiteX18" fmla="*/ 0 w 2226400"/>
                  <a:gd name="connsiteY18" fmla="*/ 957586 h 982821"/>
                  <a:gd name="connsiteX19" fmla="*/ 77096 w 2226400"/>
                  <a:gd name="connsiteY19" fmla="*/ 17425 h 982821"/>
                  <a:gd name="connsiteX0" fmla="*/ 51086 w 2226400"/>
                  <a:gd name="connsiteY0" fmla="*/ 0 h 992403"/>
                  <a:gd name="connsiteX1" fmla="*/ 274602 w 2226400"/>
                  <a:gd name="connsiteY1" fmla="*/ 98942 h 992403"/>
                  <a:gd name="connsiteX2" fmla="*/ 452824 w 2226400"/>
                  <a:gd name="connsiteY2" fmla="*/ 111045 h 992403"/>
                  <a:gd name="connsiteX3" fmla="*/ 574782 w 2226400"/>
                  <a:gd name="connsiteY3" fmla="*/ 109155 h 992403"/>
                  <a:gd name="connsiteX4" fmla="*/ 700398 w 2226400"/>
                  <a:gd name="connsiteY4" fmla="*/ 185256 h 992403"/>
                  <a:gd name="connsiteX5" fmla="*/ 733802 w 2226400"/>
                  <a:gd name="connsiteY5" fmla="*/ 252658 h 992403"/>
                  <a:gd name="connsiteX6" fmla="*/ 827014 w 2226400"/>
                  <a:gd name="connsiteY6" fmla="*/ 307078 h 992403"/>
                  <a:gd name="connsiteX7" fmla="*/ 950029 w 2226400"/>
                  <a:gd name="connsiteY7" fmla="*/ 375910 h 992403"/>
                  <a:gd name="connsiteX8" fmla="*/ 1116319 w 2226400"/>
                  <a:gd name="connsiteY8" fmla="*/ 482837 h 992403"/>
                  <a:gd name="connsiteX9" fmla="*/ 1204661 w 2226400"/>
                  <a:gd name="connsiteY9" fmla="*/ 419109 h 992403"/>
                  <a:gd name="connsiteX10" fmla="*/ 1447435 w 2226400"/>
                  <a:gd name="connsiteY10" fmla="*/ 271735 h 992403"/>
                  <a:gd name="connsiteX11" fmla="*/ 1568335 w 2226400"/>
                  <a:gd name="connsiteY11" fmla="*/ 229461 h 992403"/>
                  <a:gd name="connsiteX12" fmla="*/ 1680749 w 2226400"/>
                  <a:gd name="connsiteY12" fmla="*/ 128905 h 992403"/>
                  <a:gd name="connsiteX13" fmla="*/ 1807365 w 2226400"/>
                  <a:gd name="connsiteY13" fmla="*/ 87132 h 992403"/>
                  <a:gd name="connsiteX14" fmla="*/ 2001589 w 2226400"/>
                  <a:gd name="connsiteY14" fmla="*/ 99404 h 992403"/>
                  <a:gd name="connsiteX15" fmla="*/ 2191244 w 2226400"/>
                  <a:gd name="connsiteY15" fmla="*/ 9582 h 992403"/>
                  <a:gd name="connsiteX16" fmla="*/ 2226400 w 2226400"/>
                  <a:gd name="connsiteY16" fmla="*/ 992403 h 992403"/>
                  <a:gd name="connsiteX17" fmla="*/ 1117636 w 2226400"/>
                  <a:gd name="connsiteY17" fmla="*/ 924053 h 992403"/>
                  <a:gd name="connsiteX18" fmla="*/ 0 w 2226400"/>
                  <a:gd name="connsiteY18" fmla="*/ 967168 h 992403"/>
                  <a:gd name="connsiteX19" fmla="*/ 51086 w 2226400"/>
                  <a:gd name="connsiteY19" fmla="*/ 0 h 992403"/>
                  <a:gd name="connsiteX0" fmla="*/ 71894 w 2247208"/>
                  <a:gd name="connsiteY0" fmla="*/ 0 h 992403"/>
                  <a:gd name="connsiteX1" fmla="*/ 295410 w 2247208"/>
                  <a:gd name="connsiteY1" fmla="*/ 98942 h 992403"/>
                  <a:gd name="connsiteX2" fmla="*/ 473632 w 2247208"/>
                  <a:gd name="connsiteY2" fmla="*/ 111045 h 992403"/>
                  <a:gd name="connsiteX3" fmla="*/ 595590 w 2247208"/>
                  <a:gd name="connsiteY3" fmla="*/ 109155 h 992403"/>
                  <a:gd name="connsiteX4" fmla="*/ 721206 w 2247208"/>
                  <a:gd name="connsiteY4" fmla="*/ 185256 h 992403"/>
                  <a:gd name="connsiteX5" fmla="*/ 754610 w 2247208"/>
                  <a:gd name="connsiteY5" fmla="*/ 252658 h 992403"/>
                  <a:gd name="connsiteX6" fmla="*/ 847822 w 2247208"/>
                  <a:gd name="connsiteY6" fmla="*/ 307078 h 992403"/>
                  <a:gd name="connsiteX7" fmla="*/ 970837 w 2247208"/>
                  <a:gd name="connsiteY7" fmla="*/ 375910 h 992403"/>
                  <a:gd name="connsiteX8" fmla="*/ 1137127 w 2247208"/>
                  <a:gd name="connsiteY8" fmla="*/ 482837 h 992403"/>
                  <a:gd name="connsiteX9" fmla="*/ 1225469 w 2247208"/>
                  <a:gd name="connsiteY9" fmla="*/ 419109 h 992403"/>
                  <a:gd name="connsiteX10" fmla="*/ 1468243 w 2247208"/>
                  <a:gd name="connsiteY10" fmla="*/ 271735 h 992403"/>
                  <a:gd name="connsiteX11" fmla="*/ 1589143 w 2247208"/>
                  <a:gd name="connsiteY11" fmla="*/ 229461 h 992403"/>
                  <a:gd name="connsiteX12" fmla="*/ 1701557 w 2247208"/>
                  <a:gd name="connsiteY12" fmla="*/ 128905 h 992403"/>
                  <a:gd name="connsiteX13" fmla="*/ 1828173 w 2247208"/>
                  <a:gd name="connsiteY13" fmla="*/ 87132 h 992403"/>
                  <a:gd name="connsiteX14" fmla="*/ 2022397 w 2247208"/>
                  <a:gd name="connsiteY14" fmla="*/ 99404 h 992403"/>
                  <a:gd name="connsiteX15" fmla="*/ 2212052 w 2247208"/>
                  <a:gd name="connsiteY15" fmla="*/ 9582 h 992403"/>
                  <a:gd name="connsiteX16" fmla="*/ 2247208 w 2247208"/>
                  <a:gd name="connsiteY16" fmla="*/ 992403 h 992403"/>
                  <a:gd name="connsiteX17" fmla="*/ 1138444 w 2247208"/>
                  <a:gd name="connsiteY17" fmla="*/ 924053 h 992403"/>
                  <a:gd name="connsiteX18" fmla="*/ 0 w 2247208"/>
                  <a:gd name="connsiteY18" fmla="*/ 948263 h 992403"/>
                  <a:gd name="connsiteX19" fmla="*/ 71894 w 2247208"/>
                  <a:gd name="connsiteY19" fmla="*/ 0 h 992403"/>
                  <a:gd name="connsiteX0" fmla="*/ 71894 w 2278420"/>
                  <a:gd name="connsiteY0" fmla="*/ 0 h 987001"/>
                  <a:gd name="connsiteX1" fmla="*/ 295410 w 2278420"/>
                  <a:gd name="connsiteY1" fmla="*/ 98942 h 987001"/>
                  <a:gd name="connsiteX2" fmla="*/ 473632 w 2278420"/>
                  <a:gd name="connsiteY2" fmla="*/ 111045 h 987001"/>
                  <a:gd name="connsiteX3" fmla="*/ 595590 w 2278420"/>
                  <a:gd name="connsiteY3" fmla="*/ 109155 h 987001"/>
                  <a:gd name="connsiteX4" fmla="*/ 721206 w 2278420"/>
                  <a:gd name="connsiteY4" fmla="*/ 185256 h 987001"/>
                  <a:gd name="connsiteX5" fmla="*/ 754610 w 2278420"/>
                  <a:gd name="connsiteY5" fmla="*/ 252658 h 987001"/>
                  <a:gd name="connsiteX6" fmla="*/ 847822 w 2278420"/>
                  <a:gd name="connsiteY6" fmla="*/ 307078 h 987001"/>
                  <a:gd name="connsiteX7" fmla="*/ 970837 w 2278420"/>
                  <a:gd name="connsiteY7" fmla="*/ 375910 h 987001"/>
                  <a:gd name="connsiteX8" fmla="*/ 1137127 w 2278420"/>
                  <a:gd name="connsiteY8" fmla="*/ 482837 h 987001"/>
                  <a:gd name="connsiteX9" fmla="*/ 1225469 w 2278420"/>
                  <a:gd name="connsiteY9" fmla="*/ 419109 h 987001"/>
                  <a:gd name="connsiteX10" fmla="*/ 1468243 w 2278420"/>
                  <a:gd name="connsiteY10" fmla="*/ 271735 h 987001"/>
                  <a:gd name="connsiteX11" fmla="*/ 1589143 w 2278420"/>
                  <a:gd name="connsiteY11" fmla="*/ 229461 h 987001"/>
                  <a:gd name="connsiteX12" fmla="*/ 1701557 w 2278420"/>
                  <a:gd name="connsiteY12" fmla="*/ 128905 h 987001"/>
                  <a:gd name="connsiteX13" fmla="*/ 1828173 w 2278420"/>
                  <a:gd name="connsiteY13" fmla="*/ 87132 h 987001"/>
                  <a:gd name="connsiteX14" fmla="*/ 2022397 w 2278420"/>
                  <a:gd name="connsiteY14" fmla="*/ 99404 h 987001"/>
                  <a:gd name="connsiteX15" fmla="*/ 2212052 w 2278420"/>
                  <a:gd name="connsiteY15" fmla="*/ 9582 h 987001"/>
                  <a:gd name="connsiteX16" fmla="*/ 2278420 w 2278420"/>
                  <a:gd name="connsiteY16" fmla="*/ 987001 h 987001"/>
                  <a:gd name="connsiteX17" fmla="*/ 1138444 w 2278420"/>
                  <a:gd name="connsiteY17" fmla="*/ 924053 h 987001"/>
                  <a:gd name="connsiteX18" fmla="*/ 0 w 2278420"/>
                  <a:gd name="connsiteY18" fmla="*/ 948263 h 987001"/>
                  <a:gd name="connsiteX19" fmla="*/ 71894 w 2278420"/>
                  <a:gd name="connsiteY19" fmla="*/ 0 h 987001"/>
                  <a:gd name="connsiteX0" fmla="*/ 71894 w 2278420"/>
                  <a:gd name="connsiteY0" fmla="*/ 0 h 981599"/>
                  <a:gd name="connsiteX1" fmla="*/ 295410 w 2278420"/>
                  <a:gd name="connsiteY1" fmla="*/ 98942 h 981599"/>
                  <a:gd name="connsiteX2" fmla="*/ 473632 w 2278420"/>
                  <a:gd name="connsiteY2" fmla="*/ 111045 h 981599"/>
                  <a:gd name="connsiteX3" fmla="*/ 595590 w 2278420"/>
                  <a:gd name="connsiteY3" fmla="*/ 109155 h 981599"/>
                  <a:gd name="connsiteX4" fmla="*/ 721206 w 2278420"/>
                  <a:gd name="connsiteY4" fmla="*/ 185256 h 981599"/>
                  <a:gd name="connsiteX5" fmla="*/ 754610 w 2278420"/>
                  <a:gd name="connsiteY5" fmla="*/ 252658 h 981599"/>
                  <a:gd name="connsiteX6" fmla="*/ 847822 w 2278420"/>
                  <a:gd name="connsiteY6" fmla="*/ 307078 h 981599"/>
                  <a:gd name="connsiteX7" fmla="*/ 970837 w 2278420"/>
                  <a:gd name="connsiteY7" fmla="*/ 375910 h 981599"/>
                  <a:gd name="connsiteX8" fmla="*/ 1137127 w 2278420"/>
                  <a:gd name="connsiteY8" fmla="*/ 482837 h 981599"/>
                  <a:gd name="connsiteX9" fmla="*/ 1225469 w 2278420"/>
                  <a:gd name="connsiteY9" fmla="*/ 419109 h 981599"/>
                  <a:gd name="connsiteX10" fmla="*/ 1468243 w 2278420"/>
                  <a:gd name="connsiteY10" fmla="*/ 271735 h 981599"/>
                  <a:gd name="connsiteX11" fmla="*/ 1589143 w 2278420"/>
                  <a:gd name="connsiteY11" fmla="*/ 229461 h 981599"/>
                  <a:gd name="connsiteX12" fmla="*/ 1701557 w 2278420"/>
                  <a:gd name="connsiteY12" fmla="*/ 128905 h 981599"/>
                  <a:gd name="connsiteX13" fmla="*/ 1828173 w 2278420"/>
                  <a:gd name="connsiteY13" fmla="*/ 87132 h 981599"/>
                  <a:gd name="connsiteX14" fmla="*/ 2022397 w 2278420"/>
                  <a:gd name="connsiteY14" fmla="*/ 99404 h 981599"/>
                  <a:gd name="connsiteX15" fmla="*/ 2212052 w 2278420"/>
                  <a:gd name="connsiteY15" fmla="*/ 9582 h 981599"/>
                  <a:gd name="connsiteX16" fmla="*/ 2278420 w 2278420"/>
                  <a:gd name="connsiteY16" fmla="*/ 981599 h 981599"/>
                  <a:gd name="connsiteX17" fmla="*/ 1138444 w 2278420"/>
                  <a:gd name="connsiteY17" fmla="*/ 924053 h 981599"/>
                  <a:gd name="connsiteX18" fmla="*/ 0 w 2278420"/>
                  <a:gd name="connsiteY18" fmla="*/ 948263 h 981599"/>
                  <a:gd name="connsiteX19" fmla="*/ 71894 w 2278420"/>
                  <a:gd name="connsiteY19" fmla="*/ 0 h 981599"/>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25469 w 2278420"/>
                  <a:gd name="connsiteY9" fmla="*/ 436534 h 999024"/>
                  <a:gd name="connsiteX10" fmla="*/ 1468243 w 2278420"/>
                  <a:gd name="connsiteY10" fmla="*/ 289160 h 999024"/>
                  <a:gd name="connsiteX11" fmla="*/ 1589143 w 2278420"/>
                  <a:gd name="connsiteY11" fmla="*/ 246886 h 999024"/>
                  <a:gd name="connsiteX12" fmla="*/ 1701557 w 2278420"/>
                  <a:gd name="connsiteY12" fmla="*/ 146330 h 999024"/>
                  <a:gd name="connsiteX13" fmla="*/ 1828173 w 2278420"/>
                  <a:gd name="connsiteY13" fmla="*/ 104557 h 999024"/>
                  <a:gd name="connsiteX14" fmla="*/ 2022397 w 2278420"/>
                  <a:gd name="connsiteY14" fmla="*/ 116829 h 999024"/>
                  <a:gd name="connsiteX15" fmla="*/ 2212052 w 2278420"/>
                  <a:gd name="connsiteY15" fmla="*/ 0 h 999024"/>
                  <a:gd name="connsiteX16" fmla="*/ 2278420 w 2278420"/>
                  <a:gd name="connsiteY16" fmla="*/ 999024 h 999024"/>
                  <a:gd name="connsiteX17" fmla="*/ 1138444 w 2278420"/>
                  <a:gd name="connsiteY17" fmla="*/ 941478 h 999024"/>
                  <a:gd name="connsiteX18" fmla="*/ 0 w 2278420"/>
                  <a:gd name="connsiteY18" fmla="*/ 965688 h 999024"/>
                  <a:gd name="connsiteX19" fmla="*/ 71894 w 2278420"/>
                  <a:gd name="connsiteY19"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68243 w 2278420"/>
                  <a:gd name="connsiteY10" fmla="*/ 289160 h 999024"/>
                  <a:gd name="connsiteX11" fmla="*/ 1589143 w 2278420"/>
                  <a:gd name="connsiteY11" fmla="*/ 246886 h 999024"/>
                  <a:gd name="connsiteX12" fmla="*/ 1701557 w 2278420"/>
                  <a:gd name="connsiteY12" fmla="*/ 146330 h 999024"/>
                  <a:gd name="connsiteX13" fmla="*/ 1828173 w 2278420"/>
                  <a:gd name="connsiteY13" fmla="*/ 104557 h 999024"/>
                  <a:gd name="connsiteX14" fmla="*/ 2022397 w 2278420"/>
                  <a:gd name="connsiteY14" fmla="*/ 116829 h 999024"/>
                  <a:gd name="connsiteX15" fmla="*/ 2212052 w 2278420"/>
                  <a:gd name="connsiteY15" fmla="*/ 0 h 999024"/>
                  <a:gd name="connsiteX16" fmla="*/ 2278420 w 2278420"/>
                  <a:gd name="connsiteY16" fmla="*/ 999024 h 999024"/>
                  <a:gd name="connsiteX17" fmla="*/ 1138444 w 2278420"/>
                  <a:gd name="connsiteY17" fmla="*/ 941478 h 999024"/>
                  <a:gd name="connsiteX18" fmla="*/ 0 w 2278420"/>
                  <a:gd name="connsiteY18" fmla="*/ 965688 h 999024"/>
                  <a:gd name="connsiteX19" fmla="*/ 71894 w 2278420"/>
                  <a:gd name="connsiteY19"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89143 w 2278420"/>
                  <a:gd name="connsiteY11" fmla="*/ 246886 h 999024"/>
                  <a:gd name="connsiteX12" fmla="*/ 1701557 w 2278420"/>
                  <a:gd name="connsiteY12" fmla="*/ 146330 h 999024"/>
                  <a:gd name="connsiteX13" fmla="*/ 1828173 w 2278420"/>
                  <a:gd name="connsiteY13" fmla="*/ 104557 h 999024"/>
                  <a:gd name="connsiteX14" fmla="*/ 2022397 w 2278420"/>
                  <a:gd name="connsiteY14" fmla="*/ 116829 h 999024"/>
                  <a:gd name="connsiteX15" fmla="*/ 2212052 w 2278420"/>
                  <a:gd name="connsiteY15" fmla="*/ 0 h 999024"/>
                  <a:gd name="connsiteX16" fmla="*/ 2278420 w 2278420"/>
                  <a:gd name="connsiteY16" fmla="*/ 999024 h 999024"/>
                  <a:gd name="connsiteX17" fmla="*/ 1138444 w 2278420"/>
                  <a:gd name="connsiteY17" fmla="*/ 941478 h 999024"/>
                  <a:gd name="connsiteX18" fmla="*/ 0 w 2278420"/>
                  <a:gd name="connsiteY18" fmla="*/ 965688 h 999024"/>
                  <a:gd name="connsiteX19" fmla="*/ 71894 w 2278420"/>
                  <a:gd name="connsiteY19"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63133 w 2278420"/>
                  <a:gd name="connsiteY11" fmla="*/ 260390 h 999024"/>
                  <a:gd name="connsiteX12" fmla="*/ 1701557 w 2278420"/>
                  <a:gd name="connsiteY12" fmla="*/ 146330 h 999024"/>
                  <a:gd name="connsiteX13" fmla="*/ 1828173 w 2278420"/>
                  <a:gd name="connsiteY13" fmla="*/ 104557 h 999024"/>
                  <a:gd name="connsiteX14" fmla="*/ 2022397 w 2278420"/>
                  <a:gd name="connsiteY14" fmla="*/ 116829 h 999024"/>
                  <a:gd name="connsiteX15" fmla="*/ 2212052 w 2278420"/>
                  <a:gd name="connsiteY15" fmla="*/ 0 h 999024"/>
                  <a:gd name="connsiteX16" fmla="*/ 2278420 w 2278420"/>
                  <a:gd name="connsiteY16" fmla="*/ 999024 h 999024"/>
                  <a:gd name="connsiteX17" fmla="*/ 1138444 w 2278420"/>
                  <a:gd name="connsiteY17" fmla="*/ 941478 h 999024"/>
                  <a:gd name="connsiteX18" fmla="*/ 0 w 2278420"/>
                  <a:gd name="connsiteY18" fmla="*/ 965688 h 999024"/>
                  <a:gd name="connsiteX19" fmla="*/ 71894 w 2278420"/>
                  <a:gd name="connsiteY19"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701557 w 2278420"/>
                  <a:gd name="connsiteY13" fmla="*/ 146330 h 999024"/>
                  <a:gd name="connsiteX14" fmla="*/ 1828173 w 2278420"/>
                  <a:gd name="connsiteY14" fmla="*/ 104557 h 999024"/>
                  <a:gd name="connsiteX15" fmla="*/ 2022397 w 2278420"/>
                  <a:gd name="connsiteY15" fmla="*/ 116829 h 999024"/>
                  <a:gd name="connsiteX16" fmla="*/ 2212052 w 2278420"/>
                  <a:gd name="connsiteY16" fmla="*/ 0 h 999024"/>
                  <a:gd name="connsiteX17" fmla="*/ 2278420 w 2278420"/>
                  <a:gd name="connsiteY17" fmla="*/ 999024 h 999024"/>
                  <a:gd name="connsiteX18" fmla="*/ 1138444 w 2278420"/>
                  <a:gd name="connsiteY18" fmla="*/ 941478 h 999024"/>
                  <a:gd name="connsiteX19" fmla="*/ 0 w 2278420"/>
                  <a:gd name="connsiteY19" fmla="*/ 965688 h 999024"/>
                  <a:gd name="connsiteX20" fmla="*/ 71894 w 2278420"/>
                  <a:gd name="connsiteY20"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28173 w 2278420"/>
                  <a:gd name="connsiteY15" fmla="*/ 104557 h 999024"/>
                  <a:gd name="connsiteX16" fmla="*/ 2022397 w 2278420"/>
                  <a:gd name="connsiteY16" fmla="*/ 116829 h 999024"/>
                  <a:gd name="connsiteX17" fmla="*/ 2212052 w 2278420"/>
                  <a:gd name="connsiteY17" fmla="*/ 0 h 999024"/>
                  <a:gd name="connsiteX18" fmla="*/ 2278420 w 2278420"/>
                  <a:gd name="connsiteY18" fmla="*/ 999024 h 999024"/>
                  <a:gd name="connsiteX19" fmla="*/ 1138444 w 2278420"/>
                  <a:gd name="connsiteY19" fmla="*/ 941478 h 999024"/>
                  <a:gd name="connsiteX20" fmla="*/ 0 w 2278420"/>
                  <a:gd name="connsiteY20" fmla="*/ 965688 h 999024"/>
                  <a:gd name="connsiteX21" fmla="*/ 71894 w 2278420"/>
                  <a:gd name="connsiteY21"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22397 w 2278420"/>
                  <a:gd name="connsiteY16" fmla="*/ 116829 h 999024"/>
                  <a:gd name="connsiteX17" fmla="*/ 2212052 w 2278420"/>
                  <a:gd name="connsiteY17" fmla="*/ 0 h 999024"/>
                  <a:gd name="connsiteX18" fmla="*/ 2278420 w 2278420"/>
                  <a:gd name="connsiteY18" fmla="*/ 999024 h 999024"/>
                  <a:gd name="connsiteX19" fmla="*/ 1138444 w 2278420"/>
                  <a:gd name="connsiteY19" fmla="*/ 941478 h 999024"/>
                  <a:gd name="connsiteX20" fmla="*/ 0 w 2278420"/>
                  <a:gd name="connsiteY20" fmla="*/ 965688 h 999024"/>
                  <a:gd name="connsiteX21" fmla="*/ 71894 w 2278420"/>
                  <a:gd name="connsiteY21"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212052 w 2278420"/>
                  <a:gd name="connsiteY17" fmla="*/ 0 h 999024"/>
                  <a:gd name="connsiteX18" fmla="*/ 2278420 w 2278420"/>
                  <a:gd name="connsiteY18" fmla="*/ 999024 h 999024"/>
                  <a:gd name="connsiteX19" fmla="*/ 1138444 w 2278420"/>
                  <a:gd name="connsiteY19" fmla="*/ 941478 h 999024"/>
                  <a:gd name="connsiteX20" fmla="*/ 0 w 2278420"/>
                  <a:gd name="connsiteY20" fmla="*/ 965688 h 999024"/>
                  <a:gd name="connsiteX21" fmla="*/ 71894 w 2278420"/>
                  <a:gd name="connsiteY21"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70837 w 2278420"/>
                  <a:gd name="connsiteY7" fmla="*/ 393335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71894 w 2278420"/>
                  <a:gd name="connsiteY22"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54610 w 2278420"/>
                  <a:gd name="connsiteY5" fmla="*/ 270083 h 999024"/>
                  <a:gd name="connsiteX6" fmla="*/ 847822 w 2278420"/>
                  <a:gd name="connsiteY6" fmla="*/ 324503 h 999024"/>
                  <a:gd name="connsiteX7" fmla="*/ 968236 w 2278420"/>
                  <a:gd name="connsiteY7" fmla="*/ 414940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71894 w 2278420"/>
                  <a:gd name="connsiteY22" fmla="*/ 17425 h 999024"/>
                  <a:gd name="connsiteX0" fmla="*/ 71894 w 2278420"/>
                  <a:gd name="connsiteY0" fmla="*/ 17425 h 999024"/>
                  <a:gd name="connsiteX1" fmla="*/ 295410 w 2278420"/>
                  <a:gd name="connsiteY1" fmla="*/ 116367 h 999024"/>
                  <a:gd name="connsiteX2" fmla="*/ 473632 w 2278420"/>
                  <a:gd name="connsiteY2" fmla="*/ 128470 h 999024"/>
                  <a:gd name="connsiteX3" fmla="*/ 595590 w 2278420"/>
                  <a:gd name="connsiteY3" fmla="*/ 126580 h 999024"/>
                  <a:gd name="connsiteX4" fmla="*/ 721206 w 2278420"/>
                  <a:gd name="connsiteY4" fmla="*/ 202681 h 999024"/>
                  <a:gd name="connsiteX5" fmla="*/ 744207 w 2278420"/>
                  <a:gd name="connsiteY5" fmla="*/ 270083 h 999024"/>
                  <a:gd name="connsiteX6" fmla="*/ 847822 w 2278420"/>
                  <a:gd name="connsiteY6" fmla="*/ 324503 h 999024"/>
                  <a:gd name="connsiteX7" fmla="*/ 968236 w 2278420"/>
                  <a:gd name="connsiteY7" fmla="*/ 414940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71894 w 2278420"/>
                  <a:gd name="connsiteY22" fmla="*/ 17425 h 999024"/>
                  <a:gd name="connsiteX0" fmla="*/ 71894 w 2278420"/>
                  <a:gd name="connsiteY0" fmla="*/ 17425 h 999024"/>
                  <a:gd name="connsiteX1" fmla="*/ 295410 w 2278420"/>
                  <a:gd name="connsiteY1" fmla="*/ 116367 h 999024"/>
                  <a:gd name="connsiteX2" fmla="*/ 463228 w 2278420"/>
                  <a:gd name="connsiteY2" fmla="*/ 120368 h 999024"/>
                  <a:gd name="connsiteX3" fmla="*/ 595590 w 2278420"/>
                  <a:gd name="connsiteY3" fmla="*/ 126580 h 999024"/>
                  <a:gd name="connsiteX4" fmla="*/ 721206 w 2278420"/>
                  <a:gd name="connsiteY4" fmla="*/ 202681 h 999024"/>
                  <a:gd name="connsiteX5" fmla="*/ 744207 w 2278420"/>
                  <a:gd name="connsiteY5" fmla="*/ 270083 h 999024"/>
                  <a:gd name="connsiteX6" fmla="*/ 847822 w 2278420"/>
                  <a:gd name="connsiteY6" fmla="*/ 324503 h 999024"/>
                  <a:gd name="connsiteX7" fmla="*/ 968236 w 2278420"/>
                  <a:gd name="connsiteY7" fmla="*/ 414940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71894 w 2278420"/>
                  <a:gd name="connsiteY22" fmla="*/ 17425 h 999024"/>
                  <a:gd name="connsiteX0" fmla="*/ 71894 w 2278420"/>
                  <a:gd name="connsiteY0" fmla="*/ 17425 h 999024"/>
                  <a:gd name="connsiteX1" fmla="*/ 295410 w 2278420"/>
                  <a:gd name="connsiteY1" fmla="*/ 116367 h 999024"/>
                  <a:gd name="connsiteX2" fmla="*/ 463228 w 2278420"/>
                  <a:gd name="connsiteY2" fmla="*/ 120368 h 999024"/>
                  <a:gd name="connsiteX3" fmla="*/ 569580 w 2278420"/>
                  <a:gd name="connsiteY3" fmla="*/ 113077 h 999024"/>
                  <a:gd name="connsiteX4" fmla="*/ 721206 w 2278420"/>
                  <a:gd name="connsiteY4" fmla="*/ 202681 h 999024"/>
                  <a:gd name="connsiteX5" fmla="*/ 744207 w 2278420"/>
                  <a:gd name="connsiteY5" fmla="*/ 270083 h 999024"/>
                  <a:gd name="connsiteX6" fmla="*/ 847822 w 2278420"/>
                  <a:gd name="connsiteY6" fmla="*/ 324503 h 999024"/>
                  <a:gd name="connsiteX7" fmla="*/ 968236 w 2278420"/>
                  <a:gd name="connsiteY7" fmla="*/ 414940 h 999024"/>
                  <a:gd name="connsiteX8" fmla="*/ 1137127 w 2278420"/>
                  <a:gd name="connsiteY8" fmla="*/ 500262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71894 w 2278420"/>
                  <a:gd name="connsiteY22" fmla="*/ 17425 h 999024"/>
                  <a:gd name="connsiteX0" fmla="*/ 71894 w 2278420"/>
                  <a:gd name="connsiteY0" fmla="*/ 17425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847822 w 2278420"/>
                  <a:gd name="connsiteY7" fmla="*/ 324503 h 999024"/>
                  <a:gd name="connsiteX8" fmla="*/ 968236 w 2278420"/>
                  <a:gd name="connsiteY8" fmla="*/ 414940 h 999024"/>
                  <a:gd name="connsiteX9" fmla="*/ 1137127 w 2278420"/>
                  <a:gd name="connsiteY9" fmla="*/ 500262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71894 w 2278420"/>
                  <a:gd name="connsiteY23" fmla="*/ 17425 h 999024"/>
                  <a:gd name="connsiteX0" fmla="*/ 49746 w 2278420"/>
                  <a:gd name="connsiteY0" fmla="*/ 303234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847822 w 2278420"/>
                  <a:gd name="connsiteY7" fmla="*/ 324503 h 999024"/>
                  <a:gd name="connsiteX8" fmla="*/ 968236 w 2278420"/>
                  <a:gd name="connsiteY8" fmla="*/ 414940 h 999024"/>
                  <a:gd name="connsiteX9" fmla="*/ 1137127 w 2278420"/>
                  <a:gd name="connsiteY9" fmla="*/ 500262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847822 w 2278420"/>
                  <a:gd name="connsiteY7" fmla="*/ 324503 h 999024"/>
                  <a:gd name="connsiteX8" fmla="*/ 968236 w 2278420"/>
                  <a:gd name="connsiteY8" fmla="*/ 414940 h 999024"/>
                  <a:gd name="connsiteX9" fmla="*/ 1143455 w 2278420"/>
                  <a:gd name="connsiteY9" fmla="*/ 769645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847822 w 2278420"/>
                  <a:gd name="connsiteY7" fmla="*/ 324503 h 999024"/>
                  <a:gd name="connsiteX8" fmla="*/ 968236 w 2278420"/>
                  <a:gd name="connsiteY8" fmla="*/ 414940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847822 w 2278420"/>
                  <a:gd name="connsiteY7" fmla="*/ 32450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95410 w 2278420"/>
                  <a:gd name="connsiteY1" fmla="*/ 116367 h 999024"/>
                  <a:gd name="connsiteX2" fmla="*/ 463228 w 2278420"/>
                  <a:gd name="connsiteY2" fmla="*/ 120368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95410 w 2278420"/>
                  <a:gd name="connsiteY1" fmla="*/ 116367 h 999024"/>
                  <a:gd name="connsiteX2" fmla="*/ 447408 w 2278420"/>
                  <a:gd name="connsiteY2" fmla="*/ 350329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447408 w 2278420"/>
                  <a:gd name="connsiteY2" fmla="*/ 350329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428424 w 2278420"/>
                  <a:gd name="connsiteY2" fmla="*/ 347044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69580 w 2278420"/>
                  <a:gd name="connsiteY3" fmla="*/ 113077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51248 w 2278420"/>
                  <a:gd name="connsiteY4" fmla="*/ 167547 h 999024"/>
                  <a:gd name="connsiteX5" fmla="*/ 721206 w 2278420"/>
                  <a:gd name="connsiteY5" fmla="*/ 202681 h 999024"/>
                  <a:gd name="connsiteX6" fmla="*/ 744207 w 2278420"/>
                  <a:gd name="connsiteY6" fmla="*/ 270083 h 999024"/>
                  <a:gd name="connsiteX7" fmla="*/ 759232 w 2278420"/>
                  <a:gd name="connsiteY7" fmla="*/ 515043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51248 w 2278420"/>
                  <a:gd name="connsiteY4" fmla="*/ 167547 h 999024"/>
                  <a:gd name="connsiteX5" fmla="*/ 744207 w 2278420"/>
                  <a:gd name="connsiteY5" fmla="*/ 270083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51248 w 2278420"/>
                  <a:gd name="connsiteY4" fmla="*/ 167547 h 999024"/>
                  <a:gd name="connsiteX5" fmla="*/ 684092 w 2278420"/>
                  <a:gd name="connsiteY5" fmla="*/ 477048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4092 w 2278420"/>
                  <a:gd name="connsiteY5" fmla="*/ 477048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4092 w 2278420"/>
                  <a:gd name="connsiteY5" fmla="*/ 477048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4092 w 2278420"/>
                  <a:gd name="connsiteY5" fmla="*/ 477048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7255 w 2278420"/>
                  <a:gd name="connsiteY5" fmla="*/ 490188 h 999024"/>
                  <a:gd name="connsiteX6" fmla="*/ 759232 w 2278420"/>
                  <a:gd name="connsiteY6" fmla="*/ 515043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7255 w 2278420"/>
                  <a:gd name="connsiteY5" fmla="*/ 490188 h 999024"/>
                  <a:gd name="connsiteX6" fmla="*/ 743412 w 2278420"/>
                  <a:gd name="connsiteY6" fmla="*/ 488761 h 999024"/>
                  <a:gd name="connsiteX7" fmla="*/ 936597 w 2278420"/>
                  <a:gd name="connsiteY7" fmla="*/ 677752 h 999024"/>
                  <a:gd name="connsiteX8" fmla="*/ 1130799 w 2278420"/>
                  <a:gd name="connsiteY8" fmla="*/ 772930 h 999024"/>
                  <a:gd name="connsiteX9" fmla="*/ 1230671 w 2278420"/>
                  <a:gd name="connsiteY9" fmla="*/ 447337 h 999024"/>
                  <a:gd name="connsiteX10" fmla="*/ 1442233 w 2278420"/>
                  <a:gd name="connsiteY10" fmla="*/ 310765 h 999024"/>
                  <a:gd name="connsiteX11" fmla="*/ 1525195 w 2278420"/>
                  <a:gd name="connsiteY11" fmla="*/ 262071 h 999024"/>
                  <a:gd name="connsiteX12" fmla="*/ 1563133 w 2278420"/>
                  <a:gd name="connsiteY12" fmla="*/ 260390 h 999024"/>
                  <a:gd name="connsiteX13" fmla="*/ 1624035 w 2278420"/>
                  <a:gd name="connsiteY13" fmla="*/ 208058 h 999024"/>
                  <a:gd name="connsiteX14" fmla="*/ 1701557 w 2278420"/>
                  <a:gd name="connsiteY14" fmla="*/ 146330 h 999024"/>
                  <a:gd name="connsiteX15" fmla="*/ 1812567 w 2278420"/>
                  <a:gd name="connsiteY15" fmla="*/ 96456 h 999024"/>
                  <a:gd name="connsiteX16" fmla="*/ 2035402 w 2278420"/>
                  <a:gd name="connsiteY16" fmla="*/ 108727 h 999024"/>
                  <a:gd name="connsiteX17" fmla="*/ 2128635 w 2278420"/>
                  <a:gd name="connsiteY17" fmla="*/ 59520 h 999024"/>
                  <a:gd name="connsiteX18" fmla="*/ 2212052 w 2278420"/>
                  <a:gd name="connsiteY18" fmla="*/ 0 h 999024"/>
                  <a:gd name="connsiteX19" fmla="*/ 2278420 w 2278420"/>
                  <a:gd name="connsiteY19" fmla="*/ 999024 h 999024"/>
                  <a:gd name="connsiteX20" fmla="*/ 1138444 w 2278420"/>
                  <a:gd name="connsiteY20" fmla="*/ 941478 h 999024"/>
                  <a:gd name="connsiteX21" fmla="*/ 0 w 2278420"/>
                  <a:gd name="connsiteY21" fmla="*/ 965688 h 999024"/>
                  <a:gd name="connsiteX22" fmla="*/ 49746 w 2278420"/>
                  <a:gd name="connsiteY22"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37940 w 2278420"/>
                  <a:gd name="connsiteY3" fmla="*/ 343039 h 999024"/>
                  <a:gd name="connsiteX4" fmla="*/ 600625 w 2278420"/>
                  <a:gd name="connsiteY4" fmla="*/ 446786 h 999024"/>
                  <a:gd name="connsiteX5" fmla="*/ 687255 w 2278420"/>
                  <a:gd name="connsiteY5" fmla="*/ 490188 h 999024"/>
                  <a:gd name="connsiteX6" fmla="*/ 743412 w 2278420"/>
                  <a:gd name="connsiteY6" fmla="*/ 488761 h 999024"/>
                  <a:gd name="connsiteX7" fmla="*/ 812881 w 2278420"/>
                  <a:gd name="connsiteY7" fmla="*/ 597601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12629 w 2278420"/>
                  <a:gd name="connsiteY3" fmla="*/ 372605 h 999024"/>
                  <a:gd name="connsiteX4" fmla="*/ 600625 w 2278420"/>
                  <a:gd name="connsiteY4" fmla="*/ 446786 h 999024"/>
                  <a:gd name="connsiteX5" fmla="*/ 687255 w 2278420"/>
                  <a:gd name="connsiteY5" fmla="*/ 490188 h 999024"/>
                  <a:gd name="connsiteX6" fmla="*/ 743412 w 2278420"/>
                  <a:gd name="connsiteY6" fmla="*/ 488761 h 999024"/>
                  <a:gd name="connsiteX7" fmla="*/ 812881 w 2278420"/>
                  <a:gd name="connsiteY7" fmla="*/ 597601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512629 w 2278420"/>
                  <a:gd name="connsiteY3" fmla="*/ 372605 h 999024"/>
                  <a:gd name="connsiteX4" fmla="*/ 600625 w 2278420"/>
                  <a:gd name="connsiteY4" fmla="*/ 446786 h 999024"/>
                  <a:gd name="connsiteX5" fmla="*/ 687255 w 2278420"/>
                  <a:gd name="connsiteY5" fmla="*/ 490188 h 999024"/>
                  <a:gd name="connsiteX6" fmla="*/ 743412 w 2278420"/>
                  <a:gd name="connsiteY6" fmla="*/ 488761 h 999024"/>
                  <a:gd name="connsiteX7" fmla="*/ 812881 w 2278420"/>
                  <a:gd name="connsiteY7" fmla="*/ 597601 h 999024"/>
                  <a:gd name="connsiteX8" fmla="*/ 936597 w 2278420"/>
                  <a:gd name="connsiteY8" fmla="*/ 677752 h 999024"/>
                  <a:gd name="connsiteX9" fmla="*/ 1130799 w 2278420"/>
                  <a:gd name="connsiteY9" fmla="*/ 772930 h 999024"/>
                  <a:gd name="connsiteX10" fmla="*/ 1230671 w 2278420"/>
                  <a:gd name="connsiteY10" fmla="*/ 447337 h 999024"/>
                  <a:gd name="connsiteX11" fmla="*/ 1442233 w 2278420"/>
                  <a:gd name="connsiteY11" fmla="*/ 310765 h 999024"/>
                  <a:gd name="connsiteX12" fmla="*/ 1525195 w 2278420"/>
                  <a:gd name="connsiteY12" fmla="*/ 262071 h 999024"/>
                  <a:gd name="connsiteX13" fmla="*/ 1563133 w 2278420"/>
                  <a:gd name="connsiteY13" fmla="*/ 260390 h 999024"/>
                  <a:gd name="connsiteX14" fmla="*/ 1624035 w 2278420"/>
                  <a:gd name="connsiteY14" fmla="*/ 208058 h 999024"/>
                  <a:gd name="connsiteX15" fmla="*/ 1701557 w 2278420"/>
                  <a:gd name="connsiteY15" fmla="*/ 146330 h 999024"/>
                  <a:gd name="connsiteX16" fmla="*/ 1812567 w 2278420"/>
                  <a:gd name="connsiteY16" fmla="*/ 96456 h 999024"/>
                  <a:gd name="connsiteX17" fmla="*/ 2035402 w 2278420"/>
                  <a:gd name="connsiteY17" fmla="*/ 108727 h 999024"/>
                  <a:gd name="connsiteX18" fmla="*/ 2128635 w 2278420"/>
                  <a:gd name="connsiteY18" fmla="*/ 59520 h 999024"/>
                  <a:gd name="connsiteX19" fmla="*/ 2212052 w 2278420"/>
                  <a:gd name="connsiteY19" fmla="*/ 0 h 999024"/>
                  <a:gd name="connsiteX20" fmla="*/ 2278420 w 2278420"/>
                  <a:gd name="connsiteY20" fmla="*/ 999024 h 999024"/>
                  <a:gd name="connsiteX21" fmla="*/ 1138444 w 2278420"/>
                  <a:gd name="connsiteY21" fmla="*/ 941478 h 999024"/>
                  <a:gd name="connsiteX22" fmla="*/ 0 w 2278420"/>
                  <a:gd name="connsiteY22" fmla="*/ 965688 h 999024"/>
                  <a:gd name="connsiteX23" fmla="*/ 49746 w 2278420"/>
                  <a:gd name="connsiteY23"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442699 w 2278420"/>
                  <a:gd name="connsiteY3" fmla="*/ 341358 h 999024"/>
                  <a:gd name="connsiteX4" fmla="*/ 512629 w 2278420"/>
                  <a:gd name="connsiteY4" fmla="*/ 372605 h 999024"/>
                  <a:gd name="connsiteX5" fmla="*/ 600625 w 2278420"/>
                  <a:gd name="connsiteY5" fmla="*/ 446786 h 999024"/>
                  <a:gd name="connsiteX6" fmla="*/ 687255 w 2278420"/>
                  <a:gd name="connsiteY6" fmla="*/ 490188 h 999024"/>
                  <a:gd name="connsiteX7" fmla="*/ 743412 w 2278420"/>
                  <a:gd name="connsiteY7" fmla="*/ 488761 h 999024"/>
                  <a:gd name="connsiteX8" fmla="*/ 812881 w 2278420"/>
                  <a:gd name="connsiteY8" fmla="*/ 597601 h 999024"/>
                  <a:gd name="connsiteX9" fmla="*/ 936597 w 2278420"/>
                  <a:gd name="connsiteY9" fmla="*/ 677752 h 999024"/>
                  <a:gd name="connsiteX10" fmla="*/ 1130799 w 2278420"/>
                  <a:gd name="connsiteY10" fmla="*/ 772930 h 999024"/>
                  <a:gd name="connsiteX11" fmla="*/ 1230671 w 2278420"/>
                  <a:gd name="connsiteY11" fmla="*/ 447337 h 999024"/>
                  <a:gd name="connsiteX12" fmla="*/ 1442233 w 2278420"/>
                  <a:gd name="connsiteY12" fmla="*/ 310765 h 999024"/>
                  <a:gd name="connsiteX13" fmla="*/ 1525195 w 2278420"/>
                  <a:gd name="connsiteY13" fmla="*/ 262071 h 999024"/>
                  <a:gd name="connsiteX14" fmla="*/ 1563133 w 2278420"/>
                  <a:gd name="connsiteY14" fmla="*/ 260390 h 999024"/>
                  <a:gd name="connsiteX15" fmla="*/ 1624035 w 2278420"/>
                  <a:gd name="connsiteY15" fmla="*/ 208058 h 999024"/>
                  <a:gd name="connsiteX16" fmla="*/ 1701557 w 2278420"/>
                  <a:gd name="connsiteY16" fmla="*/ 146330 h 999024"/>
                  <a:gd name="connsiteX17" fmla="*/ 1812567 w 2278420"/>
                  <a:gd name="connsiteY17" fmla="*/ 96456 h 999024"/>
                  <a:gd name="connsiteX18" fmla="*/ 2035402 w 2278420"/>
                  <a:gd name="connsiteY18" fmla="*/ 108727 h 999024"/>
                  <a:gd name="connsiteX19" fmla="*/ 2128635 w 2278420"/>
                  <a:gd name="connsiteY19" fmla="*/ 59520 h 999024"/>
                  <a:gd name="connsiteX20" fmla="*/ 2212052 w 2278420"/>
                  <a:gd name="connsiteY20" fmla="*/ 0 h 999024"/>
                  <a:gd name="connsiteX21" fmla="*/ 2278420 w 2278420"/>
                  <a:gd name="connsiteY21" fmla="*/ 999024 h 999024"/>
                  <a:gd name="connsiteX22" fmla="*/ 1138444 w 2278420"/>
                  <a:gd name="connsiteY22" fmla="*/ 941478 h 999024"/>
                  <a:gd name="connsiteX23" fmla="*/ 0 w 2278420"/>
                  <a:gd name="connsiteY23" fmla="*/ 965688 h 999024"/>
                  <a:gd name="connsiteX24" fmla="*/ 49746 w 2278420"/>
                  <a:gd name="connsiteY24"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442699 w 2278420"/>
                  <a:gd name="connsiteY3" fmla="*/ 341358 h 999024"/>
                  <a:gd name="connsiteX4" fmla="*/ 512629 w 2278420"/>
                  <a:gd name="connsiteY4" fmla="*/ 372605 h 999024"/>
                  <a:gd name="connsiteX5" fmla="*/ 600625 w 2278420"/>
                  <a:gd name="connsiteY5" fmla="*/ 446786 h 999024"/>
                  <a:gd name="connsiteX6" fmla="*/ 687255 w 2278420"/>
                  <a:gd name="connsiteY6" fmla="*/ 490188 h 999024"/>
                  <a:gd name="connsiteX7" fmla="*/ 743412 w 2278420"/>
                  <a:gd name="connsiteY7" fmla="*/ 488761 h 999024"/>
                  <a:gd name="connsiteX8" fmla="*/ 812881 w 2278420"/>
                  <a:gd name="connsiteY8" fmla="*/ 597601 h 999024"/>
                  <a:gd name="connsiteX9" fmla="*/ 936597 w 2278420"/>
                  <a:gd name="connsiteY9" fmla="*/ 677752 h 999024"/>
                  <a:gd name="connsiteX10" fmla="*/ 1130799 w 2278420"/>
                  <a:gd name="connsiteY10" fmla="*/ 772930 h 999024"/>
                  <a:gd name="connsiteX11" fmla="*/ 1341409 w 2278420"/>
                  <a:gd name="connsiteY11" fmla="*/ 706864 h 999024"/>
                  <a:gd name="connsiteX12" fmla="*/ 1442233 w 2278420"/>
                  <a:gd name="connsiteY12" fmla="*/ 310765 h 999024"/>
                  <a:gd name="connsiteX13" fmla="*/ 1525195 w 2278420"/>
                  <a:gd name="connsiteY13" fmla="*/ 262071 h 999024"/>
                  <a:gd name="connsiteX14" fmla="*/ 1563133 w 2278420"/>
                  <a:gd name="connsiteY14" fmla="*/ 260390 h 999024"/>
                  <a:gd name="connsiteX15" fmla="*/ 1624035 w 2278420"/>
                  <a:gd name="connsiteY15" fmla="*/ 208058 h 999024"/>
                  <a:gd name="connsiteX16" fmla="*/ 1701557 w 2278420"/>
                  <a:gd name="connsiteY16" fmla="*/ 146330 h 999024"/>
                  <a:gd name="connsiteX17" fmla="*/ 1812567 w 2278420"/>
                  <a:gd name="connsiteY17" fmla="*/ 96456 h 999024"/>
                  <a:gd name="connsiteX18" fmla="*/ 2035402 w 2278420"/>
                  <a:gd name="connsiteY18" fmla="*/ 108727 h 999024"/>
                  <a:gd name="connsiteX19" fmla="*/ 2128635 w 2278420"/>
                  <a:gd name="connsiteY19" fmla="*/ 59520 h 999024"/>
                  <a:gd name="connsiteX20" fmla="*/ 2212052 w 2278420"/>
                  <a:gd name="connsiteY20" fmla="*/ 0 h 999024"/>
                  <a:gd name="connsiteX21" fmla="*/ 2278420 w 2278420"/>
                  <a:gd name="connsiteY21" fmla="*/ 999024 h 999024"/>
                  <a:gd name="connsiteX22" fmla="*/ 1138444 w 2278420"/>
                  <a:gd name="connsiteY22" fmla="*/ 941478 h 999024"/>
                  <a:gd name="connsiteX23" fmla="*/ 0 w 2278420"/>
                  <a:gd name="connsiteY23" fmla="*/ 965688 h 999024"/>
                  <a:gd name="connsiteX24" fmla="*/ 49746 w 2278420"/>
                  <a:gd name="connsiteY24"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442699 w 2278420"/>
                  <a:gd name="connsiteY3" fmla="*/ 341358 h 999024"/>
                  <a:gd name="connsiteX4" fmla="*/ 512629 w 2278420"/>
                  <a:gd name="connsiteY4" fmla="*/ 372605 h 999024"/>
                  <a:gd name="connsiteX5" fmla="*/ 600625 w 2278420"/>
                  <a:gd name="connsiteY5" fmla="*/ 446786 h 999024"/>
                  <a:gd name="connsiteX6" fmla="*/ 687255 w 2278420"/>
                  <a:gd name="connsiteY6" fmla="*/ 490188 h 999024"/>
                  <a:gd name="connsiteX7" fmla="*/ 743412 w 2278420"/>
                  <a:gd name="connsiteY7" fmla="*/ 488761 h 999024"/>
                  <a:gd name="connsiteX8" fmla="*/ 812881 w 2278420"/>
                  <a:gd name="connsiteY8" fmla="*/ 597601 h 999024"/>
                  <a:gd name="connsiteX9" fmla="*/ 936597 w 2278420"/>
                  <a:gd name="connsiteY9" fmla="*/ 677752 h 999024"/>
                  <a:gd name="connsiteX10" fmla="*/ 1130799 w 2278420"/>
                  <a:gd name="connsiteY10" fmla="*/ 772930 h 999024"/>
                  <a:gd name="connsiteX11" fmla="*/ 1341409 w 2278420"/>
                  <a:gd name="connsiteY11" fmla="*/ 706864 h 999024"/>
                  <a:gd name="connsiteX12" fmla="*/ 1467545 w 2278420"/>
                  <a:gd name="connsiteY12" fmla="*/ 511160 h 999024"/>
                  <a:gd name="connsiteX13" fmla="*/ 1525195 w 2278420"/>
                  <a:gd name="connsiteY13" fmla="*/ 262071 h 999024"/>
                  <a:gd name="connsiteX14" fmla="*/ 1563133 w 2278420"/>
                  <a:gd name="connsiteY14" fmla="*/ 260390 h 999024"/>
                  <a:gd name="connsiteX15" fmla="*/ 1624035 w 2278420"/>
                  <a:gd name="connsiteY15" fmla="*/ 208058 h 999024"/>
                  <a:gd name="connsiteX16" fmla="*/ 1701557 w 2278420"/>
                  <a:gd name="connsiteY16" fmla="*/ 146330 h 999024"/>
                  <a:gd name="connsiteX17" fmla="*/ 1812567 w 2278420"/>
                  <a:gd name="connsiteY17" fmla="*/ 96456 h 999024"/>
                  <a:gd name="connsiteX18" fmla="*/ 2035402 w 2278420"/>
                  <a:gd name="connsiteY18" fmla="*/ 108727 h 999024"/>
                  <a:gd name="connsiteX19" fmla="*/ 2128635 w 2278420"/>
                  <a:gd name="connsiteY19" fmla="*/ 59520 h 999024"/>
                  <a:gd name="connsiteX20" fmla="*/ 2212052 w 2278420"/>
                  <a:gd name="connsiteY20" fmla="*/ 0 h 999024"/>
                  <a:gd name="connsiteX21" fmla="*/ 2278420 w 2278420"/>
                  <a:gd name="connsiteY21" fmla="*/ 999024 h 999024"/>
                  <a:gd name="connsiteX22" fmla="*/ 1138444 w 2278420"/>
                  <a:gd name="connsiteY22" fmla="*/ 941478 h 999024"/>
                  <a:gd name="connsiteX23" fmla="*/ 0 w 2278420"/>
                  <a:gd name="connsiteY23" fmla="*/ 965688 h 999024"/>
                  <a:gd name="connsiteX24" fmla="*/ 49746 w 2278420"/>
                  <a:gd name="connsiteY24"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442699 w 2278420"/>
                  <a:gd name="connsiteY3" fmla="*/ 341358 h 999024"/>
                  <a:gd name="connsiteX4" fmla="*/ 512629 w 2278420"/>
                  <a:gd name="connsiteY4" fmla="*/ 372605 h 999024"/>
                  <a:gd name="connsiteX5" fmla="*/ 600625 w 2278420"/>
                  <a:gd name="connsiteY5" fmla="*/ 446786 h 999024"/>
                  <a:gd name="connsiteX6" fmla="*/ 687255 w 2278420"/>
                  <a:gd name="connsiteY6" fmla="*/ 490188 h 999024"/>
                  <a:gd name="connsiteX7" fmla="*/ 743412 w 2278420"/>
                  <a:gd name="connsiteY7" fmla="*/ 488761 h 999024"/>
                  <a:gd name="connsiteX8" fmla="*/ 812881 w 2278420"/>
                  <a:gd name="connsiteY8" fmla="*/ 597601 h 999024"/>
                  <a:gd name="connsiteX9" fmla="*/ 936597 w 2278420"/>
                  <a:gd name="connsiteY9" fmla="*/ 677752 h 999024"/>
                  <a:gd name="connsiteX10" fmla="*/ 1130799 w 2278420"/>
                  <a:gd name="connsiteY10" fmla="*/ 772930 h 999024"/>
                  <a:gd name="connsiteX11" fmla="*/ 1341409 w 2278420"/>
                  <a:gd name="connsiteY11" fmla="*/ 706864 h 999024"/>
                  <a:gd name="connsiteX12" fmla="*/ 1407430 w 2278420"/>
                  <a:gd name="connsiteY12" fmla="*/ 583434 h 999024"/>
                  <a:gd name="connsiteX13" fmla="*/ 1525195 w 2278420"/>
                  <a:gd name="connsiteY13" fmla="*/ 262071 h 999024"/>
                  <a:gd name="connsiteX14" fmla="*/ 1563133 w 2278420"/>
                  <a:gd name="connsiteY14" fmla="*/ 260390 h 999024"/>
                  <a:gd name="connsiteX15" fmla="*/ 1624035 w 2278420"/>
                  <a:gd name="connsiteY15" fmla="*/ 208058 h 999024"/>
                  <a:gd name="connsiteX16" fmla="*/ 1701557 w 2278420"/>
                  <a:gd name="connsiteY16" fmla="*/ 146330 h 999024"/>
                  <a:gd name="connsiteX17" fmla="*/ 1812567 w 2278420"/>
                  <a:gd name="connsiteY17" fmla="*/ 96456 h 999024"/>
                  <a:gd name="connsiteX18" fmla="*/ 2035402 w 2278420"/>
                  <a:gd name="connsiteY18" fmla="*/ 108727 h 999024"/>
                  <a:gd name="connsiteX19" fmla="*/ 2128635 w 2278420"/>
                  <a:gd name="connsiteY19" fmla="*/ 59520 h 999024"/>
                  <a:gd name="connsiteX20" fmla="*/ 2212052 w 2278420"/>
                  <a:gd name="connsiteY20" fmla="*/ 0 h 999024"/>
                  <a:gd name="connsiteX21" fmla="*/ 2278420 w 2278420"/>
                  <a:gd name="connsiteY21" fmla="*/ 999024 h 999024"/>
                  <a:gd name="connsiteX22" fmla="*/ 1138444 w 2278420"/>
                  <a:gd name="connsiteY22" fmla="*/ 941478 h 999024"/>
                  <a:gd name="connsiteX23" fmla="*/ 0 w 2278420"/>
                  <a:gd name="connsiteY23" fmla="*/ 965688 h 999024"/>
                  <a:gd name="connsiteX24" fmla="*/ 49746 w 2278420"/>
                  <a:gd name="connsiteY24" fmla="*/ 303234 h 999024"/>
                  <a:gd name="connsiteX0" fmla="*/ 49746 w 2278420"/>
                  <a:gd name="connsiteY0" fmla="*/ 303234 h 999024"/>
                  <a:gd name="connsiteX1" fmla="*/ 244787 w 2278420"/>
                  <a:gd name="connsiteY1" fmla="*/ 389035 h 999024"/>
                  <a:gd name="connsiteX2" fmla="*/ 384129 w 2278420"/>
                  <a:gd name="connsiteY2" fmla="*/ 356900 h 999024"/>
                  <a:gd name="connsiteX3" fmla="*/ 442699 w 2278420"/>
                  <a:gd name="connsiteY3" fmla="*/ 341358 h 999024"/>
                  <a:gd name="connsiteX4" fmla="*/ 512629 w 2278420"/>
                  <a:gd name="connsiteY4" fmla="*/ 372605 h 999024"/>
                  <a:gd name="connsiteX5" fmla="*/ 600625 w 2278420"/>
                  <a:gd name="connsiteY5" fmla="*/ 446786 h 999024"/>
                  <a:gd name="connsiteX6" fmla="*/ 687255 w 2278420"/>
                  <a:gd name="connsiteY6" fmla="*/ 490188 h 999024"/>
                  <a:gd name="connsiteX7" fmla="*/ 743412 w 2278420"/>
                  <a:gd name="connsiteY7" fmla="*/ 488761 h 999024"/>
                  <a:gd name="connsiteX8" fmla="*/ 812881 w 2278420"/>
                  <a:gd name="connsiteY8" fmla="*/ 597601 h 999024"/>
                  <a:gd name="connsiteX9" fmla="*/ 936597 w 2278420"/>
                  <a:gd name="connsiteY9" fmla="*/ 677752 h 999024"/>
                  <a:gd name="connsiteX10" fmla="*/ 1130799 w 2278420"/>
                  <a:gd name="connsiteY10" fmla="*/ 772930 h 999024"/>
                  <a:gd name="connsiteX11" fmla="*/ 1341409 w 2278420"/>
                  <a:gd name="connsiteY11" fmla="*/ 706864 h 999024"/>
                  <a:gd name="connsiteX12" fmla="*/ 1407430 w 2278420"/>
                  <a:gd name="connsiteY12" fmla="*/ 583434 h 999024"/>
                  <a:gd name="connsiteX13" fmla="*/ 1496719 w 2278420"/>
                  <a:gd name="connsiteY13" fmla="*/ 492033 h 999024"/>
                  <a:gd name="connsiteX14" fmla="*/ 1563133 w 2278420"/>
                  <a:gd name="connsiteY14" fmla="*/ 260390 h 999024"/>
                  <a:gd name="connsiteX15" fmla="*/ 1624035 w 2278420"/>
                  <a:gd name="connsiteY15" fmla="*/ 208058 h 999024"/>
                  <a:gd name="connsiteX16" fmla="*/ 1701557 w 2278420"/>
                  <a:gd name="connsiteY16" fmla="*/ 146330 h 999024"/>
                  <a:gd name="connsiteX17" fmla="*/ 1812567 w 2278420"/>
                  <a:gd name="connsiteY17" fmla="*/ 96456 h 999024"/>
                  <a:gd name="connsiteX18" fmla="*/ 2035402 w 2278420"/>
                  <a:gd name="connsiteY18" fmla="*/ 108727 h 999024"/>
                  <a:gd name="connsiteX19" fmla="*/ 2128635 w 2278420"/>
                  <a:gd name="connsiteY19" fmla="*/ 59520 h 999024"/>
                  <a:gd name="connsiteX20" fmla="*/ 2212052 w 2278420"/>
                  <a:gd name="connsiteY20" fmla="*/ 0 h 999024"/>
                  <a:gd name="connsiteX21" fmla="*/ 2278420 w 2278420"/>
                  <a:gd name="connsiteY21" fmla="*/ 999024 h 999024"/>
                  <a:gd name="connsiteX22" fmla="*/ 1138444 w 2278420"/>
                  <a:gd name="connsiteY22" fmla="*/ 941478 h 999024"/>
                  <a:gd name="connsiteX23" fmla="*/ 0 w 2278420"/>
                  <a:gd name="connsiteY23" fmla="*/ 965688 h 999024"/>
                  <a:gd name="connsiteX24" fmla="*/ 49746 w 2278420"/>
                  <a:gd name="connsiteY24" fmla="*/ 303234 h 999024"/>
                  <a:gd name="connsiteX0" fmla="*/ 49746 w 2278420"/>
                  <a:gd name="connsiteY0" fmla="*/ 243714 h 939504"/>
                  <a:gd name="connsiteX1" fmla="*/ 244787 w 2278420"/>
                  <a:gd name="connsiteY1" fmla="*/ 329515 h 939504"/>
                  <a:gd name="connsiteX2" fmla="*/ 384129 w 2278420"/>
                  <a:gd name="connsiteY2" fmla="*/ 297380 h 939504"/>
                  <a:gd name="connsiteX3" fmla="*/ 442699 w 2278420"/>
                  <a:gd name="connsiteY3" fmla="*/ 281838 h 939504"/>
                  <a:gd name="connsiteX4" fmla="*/ 512629 w 2278420"/>
                  <a:gd name="connsiteY4" fmla="*/ 313085 h 939504"/>
                  <a:gd name="connsiteX5" fmla="*/ 600625 w 2278420"/>
                  <a:gd name="connsiteY5" fmla="*/ 387266 h 939504"/>
                  <a:gd name="connsiteX6" fmla="*/ 687255 w 2278420"/>
                  <a:gd name="connsiteY6" fmla="*/ 430668 h 939504"/>
                  <a:gd name="connsiteX7" fmla="*/ 743412 w 2278420"/>
                  <a:gd name="connsiteY7" fmla="*/ 429241 h 939504"/>
                  <a:gd name="connsiteX8" fmla="*/ 812881 w 2278420"/>
                  <a:gd name="connsiteY8" fmla="*/ 538081 h 939504"/>
                  <a:gd name="connsiteX9" fmla="*/ 936597 w 2278420"/>
                  <a:gd name="connsiteY9" fmla="*/ 618232 h 939504"/>
                  <a:gd name="connsiteX10" fmla="*/ 1130799 w 2278420"/>
                  <a:gd name="connsiteY10" fmla="*/ 713410 h 939504"/>
                  <a:gd name="connsiteX11" fmla="*/ 1341409 w 2278420"/>
                  <a:gd name="connsiteY11" fmla="*/ 647344 h 939504"/>
                  <a:gd name="connsiteX12" fmla="*/ 1407430 w 2278420"/>
                  <a:gd name="connsiteY12" fmla="*/ 523914 h 939504"/>
                  <a:gd name="connsiteX13" fmla="*/ 1496719 w 2278420"/>
                  <a:gd name="connsiteY13" fmla="*/ 432513 h 939504"/>
                  <a:gd name="connsiteX14" fmla="*/ 1563133 w 2278420"/>
                  <a:gd name="connsiteY14" fmla="*/ 200870 h 939504"/>
                  <a:gd name="connsiteX15" fmla="*/ 1624035 w 2278420"/>
                  <a:gd name="connsiteY15" fmla="*/ 148538 h 939504"/>
                  <a:gd name="connsiteX16" fmla="*/ 1701557 w 2278420"/>
                  <a:gd name="connsiteY16" fmla="*/ 86810 h 939504"/>
                  <a:gd name="connsiteX17" fmla="*/ 1812567 w 2278420"/>
                  <a:gd name="connsiteY17" fmla="*/ 36936 h 939504"/>
                  <a:gd name="connsiteX18" fmla="*/ 2035402 w 2278420"/>
                  <a:gd name="connsiteY18" fmla="*/ 49207 h 939504"/>
                  <a:gd name="connsiteX19" fmla="*/ 2128635 w 2278420"/>
                  <a:gd name="connsiteY19" fmla="*/ 0 h 939504"/>
                  <a:gd name="connsiteX20" fmla="*/ 2234199 w 2278420"/>
                  <a:gd name="connsiteY20" fmla="*/ 242715 h 939504"/>
                  <a:gd name="connsiteX21" fmla="*/ 2278420 w 2278420"/>
                  <a:gd name="connsiteY21" fmla="*/ 939504 h 939504"/>
                  <a:gd name="connsiteX22" fmla="*/ 1138444 w 2278420"/>
                  <a:gd name="connsiteY22" fmla="*/ 881958 h 939504"/>
                  <a:gd name="connsiteX23" fmla="*/ 0 w 2278420"/>
                  <a:gd name="connsiteY23" fmla="*/ 906168 h 939504"/>
                  <a:gd name="connsiteX24" fmla="*/ 49746 w 2278420"/>
                  <a:gd name="connsiteY24" fmla="*/ 243714 h 939504"/>
                  <a:gd name="connsiteX0" fmla="*/ 49746 w 2278420"/>
                  <a:gd name="connsiteY0" fmla="*/ 206778 h 902568"/>
                  <a:gd name="connsiteX1" fmla="*/ 244787 w 2278420"/>
                  <a:gd name="connsiteY1" fmla="*/ 292579 h 902568"/>
                  <a:gd name="connsiteX2" fmla="*/ 384129 w 2278420"/>
                  <a:gd name="connsiteY2" fmla="*/ 260444 h 902568"/>
                  <a:gd name="connsiteX3" fmla="*/ 442699 w 2278420"/>
                  <a:gd name="connsiteY3" fmla="*/ 244902 h 902568"/>
                  <a:gd name="connsiteX4" fmla="*/ 512629 w 2278420"/>
                  <a:gd name="connsiteY4" fmla="*/ 276149 h 902568"/>
                  <a:gd name="connsiteX5" fmla="*/ 600625 w 2278420"/>
                  <a:gd name="connsiteY5" fmla="*/ 350330 h 902568"/>
                  <a:gd name="connsiteX6" fmla="*/ 687255 w 2278420"/>
                  <a:gd name="connsiteY6" fmla="*/ 393732 h 902568"/>
                  <a:gd name="connsiteX7" fmla="*/ 743412 w 2278420"/>
                  <a:gd name="connsiteY7" fmla="*/ 392305 h 902568"/>
                  <a:gd name="connsiteX8" fmla="*/ 812881 w 2278420"/>
                  <a:gd name="connsiteY8" fmla="*/ 501145 h 902568"/>
                  <a:gd name="connsiteX9" fmla="*/ 936597 w 2278420"/>
                  <a:gd name="connsiteY9" fmla="*/ 581296 h 902568"/>
                  <a:gd name="connsiteX10" fmla="*/ 1130799 w 2278420"/>
                  <a:gd name="connsiteY10" fmla="*/ 676474 h 902568"/>
                  <a:gd name="connsiteX11" fmla="*/ 1341409 w 2278420"/>
                  <a:gd name="connsiteY11" fmla="*/ 610408 h 902568"/>
                  <a:gd name="connsiteX12" fmla="*/ 1407430 w 2278420"/>
                  <a:gd name="connsiteY12" fmla="*/ 486978 h 902568"/>
                  <a:gd name="connsiteX13" fmla="*/ 1496719 w 2278420"/>
                  <a:gd name="connsiteY13" fmla="*/ 395577 h 902568"/>
                  <a:gd name="connsiteX14" fmla="*/ 1563133 w 2278420"/>
                  <a:gd name="connsiteY14" fmla="*/ 163934 h 902568"/>
                  <a:gd name="connsiteX15" fmla="*/ 1624035 w 2278420"/>
                  <a:gd name="connsiteY15" fmla="*/ 111602 h 902568"/>
                  <a:gd name="connsiteX16" fmla="*/ 1701557 w 2278420"/>
                  <a:gd name="connsiteY16" fmla="*/ 49874 h 902568"/>
                  <a:gd name="connsiteX17" fmla="*/ 1812567 w 2278420"/>
                  <a:gd name="connsiteY17" fmla="*/ 0 h 902568"/>
                  <a:gd name="connsiteX18" fmla="*/ 2035402 w 2278420"/>
                  <a:gd name="connsiteY18" fmla="*/ 12271 h 902568"/>
                  <a:gd name="connsiteX19" fmla="*/ 2096996 w 2278420"/>
                  <a:gd name="connsiteY19" fmla="*/ 278439 h 902568"/>
                  <a:gd name="connsiteX20" fmla="*/ 2234199 w 2278420"/>
                  <a:gd name="connsiteY20" fmla="*/ 205779 h 902568"/>
                  <a:gd name="connsiteX21" fmla="*/ 2278420 w 2278420"/>
                  <a:gd name="connsiteY21" fmla="*/ 902568 h 902568"/>
                  <a:gd name="connsiteX22" fmla="*/ 1138444 w 2278420"/>
                  <a:gd name="connsiteY22" fmla="*/ 845022 h 902568"/>
                  <a:gd name="connsiteX23" fmla="*/ 0 w 2278420"/>
                  <a:gd name="connsiteY23" fmla="*/ 869232 h 902568"/>
                  <a:gd name="connsiteX24" fmla="*/ 49746 w 2278420"/>
                  <a:gd name="connsiteY24" fmla="*/ 206778 h 902568"/>
                  <a:gd name="connsiteX0" fmla="*/ 49746 w 2278420"/>
                  <a:gd name="connsiteY0" fmla="*/ 206778 h 902568"/>
                  <a:gd name="connsiteX1" fmla="*/ 244787 w 2278420"/>
                  <a:gd name="connsiteY1" fmla="*/ 292579 h 902568"/>
                  <a:gd name="connsiteX2" fmla="*/ 384129 w 2278420"/>
                  <a:gd name="connsiteY2" fmla="*/ 260444 h 902568"/>
                  <a:gd name="connsiteX3" fmla="*/ 442699 w 2278420"/>
                  <a:gd name="connsiteY3" fmla="*/ 244902 h 902568"/>
                  <a:gd name="connsiteX4" fmla="*/ 512629 w 2278420"/>
                  <a:gd name="connsiteY4" fmla="*/ 276149 h 902568"/>
                  <a:gd name="connsiteX5" fmla="*/ 600625 w 2278420"/>
                  <a:gd name="connsiteY5" fmla="*/ 350330 h 902568"/>
                  <a:gd name="connsiteX6" fmla="*/ 687255 w 2278420"/>
                  <a:gd name="connsiteY6" fmla="*/ 393732 h 902568"/>
                  <a:gd name="connsiteX7" fmla="*/ 743412 w 2278420"/>
                  <a:gd name="connsiteY7" fmla="*/ 392305 h 902568"/>
                  <a:gd name="connsiteX8" fmla="*/ 812881 w 2278420"/>
                  <a:gd name="connsiteY8" fmla="*/ 501145 h 902568"/>
                  <a:gd name="connsiteX9" fmla="*/ 936597 w 2278420"/>
                  <a:gd name="connsiteY9" fmla="*/ 581296 h 902568"/>
                  <a:gd name="connsiteX10" fmla="*/ 1130799 w 2278420"/>
                  <a:gd name="connsiteY10" fmla="*/ 676474 h 902568"/>
                  <a:gd name="connsiteX11" fmla="*/ 1341409 w 2278420"/>
                  <a:gd name="connsiteY11" fmla="*/ 610408 h 902568"/>
                  <a:gd name="connsiteX12" fmla="*/ 1407430 w 2278420"/>
                  <a:gd name="connsiteY12" fmla="*/ 486978 h 902568"/>
                  <a:gd name="connsiteX13" fmla="*/ 1496719 w 2278420"/>
                  <a:gd name="connsiteY13" fmla="*/ 395577 h 902568"/>
                  <a:gd name="connsiteX14" fmla="*/ 1563133 w 2278420"/>
                  <a:gd name="connsiteY14" fmla="*/ 163934 h 902568"/>
                  <a:gd name="connsiteX15" fmla="*/ 1624035 w 2278420"/>
                  <a:gd name="connsiteY15" fmla="*/ 111602 h 902568"/>
                  <a:gd name="connsiteX16" fmla="*/ 1701557 w 2278420"/>
                  <a:gd name="connsiteY16" fmla="*/ 49874 h 902568"/>
                  <a:gd name="connsiteX17" fmla="*/ 1812567 w 2278420"/>
                  <a:gd name="connsiteY17" fmla="*/ 0 h 902568"/>
                  <a:gd name="connsiteX18" fmla="*/ 1912008 w 2278420"/>
                  <a:gd name="connsiteY18" fmla="*/ 275084 h 902568"/>
                  <a:gd name="connsiteX19" fmla="*/ 2096996 w 2278420"/>
                  <a:gd name="connsiteY19" fmla="*/ 278439 h 902568"/>
                  <a:gd name="connsiteX20" fmla="*/ 2234199 w 2278420"/>
                  <a:gd name="connsiteY20" fmla="*/ 205779 h 902568"/>
                  <a:gd name="connsiteX21" fmla="*/ 2278420 w 2278420"/>
                  <a:gd name="connsiteY21" fmla="*/ 902568 h 902568"/>
                  <a:gd name="connsiteX22" fmla="*/ 1138444 w 2278420"/>
                  <a:gd name="connsiteY22" fmla="*/ 845022 h 902568"/>
                  <a:gd name="connsiteX23" fmla="*/ 0 w 2278420"/>
                  <a:gd name="connsiteY23" fmla="*/ 869232 h 902568"/>
                  <a:gd name="connsiteX24" fmla="*/ 49746 w 2278420"/>
                  <a:gd name="connsiteY24" fmla="*/ 206778 h 902568"/>
                  <a:gd name="connsiteX0" fmla="*/ 49746 w 2278420"/>
                  <a:gd name="connsiteY0" fmla="*/ 159027 h 854817"/>
                  <a:gd name="connsiteX1" fmla="*/ 244787 w 2278420"/>
                  <a:gd name="connsiteY1" fmla="*/ 244828 h 854817"/>
                  <a:gd name="connsiteX2" fmla="*/ 384129 w 2278420"/>
                  <a:gd name="connsiteY2" fmla="*/ 212693 h 854817"/>
                  <a:gd name="connsiteX3" fmla="*/ 442699 w 2278420"/>
                  <a:gd name="connsiteY3" fmla="*/ 197151 h 854817"/>
                  <a:gd name="connsiteX4" fmla="*/ 512629 w 2278420"/>
                  <a:gd name="connsiteY4" fmla="*/ 228398 h 854817"/>
                  <a:gd name="connsiteX5" fmla="*/ 600625 w 2278420"/>
                  <a:gd name="connsiteY5" fmla="*/ 302579 h 854817"/>
                  <a:gd name="connsiteX6" fmla="*/ 687255 w 2278420"/>
                  <a:gd name="connsiteY6" fmla="*/ 345981 h 854817"/>
                  <a:gd name="connsiteX7" fmla="*/ 743412 w 2278420"/>
                  <a:gd name="connsiteY7" fmla="*/ 344554 h 854817"/>
                  <a:gd name="connsiteX8" fmla="*/ 812881 w 2278420"/>
                  <a:gd name="connsiteY8" fmla="*/ 453394 h 854817"/>
                  <a:gd name="connsiteX9" fmla="*/ 936597 w 2278420"/>
                  <a:gd name="connsiteY9" fmla="*/ 533545 h 854817"/>
                  <a:gd name="connsiteX10" fmla="*/ 1130799 w 2278420"/>
                  <a:gd name="connsiteY10" fmla="*/ 628723 h 854817"/>
                  <a:gd name="connsiteX11" fmla="*/ 1341409 w 2278420"/>
                  <a:gd name="connsiteY11" fmla="*/ 562657 h 854817"/>
                  <a:gd name="connsiteX12" fmla="*/ 1407430 w 2278420"/>
                  <a:gd name="connsiteY12" fmla="*/ 439227 h 854817"/>
                  <a:gd name="connsiteX13" fmla="*/ 1496719 w 2278420"/>
                  <a:gd name="connsiteY13" fmla="*/ 347826 h 854817"/>
                  <a:gd name="connsiteX14" fmla="*/ 1563133 w 2278420"/>
                  <a:gd name="connsiteY14" fmla="*/ 116183 h 854817"/>
                  <a:gd name="connsiteX15" fmla="*/ 1624035 w 2278420"/>
                  <a:gd name="connsiteY15" fmla="*/ 63851 h 854817"/>
                  <a:gd name="connsiteX16" fmla="*/ 1701557 w 2278420"/>
                  <a:gd name="connsiteY16" fmla="*/ 2123 h 854817"/>
                  <a:gd name="connsiteX17" fmla="*/ 1777764 w 2278420"/>
                  <a:gd name="connsiteY17" fmla="*/ 146074 h 854817"/>
                  <a:gd name="connsiteX18" fmla="*/ 1912008 w 2278420"/>
                  <a:gd name="connsiteY18" fmla="*/ 227333 h 854817"/>
                  <a:gd name="connsiteX19" fmla="*/ 2096996 w 2278420"/>
                  <a:gd name="connsiteY19" fmla="*/ 230688 h 854817"/>
                  <a:gd name="connsiteX20" fmla="*/ 2234199 w 2278420"/>
                  <a:gd name="connsiteY20" fmla="*/ 158028 h 854817"/>
                  <a:gd name="connsiteX21" fmla="*/ 2278420 w 2278420"/>
                  <a:gd name="connsiteY21" fmla="*/ 854817 h 854817"/>
                  <a:gd name="connsiteX22" fmla="*/ 1138444 w 2278420"/>
                  <a:gd name="connsiteY22" fmla="*/ 797271 h 854817"/>
                  <a:gd name="connsiteX23" fmla="*/ 0 w 2278420"/>
                  <a:gd name="connsiteY23" fmla="*/ 821481 h 854817"/>
                  <a:gd name="connsiteX24" fmla="*/ 49746 w 2278420"/>
                  <a:gd name="connsiteY24" fmla="*/ 159027 h 854817"/>
                  <a:gd name="connsiteX0" fmla="*/ 49746 w 2278420"/>
                  <a:gd name="connsiteY0" fmla="*/ 96770 h 792560"/>
                  <a:gd name="connsiteX1" fmla="*/ 244787 w 2278420"/>
                  <a:gd name="connsiteY1" fmla="*/ 182571 h 792560"/>
                  <a:gd name="connsiteX2" fmla="*/ 384129 w 2278420"/>
                  <a:gd name="connsiteY2" fmla="*/ 150436 h 792560"/>
                  <a:gd name="connsiteX3" fmla="*/ 442699 w 2278420"/>
                  <a:gd name="connsiteY3" fmla="*/ 134894 h 792560"/>
                  <a:gd name="connsiteX4" fmla="*/ 512629 w 2278420"/>
                  <a:gd name="connsiteY4" fmla="*/ 166141 h 792560"/>
                  <a:gd name="connsiteX5" fmla="*/ 600625 w 2278420"/>
                  <a:gd name="connsiteY5" fmla="*/ 240322 h 792560"/>
                  <a:gd name="connsiteX6" fmla="*/ 687255 w 2278420"/>
                  <a:gd name="connsiteY6" fmla="*/ 283724 h 792560"/>
                  <a:gd name="connsiteX7" fmla="*/ 743412 w 2278420"/>
                  <a:gd name="connsiteY7" fmla="*/ 282297 h 792560"/>
                  <a:gd name="connsiteX8" fmla="*/ 812881 w 2278420"/>
                  <a:gd name="connsiteY8" fmla="*/ 391137 h 792560"/>
                  <a:gd name="connsiteX9" fmla="*/ 936597 w 2278420"/>
                  <a:gd name="connsiteY9" fmla="*/ 471288 h 792560"/>
                  <a:gd name="connsiteX10" fmla="*/ 1130799 w 2278420"/>
                  <a:gd name="connsiteY10" fmla="*/ 566466 h 792560"/>
                  <a:gd name="connsiteX11" fmla="*/ 1341409 w 2278420"/>
                  <a:gd name="connsiteY11" fmla="*/ 500400 h 792560"/>
                  <a:gd name="connsiteX12" fmla="*/ 1407430 w 2278420"/>
                  <a:gd name="connsiteY12" fmla="*/ 376970 h 792560"/>
                  <a:gd name="connsiteX13" fmla="*/ 1496719 w 2278420"/>
                  <a:gd name="connsiteY13" fmla="*/ 285569 h 792560"/>
                  <a:gd name="connsiteX14" fmla="*/ 1563133 w 2278420"/>
                  <a:gd name="connsiteY14" fmla="*/ 53926 h 792560"/>
                  <a:gd name="connsiteX15" fmla="*/ 1624035 w 2278420"/>
                  <a:gd name="connsiteY15" fmla="*/ 1594 h 792560"/>
                  <a:gd name="connsiteX16" fmla="*/ 1733197 w 2278420"/>
                  <a:gd name="connsiteY16" fmla="*/ 153402 h 792560"/>
                  <a:gd name="connsiteX17" fmla="*/ 1777764 w 2278420"/>
                  <a:gd name="connsiteY17" fmla="*/ 83817 h 792560"/>
                  <a:gd name="connsiteX18" fmla="*/ 1912008 w 2278420"/>
                  <a:gd name="connsiteY18" fmla="*/ 165076 h 792560"/>
                  <a:gd name="connsiteX19" fmla="*/ 2096996 w 2278420"/>
                  <a:gd name="connsiteY19" fmla="*/ 168431 h 792560"/>
                  <a:gd name="connsiteX20" fmla="*/ 2234199 w 2278420"/>
                  <a:gd name="connsiteY20" fmla="*/ 95771 h 792560"/>
                  <a:gd name="connsiteX21" fmla="*/ 2278420 w 2278420"/>
                  <a:gd name="connsiteY21" fmla="*/ 792560 h 792560"/>
                  <a:gd name="connsiteX22" fmla="*/ 1138444 w 2278420"/>
                  <a:gd name="connsiteY22" fmla="*/ 735014 h 792560"/>
                  <a:gd name="connsiteX23" fmla="*/ 0 w 2278420"/>
                  <a:gd name="connsiteY23" fmla="*/ 759224 h 792560"/>
                  <a:gd name="connsiteX24" fmla="*/ 49746 w 2278420"/>
                  <a:gd name="connsiteY24" fmla="*/ 96770 h 792560"/>
                  <a:gd name="connsiteX0" fmla="*/ 49746 w 2278420"/>
                  <a:gd name="connsiteY0" fmla="*/ 43030 h 738820"/>
                  <a:gd name="connsiteX1" fmla="*/ 244787 w 2278420"/>
                  <a:gd name="connsiteY1" fmla="*/ 128831 h 738820"/>
                  <a:gd name="connsiteX2" fmla="*/ 384129 w 2278420"/>
                  <a:gd name="connsiteY2" fmla="*/ 96696 h 738820"/>
                  <a:gd name="connsiteX3" fmla="*/ 442699 w 2278420"/>
                  <a:gd name="connsiteY3" fmla="*/ 81154 h 738820"/>
                  <a:gd name="connsiteX4" fmla="*/ 512629 w 2278420"/>
                  <a:gd name="connsiteY4" fmla="*/ 112401 h 738820"/>
                  <a:gd name="connsiteX5" fmla="*/ 600625 w 2278420"/>
                  <a:gd name="connsiteY5" fmla="*/ 186582 h 738820"/>
                  <a:gd name="connsiteX6" fmla="*/ 687255 w 2278420"/>
                  <a:gd name="connsiteY6" fmla="*/ 229984 h 738820"/>
                  <a:gd name="connsiteX7" fmla="*/ 743412 w 2278420"/>
                  <a:gd name="connsiteY7" fmla="*/ 228557 h 738820"/>
                  <a:gd name="connsiteX8" fmla="*/ 812881 w 2278420"/>
                  <a:gd name="connsiteY8" fmla="*/ 337397 h 738820"/>
                  <a:gd name="connsiteX9" fmla="*/ 936597 w 2278420"/>
                  <a:gd name="connsiteY9" fmla="*/ 417548 h 738820"/>
                  <a:gd name="connsiteX10" fmla="*/ 1130799 w 2278420"/>
                  <a:gd name="connsiteY10" fmla="*/ 512726 h 738820"/>
                  <a:gd name="connsiteX11" fmla="*/ 1341409 w 2278420"/>
                  <a:gd name="connsiteY11" fmla="*/ 446660 h 738820"/>
                  <a:gd name="connsiteX12" fmla="*/ 1407430 w 2278420"/>
                  <a:gd name="connsiteY12" fmla="*/ 323230 h 738820"/>
                  <a:gd name="connsiteX13" fmla="*/ 1496719 w 2278420"/>
                  <a:gd name="connsiteY13" fmla="*/ 231829 h 738820"/>
                  <a:gd name="connsiteX14" fmla="*/ 1563133 w 2278420"/>
                  <a:gd name="connsiteY14" fmla="*/ 186 h 738820"/>
                  <a:gd name="connsiteX15" fmla="*/ 1671494 w 2278420"/>
                  <a:gd name="connsiteY15" fmla="*/ 187672 h 738820"/>
                  <a:gd name="connsiteX16" fmla="*/ 1733197 w 2278420"/>
                  <a:gd name="connsiteY16" fmla="*/ 99662 h 738820"/>
                  <a:gd name="connsiteX17" fmla="*/ 1777764 w 2278420"/>
                  <a:gd name="connsiteY17" fmla="*/ 30077 h 738820"/>
                  <a:gd name="connsiteX18" fmla="*/ 1912008 w 2278420"/>
                  <a:gd name="connsiteY18" fmla="*/ 111336 h 738820"/>
                  <a:gd name="connsiteX19" fmla="*/ 2096996 w 2278420"/>
                  <a:gd name="connsiteY19" fmla="*/ 114691 h 738820"/>
                  <a:gd name="connsiteX20" fmla="*/ 2234199 w 2278420"/>
                  <a:gd name="connsiteY20" fmla="*/ 42031 h 738820"/>
                  <a:gd name="connsiteX21" fmla="*/ 2278420 w 2278420"/>
                  <a:gd name="connsiteY21" fmla="*/ 738820 h 738820"/>
                  <a:gd name="connsiteX22" fmla="*/ 1138444 w 2278420"/>
                  <a:gd name="connsiteY22" fmla="*/ 681274 h 738820"/>
                  <a:gd name="connsiteX23" fmla="*/ 0 w 2278420"/>
                  <a:gd name="connsiteY23" fmla="*/ 705484 h 738820"/>
                  <a:gd name="connsiteX24" fmla="*/ 49746 w 2278420"/>
                  <a:gd name="connsiteY24" fmla="*/ 43030 h 738820"/>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12008 w 2278420"/>
                  <a:gd name="connsiteY18" fmla="*/ 81259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12008 w 2278420"/>
                  <a:gd name="connsiteY18" fmla="*/ 81259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12008 w 2278420"/>
                  <a:gd name="connsiteY18" fmla="*/ 81259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4664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4664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96719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07430 w 2278420"/>
                  <a:gd name="connsiteY12" fmla="*/ 293153 h 708743"/>
                  <a:gd name="connsiteX13" fmla="*/ 1477735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10594 w 2278420"/>
                  <a:gd name="connsiteY12" fmla="*/ 299722 h 708743"/>
                  <a:gd name="connsiteX13" fmla="*/ 1477735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10594 w 2278420"/>
                  <a:gd name="connsiteY12" fmla="*/ 299722 h 708743"/>
                  <a:gd name="connsiteX13" fmla="*/ 1477735 w 2278420"/>
                  <a:gd name="connsiteY13" fmla="*/ 201752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41409 w 2278420"/>
                  <a:gd name="connsiteY11" fmla="*/ 41658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25589 w 2278420"/>
                  <a:gd name="connsiteY11" fmla="*/ 42315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16097 w 2278420"/>
                  <a:gd name="connsiteY11" fmla="*/ 42315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38444 w 2278420"/>
                  <a:gd name="connsiteY22" fmla="*/ 65119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16097 w 2278420"/>
                  <a:gd name="connsiteY11" fmla="*/ 42315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22625 w 2278420"/>
                  <a:gd name="connsiteY22" fmla="*/ 657767 h 708743"/>
                  <a:gd name="connsiteX23" fmla="*/ 0 w 2278420"/>
                  <a:gd name="connsiteY23" fmla="*/ 675407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12629 w 2278420"/>
                  <a:gd name="connsiteY4" fmla="*/ 82324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16097 w 2278420"/>
                  <a:gd name="connsiteY11" fmla="*/ 42315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22625 w 2278420"/>
                  <a:gd name="connsiteY22" fmla="*/ 657767 h 708743"/>
                  <a:gd name="connsiteX23" fmla="*/ 0 w 2278420"/>
                  <a:gd name="connsiteY23" fmla="*/ 678552 h 708743"/>
                  <a:gd name="connsiteX24" fmla="*/ 49746 w 2278420"/>
                  <a:gd name="connsiteY24" fmla="*/ 12953 h 708743"/>
                  <a:gd name="connsiteX0" fmla="*/ 49746 w 2278420"/>
                  <a:gd name="connsiteY0" fmla="*/ 12953 h 708743"/>
                  <a:gd name="connsiteX1" fmla="*/ 244787 w 2278420"/>
                  <a:gd name="connsiteY1" fmla="*/ 98754 h 708743"/>
                  <a:gd name="connsiteX2" fmla="*/ 384129 w 2278420"/>
                  <a:gd name="connsiteY2" fmla="*/ 66619 h 708743"/>
                  <a:gd name="connsiteX3" fmla="*/ 442699 w 2278420"/>
                  <a:gd name="connsiteY3" fmla="*/ 51077 h 708743"/>
                  <a:gd name="connsiteX4" fmla="*/ 536856 w 2278420"/>
                  <a:gd name="connsiteY4" fmla="*/ 94902 h 708743"/>
                  <a:gd name="connsiteX5" fmla="*/ 600625 w 2278420"/>
                  <a:gd name="connsiteY5" fmla="*/ 156505 h 708743"/>
                  <a:gd name="connsiteX6" fmla="*/ 687255 w 2278420"/>
                  <a:gd name="connsiteY6" fmla="*/ 199907 h 708743"/>
                  <a:gd name="connsiteX7" fmla="*/ 743412 w 2278420"/>
                  <a:gd name="connsiteY7" fmla="*/ 198480 h 708743"/>
                  <a:gd name="connsiteX8" fmla="*/ 812881 w 2278420"/>
                  <a:gd name="connsiteY8" fmla="*/ 307320 h 708743"/>
                  <a:gd name="connsiteX9" fmla="*/ 936597 w 2278420"/>
                  <a:gd name="connsiteY9" fmla="*/ 387471 h 708743"/>
                  <a:gd name="connsiteX10" fmla="*/ 1130799 w 2278420"/>
                  <a:gd name="connsiteY10" fmla="*/ 482649 h 708743"/>
                  <a:gd name="connsiteX11" fmla="*/ 1316097 w 2278420"/>
                  <a:gd name="connsiteY11" fmla="*/ 423153 h 708743"/>
                  <a:gd name="connsiteX12" fmla="*/ 1410594 w 2278420"/>
                  <a:gd name="connsiteY12" fmla="*/ 299722 h 708743"/>
                  <a:gd name="connsiteX13" fmla="*/ 1477735 w 2278420"/>
                  <a:gd name="connsiteY13" fmla="*/ 205037 h 708743"/>
                  <a:gd name="connsiteX14" fmla="*/ 1588444 w 2278420"/>
                  <a:gd name="connsiteY14" fmla="*/ 196785 h 708743"/>
                  <a:gd name="connsiteX15" fmla="*/ 1671494 w 2278420"/>
                  <a:gd name="connsiteY15" fmla="*/ 157595 h 708743"/>
                  <a:gd name="connsiteX16" fmla="*/ 1733197 w 2278420"/>
                  <a:gd name="connsiteY16" fmla="*/ 69585 h 708743"/>
                  <a:gd name="connsiteX17" fmla="*/ 1777764 w 2278420"/>
                  <a:gd name="connsiteY17" fmla="*/ 0 h 708743"/>
                  <a:gd name="connsiteX18" fmla="*/ 1927828 w 2278420"/>
                  <a:gd name="connsiteY18" fmla="*/ 94400 h 708743"/>
                  <a:gd name="connsiteX19" fmla="*/ 2096996 w 2278420"/>
                  <a:gd name="connsiteY19" fmla="*/ 84614 h 708743"/>
                  <a:gd name="connsiteX20" fmla="*/ 2234199 w 2278420"/>
                  <a:gd name="connsiteY20" fmla="*/ 11954 h 708743"/>
                  <a:gd name="connsiteX21" fmla="*/ 2278420 w 2278420"/>
                  <a:gd name="connsiteY21" fmla="*/ 708743 h 708743"/>
                  <a:gd name="connsiteX22" fmla="*/ 1122625 w 2278420"/>
                  <a:gd name="connsiteY22" fmla="*/ 657767 h 708743"/>
                  <a:gd name="connsiteX23" fmla="*/ 0 w 2278420"/>
                  <a:gd name="connsiteY23" fmla="*/ 678552 h 708743"/>
                  <a:gd name="connsiteX24" fmla="*/ 49746 w 2278420"/>
                  <a:gd name="connsiteY24" fmla="*/ 12953 h 7087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278420" h="708743">
                    <a:moveTo>
                      <a:pt x="49746" y="12953"/>
                    </a:moveTo>
                    <a:cubicBezTo>
                      <a:pt x="99945" y="34779"/>
                      <a:pt x="189056" y="89810"/>
                      <a:pt x="244787" y="98754"/>
                    </a:cubicBezTo>
                    <a:cubicBezTo>
                      <a:pt x="300518" y="107698"/>
                      <a:pt x="351144" y="74565"/>
                      <a:pt x="384129" y="66619"/>
                    </a:cubicBezTo>
                    <a:cubicBezTo>
                      <a:pt x="417114" y="58673"/>
                      <a:pt x="421282" y="48460"/>
                      <a:pt x="442699" y="51077"/>
                    </a:cubicBezTo>
                    <a:cubicBezTo>
                      <a:pt x="464116" y="53694"/>
                      <a:pt x="510535" y="77331"/>
                      <a:pt x="536856" y="94902"/>
                    </a:cubicBezTo>
                    <a:cubicBezTo>
                      <a:pt x="563177" y="112473"/>
                      <a:pt x="566247" y="168664"/>
                      <a:pt x="600625" y="156505"/>
                    </a:cubicBezTo>
                    <a:cubicBezTo>
                      <a:pt x="631839" y="187053"/>
                      <a:pt x="663457" y="192911"/>
                      <a:pt x="687255" y="199907"/>
                    </a:cubicBezTo>
                    <a:cubicBezTo>
                      <a:pt x="711053" y="206903"/>
                      <a:pt x="722474" y="180578"/>
                      <a:pt x="743412" y="198480"/>
                    </a:cubicBezTo>
                    <a:cubicBezTo>
                      <a:pt x="764350" y="216382"/>
                      <a:pt x="780684" y="275822"/>
                      <a:pt x="812881" y="307320"/>
                    </a:cubicBezTo>
                    <a:cubicBezTo>
                      <a:pt x="845078" y="338818"/>
                      <a:pt x="883611" y="358250"/>
                      <a:pt x="936597" y="387471"/>
                    </a:cubicBezTo>
                    <a:cubicBezTo>
                      <a:pt x="989583" y="416693"/>
                      <a:pt x="1067458" y="480744"/>
                      <a:pt x="1130799" y="482649"/>
                    </a:cubicBezTo>
                    <a:cubicBezTo>
                      <a:pt x="1201342" y="463051"/>
                      <a:pt x="1255047" y="449320"/>
                      <a:pt x="1316097" y="423153"/>
                    </a:cubicBezTo>
                    <a:cubicBezTo>
                      <a:pt x="1354072" y="384090"/>
                      <a:pt x="1393632" y="334721"/>
                      <a:pt x="1410594" y="299722"/>
                    </a:cubicBezTo>
                    <a:cubicBezTo>
                      <a:pt x="1446417" y="254534"/>
                      <a:pt x="1457585" y="213433"/>
                      <a:pt x="1477735" y="205037"/>
                    </a:cubicBezTo>
                    <a:cubicBezTo>
                      <a:pt x="1497885" y="196641"/>
                      <a:pt x="1556151" y="204692"/>
                      <a:pt x="1588444" y="196785"/>
                    </a:cubicBezTo>
                    <a:cubicBezTo>
                      <a:pt x="1620737" y="188878"/>
                      <a:pt x="1648423" y="176605"/>
                      <a:pt x="1671494" y="157595"/>
                    </a:cubicBezTo>
                    <a:cubicBezTo>
                      <a:pt x="1694565" y="138585"/>
                      <a:pt x="1715485" y="95851"/>
                      <a:pt x="1733197" y="69585"/>
                    </a:cubicBezTo>
                    <a:cubicBezTo>
                      <a:pt x="1750909" y="43319"/>
                      <a:pt x="1755111" y="26756"/>
                      <a:pt x="1777764" y="0"/>
                    </a:cubicBezTo>
                    <a:cubicBezTo>
                      <a:pt x="1835866" y="29708"/>
                      <a:pt x="1869633" y="67759"/>
                      <a:pt x="1927828" y="94400"/>
                    </a:cubicBezTo>
                    <a:cubicBezTo>
                      <a:pt x="1984217" y="94107"/>
                      <a:pt x="2065918" y="104617"/>
                      <a:pt x="2096996" y="84614"/>
                    </a:cubicBezTo>
                    <a:lnTo>
                      <a:pt x="2234199" y="11954"/>
                    </a:lnTo>
                    <a:lnTo>
                      <a:pt x="2278420" y="708743"/>
                    </a:lnTo>
                    <a:lnTo>
                      <a:pt x="1122625" y="657767"/>
                    </a:lnTo>
                    <a:lnTo>
                      <a:pt x="0" y="678552"/>
                    </a:lnTo>
                    <a:lnTo>
                      <a:pt x="49746" y="12953"/>
                    </a:lnTo>
                    <a:close/>
                  </a:path>
                </a:pathLst>
              </a:custGeom>
              <a:solidFill>
                <a:srgbClr val="0D6591">
                  <a:alpha val="47059"/>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1" name="Lyseblåt felt">
                <a:extLst>
                  <a:ext uri="{FF2B5EF4-FFF2-40B4-BE49-F238E27FC236}">
                    <a16:creationId xmlns:a16="http://schemas.microsoft.com/office/drawing/2014/main" id="{A2446284-429C-4EBD-9755-9FDE9E1A1418}"/>
                  </a:ext>
                </a:extLst>
              </p:cNvPr>
              <p:cNvSpPr/>
              <p:nvPr/>
            </p:nvSpPr>
            <p:spPr>
              <a:xfrm>
                <a:off x="2947010" y="3664591"/>
                <a:ext cx="3291836" cy="1016459"/>
              </a:xfrm>
              <a:custGeom>
                <a:avLst/>
                <a:gdLst>
                  <a:gd name="connsiteX0" fmla="*/ 7200 w 3081600"/>
                  <a:gd name="connsiteY0" fmla="*/ 7200 h 1051200"/>
                  <a:gd name="connsiteX1" fmla="*/ 1555200 w 3081600"/>
                  <a:gd name="connsiteY1" fmla="*/ 716400 h 1051200"/>
                  <a:gd name="connsiteX2" fmla="*/ 3074400 w 3081600"/>
                  <a:gd name="connsiteY2" fmla="*/ 0 h 1051200"/>
                  <a:gd name="connsiteX3" fmla="*/ 3081600 w 3081600"/>
                  <a:gd name="connsiteY3" fmla="*/ 331200 h 1051200"/>
                  <a:gd name="connsiteX4" fmla="*/ 1558800 w 3081600"/>
                  <a:gd name="connsiteY4" fmla="*/ 1051200 h 1051200"/>
                  <a:gd name="connsiteX5" fmla="*/ 0 w 3081600"/>
                  <a:gd name="connsiteY5" fmla="*/ 316800 h 1051200"/>
                  <a:gd name="connsiteX6" fmla="*/ 7200 w 3081600"/>
                  <a:gd name="connsiteY6" fmla="*/ 7200 h 1051200"/>
                  <a:gd name="connsiteX0" fmla="*/ 18000 w 3092400"/>
                  <a:gd name="connsiteY0" fmla="*/ 7200 h 1051200"/>
                  <a:gd name="connsiteX1" fmla="*/ 1566000 w 3092400"/>
                  <a:gd name="connsiteY1" fmla="*/ 716400 h 1051200"/>
                  <a:gd name="connsiteX2" fmla="*/ 3085200 w 3092400"/>
                  <a:gd name="connsiteY2" fmla="*/ 0 h 1051200"/>
                  <a:gd name="connsiteX3" fmla="*/ 3092400 w 3092400"/>
                  <a:gd name="connsiteY3" fmla="*/ 331200 h 1051200"/>
                  <a:gd name="connsiteX4" fmla="*/ 1569600 w 3092400"/>
                  <a:gd name="connsiteY4" fmla="*/ 1051200 h 1051200"/>
                  <a:gd name="connsiteX5" fmla="*/ 10800 w 3092400"/>
                  <a:gd name="connsiteY5" fmla="*/ 316800 h 1051200"/>
                  <a:gd name="connsiteX6" fmla="*/ 0 w 3092400"/>
                  <a:gd name="connsiteY6" fmla="*/ 176400 h 1051200"/>
                  <a:gd name="connsiteX7" fmla="*/ 18000 w 3092400"/>
                  <a:gd name="connsiteY7" fmla="*/ 7200 h 1051200"/>
                  <a:gd name="connsiteX0" fmla="*/ 18000 w 3092400"/>
                  <a:gd name="connsiteY0" fmla="*/ 7200 h 1051200"/>
                  <a:gd name="connsiteX1" fmla="*/ 1566000 w 3092400"/>
                  <a:gd name="connsiteY1" fmla="*/ 716400 h 1051200"/>
                  <a:gd name="connsiteX2" fmla="*/ 3085200 w 3092400"/>
                  <a:gd name="connsiteY2" fmla="*/ 0 h 1051200"/>
                  <a:gd name="connsiteX3" fmla="*/ 3092400 w 3092400"/>
                  <a:gd name="connsiteY3" fmla="*/ 172800 h 1051200"/>
                  <a:gd name="connsiteX4" fmla="*/ 3092400 w 3092400"/>
                  <a:gd name="connsiteY4" fmla="*/ 331200 h 1051200"/>
                  <a:gd name="connsiteX5" fmla="*/ 1569600 w 3092400"/>
                  <a:gd name="connsiteY5" fmla="*/ 1051200 h 1051200"/>
                  <a:gd name="connsiteX6" fmla="*/ 10800 w 3092400"/>
                  <a:gd name="connsiteY6" fmla="*/ 316800 h 1051200"/>
                  <a:gd name="connsiteX7" fmla="*/ 0 w 3092400"/>
                  <a:gd name="connsiteY7" fmla="*/ 176400 h 1051200"/>
                  <a:gd name="connsiteX8" fmla="*/ 18000 w 3092400"/>
                  <a:gd name="connsiteY8" fmla="*/ 7200 h 1051200"/>
                  <a:gd name="connsiteX0" fmla="*/ 18000 w 3092400"/>
                  <a:gd name="connsiteY0" fmla="*/ 7200 h 1051200"/>
                  <a:gd name="connsiteX1" fmla="*/ 1548855 w 3092400"/>
                  <a:gd name="connsiteY1" fmla="*/ 787838 h 1051200"/>
                  <a:gd name="connsiteX2" fmla="*/ 3085200 w 3092400"/>
                  <a:gd name="connsiteY2" fmla="*/ 0 h 1051200"/>
                  <a:gd name="connsiteX3" fmla="*/ 3092400 w 3092400"/>
                  <a:gd name="connsiteY3" fmla="*/ 172800 h 1051200"/>
                  <a:gd name="connsiteX4" fmla="*/ 3092400 w 3092400"/>
                  <a:gd name="connsiteY4" fmla="*/ 331200 h 1051200"/>
                  <a:gd name="connsiteX5" fmla="*/ 1569600 w 3092400"/>
                  <a:gd name="connsiteY5" fmla="*/ 1051200 h 1051200"/>
                  <a:gd name="connsiteX6" fmla="*/ 10800 w 3092400"/>
                  <a:gd name="connsiteY6" fmla="*/ 316800 h 1051200"/>
                  <a:gd name="connsiteX7" fmla="*/ 0 w 3092400"/>
                  <a:gd name="connsiteY7" fmla="*/ 176400 h 1051200"/>
                  <a:gd name="connsiteX8" fmla="*/ 18000 w 3092400"/>
                  <a:gd name="connsiteY8" fmla="*/ 7200 h 1051200"/>
                  <a:gd name="connsiteX0" fmla="*/ 41490 w 3115890"/>
                  <a:gd name="connsiteY0" fmla="*/ 7200 h 1051200"/>
                  <a:gd name="connsiteX1" fmla="*/ 1572345 w 3115890"/>
                  <a:gd name="connsiteY1" fmla="*/ 787838 h 1051200"/>
                  <a:gd name="connsiteX2" fmla="*/ 3108690 w 3115890"/>
                  <a:gd name="connsiteY2" fmla="*/ 0 h 1051200"/>
                  <a:gd name="connsiteX3" fmla="*/ 3115890 w 3115890"/>
                  <a:gd name="connsiteY3" fmla="*/ 172800 h 1051200"/>
                  <a:gd name="connsiteX4" fmla="*/ 3115890 w 3115890"/>
                  <a:gd name="connsiteY4" fmla="*/ 331200 h 1051200"/>
                  <a:gd name="connsiteX5" fmla="*/ 1593090 w 3115890"/>
                  <a:gd name="connsiteY5" fmla="*/ 1051200 h 1051200"/>
                  <a:gd name="connsiteX6" fmla="*/ 0 w 3115890"/>
                  <a:gd name="connsiteY6" fmla="*/ 325373 h 1051200"/>
                  <a:gd name="connsiteX7" fmla="*/ 23490 w 3115890"/>
                  <a:gd name="connsiteY7" fmla="*/ 176400 h 1051200"/>
                  <a:gd name="connsiteX8" fmla="*/ 41490 w 3115890"/>
                  <a:gd name="connsiteY8" fmla="*/ 7200 h 1051200"/>
                  <a:gd name="connsiteX0" fmla="*/ 0 w 3120120"/>
                  <a:gd name="connsiteY0" fmla="*/ 27203 h 1051200"/>
                  <a:gd name="connsiteX1" fmla="*/ 1576575 w 3120120"/>
                  <a:gd name="connsiteY1" fmla="*/ 787838 h 1051200"/>
                  <a:gd name="connsiteX2" fmla="*/ 3112920 w 3120120"/>
                  <a:gd name="connsiteY2" fmla="*/ 0 h 1051200"/>
                  <a:gd name="connsiteX3" fmla="*/ 3120120 w 3120120"/>
                  <a:gd name="connsiteY3" fmla="*/ 172800 h 1051200"/>
                  <a:gd name="connsiteX4" fmla="*/ 3120120 w 3120120"/>
                  <a:gd name="connsiteY4" fmla="*/ 331200 h 1051200"/>
                  <a:gd name="connsiteX5" fmla="*/ 1597320 w 3120120"/>
                  <a:gd name="connsiteY5" fmla="*/ 1051200 h 1051200"/>
                  <a:gd name="connsiteX6" fmla="*/ 4230 w 3120120"/>
                  <a:gd name="connsiteY6" fmla="*/ 325373 h 1051200"/>
                  <a:gd name="connsiteX7" fmla="*/ 27720 w 3120120"/>
                  <a:gd name="connsiteY7" fmla="*/ 176400 h 1051200"/>
                  <a:gd name="connsiteX8" fmla="*/ 0 w 3120120"/>
                  <a:gd name="connsiteY8" fmla="*/ 27203 h 1051200"/>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1626750 w 3149550"/>
                  <a:gd name="connsiteY5" fmla="*/ 1051200 h 1051200"/>
                  <a:gd name="connsiteX6" fmla="*/ 33660 w 3149550"/>
                  <a:gd name="connsiteY6" fmla="*/ 325373 h 1051200"/>
                  <a:gd name="connsiteX7" fmla="*/ 0 w 3149550"/>
                  <a:gd name="connsiteY7" fmla="*/ 187830 h 1051200"/>
                  <a:gd name="connsiteX8" fmla="*/ 29430 w 3149550"/>
                  <a:gd name="connsiteY8" fmla="*/ 27203 h 1051200"/>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1626750 w 3149550"/>
                  <a:gd name="connsiteY5" fmla="*/ 1051200 h 1051200"/>
                  <a:gd name="connsiteX6" fmla="*/ 278168 w 3149550"/>
                  <a:gd name="connsiteY6" fmla="*/ 327127 h 1051200"/>
                  <a:gd name="connsiteX7" fmla="*/ 33660 w 3149550"/>
                  <a:gd name="connsiteY7" fmla="*/ 325373 h 1051200"/>
                  <a:gd name="connsiteX8" fmla="*/ 0 w 3149550"/>
                  <a:gd name="connsiteY8" fmla="*/ 187830 h 1051200"/>
                  <a:gd name="connsiteX9" fmla="*/ 29430 w 3149550"/>
                  <a:gd name="connsiteY9" fmla="*/ 27203 h 1051200"/>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1626750 w 3149550"/>
                  <a:gd name="connsiteY5" fmla="*/ 1051200 h 1051200"/>
                  <a:gd name="connsiteX6" fmla="*/ 278168 w 3149550"/>
                  <a:gd name="connsiteY6" fmla="*/ 327127 h 1051200"/>
                  <a:gd name="connsiteX7" fmla="*/ 149580 w 3149550"/>
                  <a:gd name="connsiteY7" fmla="*/ 287122 h 1051200"/>
                  <a:gd name="connsiteX8" fmla="*/ 33660 w 3149550"/>
                  <a:gd name="connsiteY8" fmla="*/ 325373 h 1051200"/>
                  <a:gd name="connsiteX9" fmla="*/ 0 w 3149550"/>
                  <a:gd name="connsiteY9" fmla="*/ 187830 h 1051200"/>
                  <a:gd name="connsiteX10" fmla="*/ 29430 w 3149550"/>
                  <a:gd name="connsiteY10" fmla="*/ 27203 h 1051200"/>
                  <a:gd name="connsiteX0" fmla="*/ 29430 w 3149550"/>
                  <a:gd name="connsiteY0" fmla="*/ 27203 h 1051859"/>
                  <a:gd name="connsiteX1" fmla="*/ 1606005 w 3149550"/>
                  <a:gd name="connsiteY1" fmla="*/ 787838 h 1051859"/>
                  <a:gd name="connsiteX2" fmla="*/ 3142350 w 3149550"/>
                  <a:gd name="connsiteY2" fmla="*/ 0 h 1051859"/>
                  <a:gd name="connsiteX3" fmla="*/ 3149550 w 3149550"/>
                  <a:gd name="connsiteY3" fmla="*/ 172800 h 1051859"/>
                  <a:gd name="connsiteX4" fmla="*/ 3149550 w 3149550"/>
                  <a:gd name="connsiteY4" fmla="*/ 331200 h 1051859"/>
                  <a:gd name="connsiteX5" fmla="*/ 1626750 w 3149550"/>
                  <a:gd name="connsiteY5" fmla="*/ 1051200 h 1051859"/>
                  <a:gd name="connsiteX6" fmla="*/ 469620 w 3149550"/>
                  <a:gd name="connsiteY6" fmla="*/ 578587 h 1051859"/>
                  <a:gd name="connsiteX7" fmla="*/ 278168 w 3149550"/>
                  <a:gd name="connsiteY7" fmla="*/ 327127 h 1051859"/>
                  <a:gd name="connsiteX8" fmla="*/ 149580 w 3149550"/>
                  <a:gd name="connsiteY8" fmla="*/ 287122 h 1051859"/>
                  <a:gd name="connsiteX9" fmla="*/ 33660 w 3149550"/>
                  <a:gd name="connsiteY9" fmla="*/ 325373 h 1051859"/>
                  <a:gd name="connsiteX10" fmla="*/ 0 w 3149550"/>
                  <a:gd name="connsiteY10" fmla="*/ 187830 h 1051859"/>
                  <a:gd name="connsiteX11" fmla="*/ 29430 w 3149550"/>
                  <a:gd name="connsiteY11" fmla="*/ 27203 h 1051859"/>
                  <a:gd name="connsiteX0" fmla="*/ 29430 w 3149550"/>
                  <a:gd name="connsiteY0" fmla="*/ 27203 h 1051859"/>
                  <a:gd name="connsiteX1" fmla="*/ 1606005 w 3149550"/>
                  <a:gd name="connsiteY1" fmla="*/ 787838 h 1051859"/>
                  <a:gd name="connsiteX2" fmla="*/ 3142350 w 3149550"/>
                  <a:gd name="connsiteY2" fmla="*/ 0 h 1051859"/>
                  <a:gd name="connsiteX3" fmla="*/ 3149550 w 3149550"/>
                  <a:gd name="connsiteY3" fmla="*/ 172800 h 1051859"/>
                  <a:gd name="connsiteX4" fmla="*/ 3149550 w 3149550"/>
                  <a:gd name="connsiteY4" fmla="*/ 331200 h 1051859"/>
                  <a:gd name="connsiteX5" fmla="*/ 1626750 w 3149550"/>
                  <a:gd name="connsiteY5" fmla="*/ 1051200 h 1051859"/>
                  <a:gd name="connsiteX6" fmla="*/ 469620 w 3149550"/>
                  <a:gd name="connsiteY6" fmla="*/ 578587 h 1051859"/>
                  <a:gd name="connsiteX7" fmla="*/ 309600 w 3149550"/>
                  <a:gd name="connsiteY7" fmla="*/ 387134 h 1051859"/>
                  <a:gd name="connsiteX8" fmla="*/ 278168 w 3149550"/>
                  <a:gd name="connsiteY8" fmla="*/ 327127 h 1051859"/>
                  <a:gd name="connsiteX9" fmla="*/ 149580 w 3149550"/>
                  <a:gd name="connsiteY9" fmla="*/ 287122 h 1051859"/>
                  <a:gd name="connsiteX10" fmla="*/ 33660 w 3149550"/>
                  <a:gd name="connsiteY10" fmla="*/ 325373 h 1051859"/>
                  <a:gd name="connsiteX11" fmla="*/ 0 w 3149550"/>
                  <a:gd name="connsiteY11" fmla="*/ 187830 h 1051859"/>
                  <a:gd name="connsiteX12" fmla="*/ 29430 w 3149550"/>
                  <a:gd name="connsiteY12" fmla="*/ 27203 h 1051859"/>
                  <a:gd name="connsiteX0" fmla="*/ 29430 w 3149550"/>
                  <a:gd name="connsiteY0" fmla="*/ 27203 h 1051859"/>
                  <a:gd name="connsiteX1" fmla="*/ 1606005 w 3149550"/>
                  <a:gd name="connsiteY1" fmla="*/ 787838 h 1051859"/>
                  <a:gd name="connsiteX2" fmla="*/ 3142350 w 3149550"/>
                  <a:gd name="connsiteY2" fmla="*/ 0 h 1051859"/>
                  <a:gd name="connsiteX3" fmla="*/ 3149550 w 3149550"/>
                  <a:gd name="connsiteY3" fmla="*/ 172800 h 1051859"/>
                  <a:gd name="connsiteX4" fmla="*/ 3149550 w 3149550"/>
                  <a:gd name="connsiteY4" fmla="*/ 331200 h 1051859"/>
                  <a:gd name="connsiteX5" fmla="*/ 1626750 w 3149550"/>
                  <a:gd name="connsiteY5" fmla="*/ 1051200 h 1051859"/>
                  <a:gd name="connsiteX6" fmla="*/ 469620 w 3149550"/>
                  <a:gd name="connsiteY6" fmla="*/ 578587 h 1051859"/>
                  <a:gd name="connsiteX7" fmla="*/ 366750 w 3149550"/>
                  <a:gd name="connsiteY7" fmla="*/ 507149 h 1051859"/>
                  <a:gd name="connsiteX8" fmla="*/ 309600 w 3149550"/>
                  <a:gd name="connsiteY8" fmla="*/ 387134 h 1051859"/>
                  <a:gd name="connsiteX9" fmla="*/ 278168 w 3149550"/>
                  <a:gd name="connsiteY9" fmla="*/ 327127 h 1051859"/>
                  <a:gd name="connsiteX10" fmla="*/ 149580 w 3149550"/>
                  <a:gd name="connsiteY10" fmla="*/ 287122 h 1051859"/>
                  <a:gd name="connsiteX11" fmla="*/ 33660 w 3149550"/>
                  <a:gd name="connsiteY11" fmla="*/ 325373 h 1051859"/>
                  <a:gd name="connsiteX12" fmla="*/ 0 w 3149550"/>
                  <a:gd name="connsiteY12" fmla="*/ 187830 h 1051859"/>
                  <a:gd name="connsiteX13" fmla="*/ 29430 w 3149550"/>
                  <a:gd name="connsiteY13" fmla="*/ 27203 h 1051859"/>
                  <a:gd name="connsiteX0" fmla="*/ 29430 w 3149550"/>
                  <a:gd name="connsiteY0" fmla="*/ 27203 h 1061291"/>
                  <a:gd name="connsiteX1" fmla="*/ 1606005 w 3149550"/>
                  <a:gd name="connsiteY1" fmla="*/ 787838 h 1061291"/>
                  <a:gd name="connsiteX2" fmla="*/ 3142350 w 3149550"/>
                  <a:gd name="connsiteY2" fmla="*/ 0 h 1061291"/>
                  <a:gd name="connsiteX3" fmla="*/ 3149550 w 3149550"/>
                  <a:gd name="connsiteY3" fmla="*/ 172800 h 1061291"/>
                  <a:gd name="connsiteX4" fmla="*/ 3149550 w 3149550"/>
                  <a:gd name="connsiteY4" fmla="*/ 331200 h 1061291"/>
                  <a:gd name="connsiteX5" fmla="*/ 1626750 w 3149550"/>
                  <a:gd name="connsiteY5" fmla="*/ 1051200 h 1061291"/>
                  <a:gd name="connsiteX6" fmla="*/ 932535 w 3149550"/>
                  <a:gd name="connsiteY6" fmla="*/ 630022 h 1061291"/>
                  <a:gd name="connsiteX7" fmla="*/ 469620 w 3149550"/>
                  <a:gd name="connsiteY7" fmla="*/ 578587 h 1061291"/>
                  <a:gd name="connsiteX8" fmla="*/ 366750 w 3149550"/>
                  <a:gd name="connsiteY8" fmla="*/ 507149 h 1061291"/>
                  <a:gd name="connsiteX9" fmla="*/ 309600 w 3149550"/>
                  <a:gd name="connsiteY9" fmla="*/ 387134 h 1061291"/>
                  <a:gd name="connsiteX10" fmla="*/ 278168 w 3149550"/>
                  <a:gd name="connsiteY10" fmla="*/ 327127 h 1061291"/>
                  <a:gd name="connsiteX11" fmla="*/ 149580 w 3149550"/>
                  <a:gd name="connsiteY11" fmla="*/ 287122 h 1061291"/>
                  <a:gd name="connsiteX12" fmla="*/ 33660 w 3149550"/>
                  <a:gd name="connsiteY12" fmla="*/ 325373 h 1061291"/>
                  <a:gd name="connsiteX13" fmla="*/ 0 w 3149550"/>
                  <a:gd name="connsiteY13" fmla="*/ 187830 h 1061291"/>
                  <a:gd name="connsiteX14" fmla="*/ 29430 w 3149550"/>
                  <a:gd name="connsiteY14" fmla="*/ 27203 h 1061291"/>
                  <a:gd name="connsiteX0" fmla="*/ 29430 w 3149550"/>
                  <a:gd name="connsiteY0" fmla="*/ 27203 h 1061291"/>
                  <a:gd name="connsiteX1" fmla="*/ 1606005 w 3149550"/>
                  <a:gd name="connsiteY1" fmla="*/ 787838 h 1061291"/>
                  <a:gd name="connsiteX2" fmla="*/ 3142350 w 3149550"/>
                  <a:gd name="connsiteY2" fmla="*/ 0 h 1061291"/>
                  <a:gd name="connsiteX3" fmla="*/ 3149550 w 3149550"/>
                  <a:gd name="connsiteY3" fmla="*/ 172800 h 1061291"/>
                  <a:gd name="connsiteX4" fmla="*/ 3149550 w 3149550"/>
                  <a:gd name="connsiteY4" fmla="*/ 331200 h 1061291"/>
                  <a:gd name="connsiteX5" fmla="*/ 1626750 w 3149550"/>
                  <a:gd name="connsiteY5" fmla="*/ 1051200 h 1061291"/>
                  <a:gd name="connsiteX6" fmla="*/ 932535 w 3149550"/>
                  <a:gd name="connsiteY6" fmla="*/ 630022 h 1061291"/>
                  <a:gd name="connsiteX7" fmla="*/ 712508 w 3149550"/>
                  <a:gd name="connsiteY7" fmla="*/ 655739 h 1061291"/>
                  <a:gd name="connsiteX8" fmla="*/ 469620 w 3149550"/>
                  <a:gd name="connsiteY8" fmla="*/ 578587 h 1061291"/>
                  <a:gd name="connsiteX9" fmla="*/ 366750 w 3149550"/>
                  <a:gd name="connsiteY9" fmla="*/ 507149 h 1061291"/>
                  <a:gd name="connsiteX10" fmla="*/ 309600 w 3149550"/>
                  <a:gd name="connsiteY10" fmla="*/ 387134 h 1061291"/>
                  <a:gd name="connsiteX11" fmla="*/ 278168 w 3149550"/>
                  <a:gd name="connsiteY11" fmla="*/ 327127 h 1061291"/>
                  <a:gd name="connsiteX12" fmla="*/ 149580 w 3149550"/>
                  <a:gd name="connsiteY12" fmla="*/ 287122 h 1061291"/>
                  <a:gd name="connsiteX13" fmla="*/ 33660 w 3149550"/>
                  <a:gd name="connsiteY13" fmla="*/ 325373 h 1061291"/>
                  <a:gd name="connsiteX14" fmla="*/ 0 w 3149550"/>
                  <a:gd name="connsiteY14" fmla="*/ 187830 h 1061291"/>
                  <a:gd name="connsiteX15" fmla="*/ 29430 w 3149550"/>
                  <a:gd name="connsiteY15" fmla="*/ 27203 h 1061291"/>
                  <a:gd name="connsiteX0" fmla="*/ 29430 w 3149550"/>
                  <a:gd name="connsiteY0" fmla="*/ 27203 h 1061291"/>
                  <a:gd name="connsiteX1" fmla="*/ 1606005 w 3149550"/>
                  <a:gd name="connsiteY1" fmla="*/ 787838 h 1061291"/>
                  <a:gd name="connsiteX2" fmla="*/ 3142350 w 3149550"/>
                  <a:gd name="connsiteY2" fmla="*/ 0 h 1061291"/>
                  <a:gd name="connsiteX3" fmla="*/ 3149550 w 3149550"/>
                  <a:gd name="connsiteY3" fmla="*/ 172800 h 1061291"/>
                  <a:gd name="connsiteX4" fmla="*/ 3149550 w 3149550"/>
                  <a:gd name="connsiteY4" fmla="*/ 331200 h 1061291"/>
                  <a:gd name="connsiteX5" fmla="*/ 1626750 w 3149550"/>
                  <a:gd name="connsiteY5" fmla="*/ 1051200 h 1061291"/>
                  <a:gd name="connsiteX6" fmla="*/ 932535 w 3149550"/>
                  <a:gd name="connsiteY6" fmla="*/ 630022 h 1061291"/>
                  <a:gd name="connsiteX7" fmla="*/ 712508 w 3149550"/>
                  <a:gd name="connsiteY7" fmla="*/ 655739 h 1061291"/>
                  <a:gd name="connsiteX8" fmla="*/ 563918 w 3149550"/>
                  <a:gd name="connsiteY8" fmla="*/ 627164 h 1061291"/>
                  <a:gd name="connsiteX9" fmla="*/ 469620 w 3149550"/>
                  <a:gd name="connsiteY9" fmla="*/ 578587 h 1061291"/>
                  <a:gd name="connsiteX10" fmla="*/ 366750 w 3149550"/>
                  <a:gd name="connsiteY10" fmla="*/ 507149 h 1061291"/>
                  <a:gd name="connsiteX11" fmla="*/ 309600 w 3149550"/>
                  <a:gd name="connsiteY11" fmla="*/ 387134 h 1061291"/>
                  <a:gd name="connsiteX12" fmla="*/ 278168 w 3149550"/>
                  <a:gd name="connsiteY12" fmla="*/ 327127 h 1061291"/>
                  <a:gd name="connsiteX13" fmla="*/ 149580 w 3149550"/>
                  <a:gd name="connsiteY13" fmla="*/ 287122 h 1061291"/>
                  <a:gd name="connsiteX14" fmla="*/ 33660 w 3149550"/>
                  <a:gd name="connsiteY14" fmla="*/ 325373 h 1061291"/>
                  <a:gd name="connsiteX15" fmla="*/ 0 w 3149550"/>
                  <a:gd name="connsiteY15" fmla="*/ 187830 h 1061291"/>
                  <a:gd name="connsiteX16" fmla="*/ 29430 w 3149550"/>
                  <a:gd name="connsiteY16" fmla="*/ 27203 h 1061291"/>
                  <a:gd name="connsiteX0" fmla="*/ 29430 w 3149550"/>
                  <a:gd name="connsiteY0" fmla="*/ 27203 h 1061291"/>
                  <a:gd name="connsiteX1" fmla="*/ 1606005 w 3149550"/>
                  <a:gd name="connsiteY1" fmla="*/ 787838 h 1061291"/>
                  <a:gd name="connsiteX2" fmla="*/ 3142350 w 3149550"/>
                  <a:gd name="connsiteY2" fmla="*/ 0 h 1061291"/>
                  <a:gd name="connsiteX3" fmla="*/ 3149550 w 3149550"/>
                  <a:gd name="connsiteY3" fmla="*/ 172800 h 1061291"/>
                  <a:gd name="connsiteX4" fmla="*/ 3149550 w 3149550"/>
                  <a:gd name="connsiteY4" fmla="*/ 331200 h 1061291"/>
                  <a:gd name="connsiteX5" fmla="*/ 1626750 w 3149550"/>
                  <a:gd name="connsiteY5" fmla="*/ 1051200 h 1061291"/>
                  <a:gd name="connsiteX6" fmla="*/ 932535 w 3149550"/>
                  <a:gd name="connsiteY6" fmla="*/ 630022 h 1061291"/>
                  <a:gd name="connsiteX7" fmla="*/ 826808 w 3149550"/>
                  <a:gd name="connsiteY7" fmla="*/ 612877 h 1061291"/>
                  <a:gd name="connsiteX8" fmla="*/ 712508 w 3149550"/>
                  <a:gd name="connsiteY8" fmla="*/ 655739 h 1061291"/>
                  <a:gd name="connsiteX9" fmla="*/ 563918 w 3149550"/>
                  <a:gd name="connsiteY9" fmla="*/ 627164 h 1061291"/>
                  <a:gd name="connsiteX10" fmla="*/ 469620 w 3149550"/>
                  <a:gd name="connsiteY10" fmla="*/ 578587 h 1061291"/>
                  <a:gd name="connsiteX11" fmla="*/ 366750 w 3149550"/>
                  <a:gd name="connsiteY11" fmla="*/ 507149 h 1061291"/>
                  <a:gd name="connsiteX12" fmla="*/ 309600 w 3149550"/>
                  <a:gd name="connsiteY12" fmla="*/ 387134 h 1061291"/>
                  <a:gd name="connsiteX13" fmla="*/ 278168 w 3149550"/>
                  <a:gd name="connsiteY13" fmla="*/ 327127 h 1061291"/>
                  <a:gd name="connsiteX14" fmla="*/ 149580 w 3149550"/>
                  <a:gd name="connsiteY14" fmla="*/ 287122 h 1061291"/>
                  <a:gd name="connsiteX15" fmla="*/ 33660 w 3149550"/>
                  <a:gd name="connsiteY15" fmla="*/ 325373 h 1061291"/>
                  <a:gd name="connsiteX16" fmla="*/ 0 w 3149550"/>
                  <a:gd name="connsiteY16" fmla="*/ 187830 h 1061291"/>
                  <a:gd name="connsiteX17" fmla="*/ 29430 w 3149550"/>
                  <a:gd name="connsiteY17" fmla="*/ 27203 h 1061291"/>
                  <a:gd name="connsiteX0" fmla="*/ 29430 w 3149550"/>
                  <a:gd name="connsiteY0" fmla="*/ 27203 h 1065512"/>
                  <a:gd name="connsiteX1" fmla="*/ 1606005 w 3149550"/>
                  <a:gd name="connsiteY1" fmla="*/ 787838 h 1065512"/>
                  <a:gd name="connsiteX2" fmla="*/ 3142350 w 3149550"/>
                  <a:gd name="connsiteY2" fmla="*/ 0 h 1065512"/>
                  <a:gd name="connsiteX3" fmla="*/ 3149550 w 3149550"/>
                  <a:gd name="connsiteY3" fmla="*/ 172800 h 1065512"/>
                  <a:gd name="connsiteX4" fmla="*/ 3149550 w 3149550"/>
                  <a:gd name="connsiteY4" fmla="*/ 331200 h 1065512"/>
                  <a:gd name="connsiteX5" fmla="*/ 1626750 w 3149550"/>
                  <a:gd name="connsiteY5" fmla="*/ 1051200 h 1065512"/>
                  <a:gd name="connsiteX6" fmla="*/ 1201140 w 3149550"/>
                  <a:gd name="connsiteY6" fmla="*/ 764324 h 1065512"/>
                  <a:gd name="connsiteX7" fmla="*/ 932535 w 3149550"/>
                  <a:gd name="connsiteY7" fmla="*/ 630022 h 1065512"/>
                  <a:gd name="connsiteX8" fmla="*/ 826808 w 3149550"/>
                  <a:gd name="connsiteY8" fmla="*/ 612877 h 1065512"/>
                  <a:gd name="connsiteX9" fmla="*/ 712508 w 3149550"/>
                  <a:gd name="connsiteY9" fmla="*/ 655739 h 1065512"/>
                  <a:gd name="connsiteX10" fmla="*/ 563918 w 3149550"/>
                  <a:gd name="connsiteY10" fmla="*/ 627164 h 1065512"/>
                  <a:gd name="connsiteX11" fmla="*/ 469620 w 3149550"/>
                  <a:gd name="connsiteY11" fmla="*/ 578587 h 1065512"/>
                  <a:gd name="connsiteX12" fmla="*/ 366750 w 3149550"/>
                  <a:gd name="connsiteY12" fmla="*/ 507149 h 1065512"/>
                  <a:gd name="connsiteX13" fmla="*/ 309600 w 3149550"/>
                  <a:gd name="connsiteY13" fmla="*/ 387134 h 1065512"/>
                  <a:gd name="connsiteX14" fmla="*/ 278168 w 3149550"/>
                  <a:gd name="connsiteY14" fmla="*/ 327127 h 1065512"/>
                  <a:gd name="connsiteX15" fmla="*/ 149580 w 3149550"/>
                  <a:gd name="connsiteY15" fmla="*/ 287122 h 1065512"/>
                  <a:gd name="connsiteX16" fmla="*/ 33660 w 3149550"/>
                  <a:gd name="connsiteY16" fmla="*/ 325373 h 1065512"/>
                  <a:gd name="connsiteX17" fmla="*/ 0 w 3149550"/>
                  <a:gd name="connsiteY17" fmla="*/ 187830 h 1065512"/>
                  <a:gd name="connsiteX18" fmla="*/ 29430 w 3149550"/>
                  <a:gd name="connsiteY18" fmla="*/ 27203 h 1065512"/>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201140 w 3149550"/>
                  <a:gd name="connsiteY7" fmla="*/ 764324 h 1092358"/>
                  <a:gd name="connsiteX8" fmla="*/ 932535 w 3149550"/>
                  <a:gd name="connsiteY8" fmla="*/ 630022 h 1092358"/>
                  <a:gd name="connsiteX9" fmla="*/ 826808 w 3149550"/>
                  <a:gd name="connsiteY9" fmla="*/ 612877 h 1092358"/>
                  <a:gd name="connsiteX10" fmla="*/ 712508 w 3149550"/>
                  <a:gd name="connsiteY10" fmla="*/ 655739 h 1092358"/>
                  <a:gd name="connsiteX11" fmla="*/ 563918 w 3149550"/>
                  <a:gd name="connsiteY11" fmla="*/ 627164 h 1092358"/>
                  <a:gd name="connsiteX12" fmla="*/ 469620 w 3149550"/>
                  <a:gd name="connsiteY12" fmla="*/ 578587 h 1092358"/>
                  <a:gd name="connsiteX13" fmla="*/ 366750 w 3149550"/>
                  <a:gd name="connsiteY13" fmla="*/ 507149 h 1092358"/>
                  <a:gd name="connsiteX14" fmla="*/ 309600 w 3149550"/>
                  <a:gd name="connsiteY14" fmla="*/ 387134 h 1092358"/>
                  <a:gd name="connsiteX15" fmla="*/ 278168 w 3149550"/>
                  <a:gd name="connsiteY15" fmla="*/ 327127 h 1092358"/>
                  <a:gd name="connsiteX16" fmla="*/ 149580 w 3149550"/>
                  <a:gd name="connsiteY16" fmla="*/ 287122 h 1092358"/>
                  <a:gd name="connsiteX17" fmla="*/ 33660 w 3149550"/>
                  <a:gd name="connsiteY17" fmla="*/ 325373 h 1092358"/>
                  <a:gd name="connsiteX18" fmla="*/ 0 w 3149550"/>
                  <a:gd name="connsiteY18" fmla="*/ 187830 h 1092358"/>
                  <a:gd name="connsiteX19" fmla="*/ 29430 w 3149550"/>
                  <a:gd name="connsiteY19"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201140 w 3149550"/>
                  <a:gd name="connsiteY7" fmla="*/ 764324 h 1092358"/>
                  <a:gd name="connsiteX8" fmla="*/ 1078268 w 3149550"/>
                  <a:gd name="connsiteY8" fmla="*/ 741463 h 1092358"/>
                  <a:gd name="connsiteX9" fmla="*/ 932535 w 3149550"/>
                  <a:gd name="connsiteY9" fmla="*/ 630022 h 1092358"/>
                  <a:gd name="connsiteX10" fmla="*/ 826808 w 3149550"/>
                  <a:gd name="connsiteY10" fmla="*/ 612877 h 1092358"/>
                  <a:gd name="connsiteX11" fmla="*/ 712508 w 3149550"/>
                  <a:gd name="connsiteY11" fmla="*/ 655739 h 1092358"/>
                  <a:gd name="connsiteX12" fmla="*/ 563918 w 3149550"/>
                  <a:gd name="connsiteY12" fmla="*/ 627164 h 1092358"/>
                  <a:gd name="connsiteX13" fmla="*/ 469620 w 3149550"/>
                  <a:gd name="connsiteY13" fmla="*/ 578587 h 1092358"/>
                  <a:gd name="connsiteX14" fmla="*/ 366750 w 3149550"/>
                  <a:gd name="connsiteY14" fmla="*/ 507149 h 1092358"/>
                  <a:gd name="connsiteX15" fmla="*/ 309600 w 3149550"/>
                  <a:gd name="connsiteY15" fmla="*/ 387134 h 1092358"/>
                  <a:gd name="connsiteX16" fmla="*/ 278168 w 3149550"/>
                  <a:gd name="connsiteY16" fmla="*/ 327127 h 1092358"/>
                  <a:gd name="connsiteX17" fmla="*/ 149580 w 3149550"/>
                  <a:gd name="connsiteY17" fmla="*/ 287122 h 1092358"/>
                  <a:gd name="connsiteX18" fmla="*/ 33660 w 3149550"/>
                  <a:gd name="connsiteY18" fmla="*/ 325373 h 1092358"/>
                  <a:gd name="connsiteX19" fmla="*/ 0 w 3149550"/>
                  <a:gd name="connsiteY19" fmla="*/ 187830 h 1092358"/>
                  <a:gd name="connsiteX20" fmla="*/ 29430 w 3149550"/>
                  <a:gd name="connsiteY20"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304010 w 3149550"/>
                  <a:gd name="connsiteY7" fmla="*/ 878623 h 1092358"/>
                  <a:gd name="connsiteX8" fmla="*/ 1201140 w 3149550"/>
                  <a:gd name="connsiteY8" fmla="*/ 764324 h 1092358"/>
                  <a:gd name="connsiteX9" fmla="*/ 1078268 w 3149550"/>
                  <a:gd name="connsiteY9" fmla="*/ 741463 h 1092358"/>
                  <a:gd name="connsiteX10" fmla="*/ 932535 w 3149550"/>
                  <a:gd name="connsiteY10" fmla="*/ 630022 h 1092358"/>
                  <a:gd name="connsiteX11" fmla="*/ 826808 w 3149550"/>
                  <a:gd name="connsiteY11" fmla="*/ 612877 h 1092358"/>
                  <a:gd name="connsiteX12" fmla="*/ 712508 w 3149550"/>
                  <a:gd name="connsiteY12" fmla="*/ 655739 h 1092358"/>
                  <a:gd name="connsiteX13" fmla="*/ 563918 w 3149550"/>
                  <a:gd name="connsiteY13" fmla="*/ 627164 h 1092358"/>
                  <a:gd name="connsiteX14" fmla="*/ 469620 w 3149550"/>
                  <a:gd name="connsiteY14" fmla="*/ 578587 h 1092358"/>
                  <a:gd name="connsiteX15" fmla="*/ 366750 w 3149550"/>
                  <a:gd name="connsiteY15" fmla="*/ 507149 h 1092358"/>
                  <a:gd name="connsiteX16" fmla="*/ 309600 w 3149550"/>
                  <a:gd name="connsiteY16" fmla="*/ 387134 h 1092358"/>
                  <a:gd name="connsiteX17" fmla="*/ 278168 w 3149550"/>
                  <a:gd name="connsiteY17" fmla="*/ 327127 h 1092358"/>
                  <a:gd name="connsiteX18" fmla="*/ 149580 w 3149550"/>
                  <a:gd name="connsiteY18" fmla="*/ 287122 h 1092358"/>
                  <a:gd name="connsiteX19" fmla="*/ 33660 w 3149550"/>
                  <a:gd name="connsiteY19" fmla="*/ 325373 h 1092358"/>
                  <a:gd name="connsiteX20" fmla="*/ 0 w 3149550"/>
                  <a:gd name="connsiteY20" fmla="*/ 187830 h 1092358"/>
                  <a:gd name="connsiteX21" fmla="*/ 29430 w 3149550"/>
                  <a:gd name="connsiteY21"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304010 w 3149550"/>
                  <a:gd name="connsiteY7" fmla="*/ 878623 h 1092358"/>
                  <a:gd name="connsiteX8" fmla="*/ 1201140 w 3149550"/>
                  <a:gd name="connsiteY8" fmla="*/ 764324 h 1092358"/>
                  <a:gd name="connsiteX9" fmla="*/ 1138275 w 3149550"/>
                  <a:gd name="connsiteY9" fmla="*/ 761466 h 1092358"/>
                  <a:gd name="connsiteX10" fmla="*/ 1078268 w 3149550"/>
                  <a:gd name="connsiteY10" fmla="*/ 741463 h 1092358"/>
                  <a:gd name="connsiteX11" fmla="*/ 932535 w 3149550"/>
                  <a:gd name="connsiteY11" fmla="*/ 630022 h 1092358"/>
                  <a:gd name="connsiteX12" fmla="*/ 826808 w 3149550"/>
                  <a:gd name="connsiteY12" fmla="*/ 612877 h 1092358"/>
                  <a:gd name="connsiteX13" fmla="*/ 712508 w 3149550"/>
                  <a:gd name="connsiteY13" fmla="*/ 655739 h 1092358"/>
                  <a:gd name="connsiteX14" fmla="*/ 563918 w 3149550"/>
                  <a:gd name="connsiteY14" fmla="*/ 627164 h 1092358"/>
                  <a:gd name="connsiteX15" fmla="*/ 469620 w 3149550"/>
                  <a:gd name="connsiteY15" fmla="*/ 578587 h 1092358"/>
                  <a:gd name="connsiteX16" fmla="*/ 366750 w 3149550"/>
                  <a:gd name="connsiteY16" fmla="*/ 507149 h 1092358"/>
                  <a:gd name="connsiteX17" fmla="*/ 309600 w 3149550"/>
                  <a:gd name="connsiteY17" fmla="*/ 387134 h 1092358"/>
                  <a:gd name="connsiteX18" fmla="*/ 278168 w 3149550"/>
                  <a:gd name="connsiteY18" fmla="*/ 327127 h 1092358"/>
                  <a:gd name="connsiteX19" fmla="*/ 149580 w 3149550"/>
                  <a:gd name="connsiteY19" fmla="*/ 287122 h 1092358"/>
                  <a:gd name="connsiteX20" fmla="*/ 33660 w 3149550"/>
                  <a:gd name="connsiteY20" fmla="*/ 325373 h 1092358"/>
                  <a:gd name="connsiteX21" fmla="*/ 0 w 3149550"/>
                  <a:gd name="connsiteY21" fmla="*/ 187830 h 1092358"/>
                  <a:gd name="connsiteX22" fmla="*/ 29430 w 3149550"/>
                  <a:gd name="connsiteY22"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304010 w 3149550"/>
                  <a:gd name="connsiteY7" fmla="*/ 878623 h 1092358"/>
                  <a:gd name="connsiteX8" fmla="*/ 1201140 w 3149550"/>
                  <a:gd name="connsiteY8" fmla="*/ 764324 h 1092358"/>
                  <a:gd name="connsiteX9" fmla="*/ 1138275 w 3149550"/>
                  <a:gd name="connsiteY9" fmla="*/ 761466 h 1092358"/>
                  <a:gd name="connsiteX10" fmla="*/ 1078268 w 3149550"/>
                  <a:gd name="connsiteY10" fmla="*/ 741463 h 1092358"/>
                  <a:gd name="connsiteX11" fmla="*/ 932535 w 3149550"/>
                  <a:gd name="connsiteY11" fmla="*/ 630022 h 1092358"/>
                  <a:gd name="connsiteX12" fmla="*/ 829666 w 3149550"/>
                  <a:gd name="connsiteY12" fmla="*/ 618592 h 1092358"/>
                  <a:gd name="connsiteX13" fmla="*/ 712508 w 3149550"/>
                  <a:gd name="connsiteY13" fmla="*/ 655739 h 1092358"/>
                  <a:gd name="connsiteX14" fmla="*/ 563918 w 3149550"/>
                  <a:gd name="connsiteY14" fmla="*/ 627164 h 1092358"/>
                  <a:gd name="connsiteX15" fmla="*/ 469620 w 3149550"/>
                  <a:gd name="connsiteY15" fmla="*/ 578587 h 1092358"/>
                  <a:gd name="connsiteX16" fmla="*/ 366750 w 3149550"/>
                  <a:gd name="connsiteY16" fmla="*/ 507149 h 1092358"/>
                  <a:gd name="connsiteX17" fmla="*/ 309600 w 3149550"/>
                  <a:gd name="connsiteY17" fmla="*/ 387134 h 1092358"/>
                  <a:gd name="connsiteX18" fmla="*/ 278168 w 3149550"/>
                  <a:gd name="connsiteY18" fmla="*/ 327127 h 1092358"/>
                  <a:gd name="connsiteX19" fmla="*/ 149580 w 3149550"/>
                  <a:gd name="connsiteY19" fmla="*/ 287122 h 1092358"/>
                  <a:gd name="connsiteX20" fmla="*/ 33660 w 3149550"/>
                  <a:gd name="connsiteY20" fmla="*/ 325373 h 1092358"/>
                  <a:gd name="connsiteX21" fmla="*/ 0 w 3149550"/>
                  <a:gd name="connsiteY21" fmla="*/ 187830 h 1092358"/>
                  <a:gd name="connsiteX22" fmla="*/ 29430 w 3149550"/>
                  <a:gd name="connsiteY22"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1626750 w 3149550"/>
                  <a:gd name="connsiteY5" fmla="*/ 1051200 h 1092358"/>
                  <a:gd name="connsiteX6" fmla="*/ 1426883 w 3149550"/>
                  <a:gd name="connsiteY6" fmla="*/ 955776 h 1092358"/>
                  <a:gd name="connsiteX7" fmla="*/ 1304010 w 3149550"/>
                  <a:gd name="connsiteY7" fmla="*/ 878623 h 1092358"/>
                  <a:gd name="connsiteX8" fmla="*/ 1201140 w 3149550"/>
                  <a:gd name="connsiteY8" fmla="*/ 764324 h 1092358"/>
                  <a:gd name="connsiteX9" fmla="*/ 1138275 w 3149550"/>
                  <a:gd name="connsiteY9" fmla="*/ 761466 h 1092358"/>
                  <a:gd name="connsiteX10" fmla="*/ 1078268 w 3149550"/>
                  <a:gd name="connsiteY10" fmla="*/ 741463 h 1092358"/>
                  <a:gd name="connsiteX11" fmla="*/ 932535 w 3149550"/>
                  <a:gd name="connsiteY11" fmla="*/ 630022 h 1092358"/>
                  <a:gd name="connsiteX12" fmla="*/ 829666 w 3149550"/>
                  <a:gd name="connsiteY12" fmla="*/ 618592 h 1092358"/>
                  <a:gd name="connsiteX13" fmla="*/ 712508 w 3149550"/>
                  <a:gd name="connsiteY13" fmla="*/ 655739 h 1092358"/>
                  <a:gd name="connsiteX14" fmla="*/ 563918 w 3149550"/>
                  <a:gd name="connsiteY14" fmla="*/ 627164 h 1092358"/>
                  <a:gd name="connsiteX15" fmla="*/ 469620 w 3149550"/>
                  <a:gd name="connsiteY15" fmla="*/ 578587 h 1092358"/>
                  <a:gd name="connsiteX16" fmla="*/ 366750 w 3149550"/>
                  <a:gd name="connsiteY16" fmla="*/ 507149 h 1092358"/>
                  <a:gd name="connsiteX17" fmla="*/ 309600 w 3149550"/>
                  <a:gd name="connsiteY17" fmla="*/ 387134 h 1092358"/>
                  <a:gd name="connsiteX18" fmla="*/ 278168 w 3149550"/>
                  <a:gd name="connsiteY18" fmla="*/ 327127 h 1092358"/>
                  <a:gd name="connsiteX19" fmla="*/ 149580 w 3149550"/>
                  <a:gd name="connsiteY19" fmla="*/ 287122 h 1092358"/>
                  <a:gd name="connsiteX20" fmla="*/ 33660 w 3149550"/>
                  <a:gd name="connsiteY20" fmla="*/ 325373 h 1092358"/>
                  <a:gd name="connsiteX21" fmla="*/ 0 w 3149550"/>
                  <a:gd name="connsiteY21" fmla="*/ 187830 h 1092358"/>
                  <a:gd name="connsiteX22" fmla="*/ 29430 w 3149550"/>
                  <a:gd name="connsiteY22"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2001240 w 3149550"/>
                  <a:gd name="connsiteY5" fmla="*/ 758608 h 1092358"/>
                  <a:gd name="connsiteX6" fmla="*/ 1626750 w 3149550"/>
                  <a:gd name="connsiteY6" fmla="*/ 1051200 h 1092358"/>
                  <a:gd name="connsiteX7" fmla="*/ 1426883 w 3149550"/>
                  <a:gd name="connsiteY7" fmla="*/ 955776 h 1092358"/>
                  <a:gd name="connsiteX8" fmla="*/ 1304010 w 3149550"/>
                  <a:gd name="connsiteY8" fmla="*/ 878623 h 1092358"/>
                  <a:gd name="connsiteX9" fmla="*/ 1201140 w 3149550"/>
                  <a:gd name="connsiteY9" fmla="*/ 764324 h 1092358"/>
                  <a:gd name="connsiteX10" fmla="*/ 1138275 w 3149550"/>
                  <a:gd name="connsiteY10" fmla="*/ 761466 h 1092358"/>
                  <a:gd name="connsiteX11" fmla="*/ 1078268 w 3149550"/>
                  <a:gd name="connsiteY11" fmla="*/ 741463 h 1092358"/>
                  <a:gd name="connsiteX12" fmla="*/ 932535 w 3149550"/>
                  <a:gd name="connsiteY12" fmla="*/ 630022 h 1092358"/>
                  <a:gd name="connsiteX13" fmla="*/ 829666 w 3149550"/>
                  <a:gd name="connsiteY13" fmla="*/ 618592 h 1092358"/>
                  <a:gd name="connsiteX14" fmla="*/ 712508 w 3149550"/>
                  <a:gd name="connsiteY14" fmla="*/ 655739 h 1092358"/>
                  <a:gd name="connsiteX15" fmla="*/ 563918 w 3149550"/>
                  <a:gd name="connsiteY15" fmla="*/ 627164 h 1092358"/>
                  <a:gd name="connsiteX16" fmla="*/ 469620 w 3149550"/>
                  <a:gd name="connsiteY16" fmla="*/ 578587 h 1092358"/>
                  <a:gd name="connsiteX17" fmla="*/ 366750 w 3149550"/>
                  <a:gd name="connsiteY17" fmla="*/ 507149 h 1092358"/>
                  <a:gd name="connsiteX18" fmla="*/ 309600 w 3149550"/>
                  <a:gd name="connsiteY18" fmla="*/ 387134 h 1092358"/>
                  <a:gd name="connsiteX19" fmla="*/ 278168 w 3149550"/>
                  <a:gd name="connsiteY19" fmla="*/ 327127 h 1092358"/>
                  <a:gd name="connsiteX20" fmla="*/ 149580 w 3149550"/>
                  <a:gd name="connsiteY20" fmla="*/ 287122 h 1092358"/>
                  <a:gd name="connsiteX21" fmla="*/ 33660 w 3149550"/>
                  <a:gd name="connsiteY21" fmla="*/ 325373 h 1092358"/>
                  <a:gd name="connsiteX22" fmla="*/ 0 w 3149550"/>
                  <a:gd name="connsiteY22" fmla="*/ 187830 h 1092358"/>
                  <a:gd name="connsiteX23" fmla="*/ 29430 w 3149550"/>
                  <a:gd name="connsiteY23"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2315565 w 3149550"/>
                  <a:gd name="connsiteY5" fmla="*/ 572871 h 1092358"/>
                  <a:gd name="connsiteX6" fmla="*/ 2001240 w 3149550"/>
                  <a:gd name="connsiteY6" fmla="*/ 758608 h 1092358"/>
                  <a:gd name="connsiteX7" fmla="*/ 1626750 w 3149550"/>
                  <a:gd name="connsiteY7" fmla="*/ 1051200 h 1092358"/>
                  <a:gd name="connsiteX8" fmla="*/ 1426883 w 3149550"/>
                  <a:gd name="connsiteY8" fmla="*/ 955776 h 1092358"/>
                  <a:gd name="connsiteX9" fmla="*/ 1304010 w 3149550"/>
                  <a:gd name="connsiteY9" fmla="*/ 878623 h 1092358"/>
                  <a:gd name="connsiteX10" fmla="*/ 1201140 w 3149550"/>
                  <a:gd name="connsiteY10" fmla="*/ 764324 h 1092358"/>
                  <a:gd name="connsiteX11" fmla="*/ 1138275 w 3149550"/>
                  <a:gd name="connsiteY11" fmla="*/ 761466 h 1092358"/>
                  <a:gd name="connsiteX12" fmla="*/ 1078268 w 3149550"/>
                  <a:gd name="connsiteY12" fmla="*/ 741463 h 1092358"/>
                  <a:gd name="connsiteX13" fmla="*/ 932535 w 3149550"/>
                  <a:gd name="connsiteY13" fmla="*/ 630022 h 1092358"/>
                  <a:gd name="connsiteX14" fmla="*/ 829666 w 3149550"/>
                  <a:gd name="connsiteY14" fmla="*/ 618592 h 1092358"/>
                  <a:gd name="connsiteX15" fmla="*/ 712508 w 3149550"/>
                  <a:gd name="connsiteY15" fmla="*/ 655739 h 1092358"/>
                  <a:gd name="connsiteX16" fmla="*/ 563918 w 3149550"/>
                  <a:gd name="connsiteY16" fmla="*/ 627164 h 1092358"/>
                  <a:gd name="connsiteX17" fmla="*/ 469620 w 3149550"/>
                  <a:gd name="connsiteY17" fmla="*/ 578587 h 1092358"/>
                  <a:gd name="connsiteX18" fmla="*/ 366750 w 3149550"/>
                  <a:gd name="connsiteY18" fmla="*/ 507149 h 1092358"/>
                  <a:gd name="connsiteX19" fmla="*/ 309600 w 3149550"/>
                  <a:gd name="connsiteY19" fmla="*/ 387134 h 1092358"/>
                  <a:gd name="connsiteX20" fmla="*/ 278168 w 3149550"/>
                  <a:gd name="connsiteY20" fmla="*/ 327127 h 1092358"/>
                  <a:gd name="connsiteX21" fmla="*/ 149580 w 3149550"/>
                  <a:gd name="connsiteY21" fmla="*/ 287122 h 1092358"/>
                  <a:gd name="connsiteX22" fmla="*/ 33660 w 3149550"/>
                  <a:gd name="connsiteY22" fmla="*/ 325373 h 1092358"/>
                  <a:gd name="connsiteX23" fmla="*/ 0 w 3149550"/>
                  <a:gd name="connsiteY23" fmla="*/ 187830 h 1092358"/>
                  <a:gd name="connsiteX24" fmla="*/ 29430 w 3149550"/>
                  <a:gd name="connsiteY24" fmla="*/ 27203 h 1092358"/>
                  <a:gd name="connsiteX0" fmla="*/ 29430 w 3149550"/>
                  <a:gd name="connsiteY0" fmla="*/ 27203 h 1092358"/>
                  <a:gd name="connsiteX1" fmla="*/ 1606005 w 3149550"/>
                  <a:gd name="connsiteY1" fmla="*/ 787838 h 1092358"/>
                  <a:gd name="connsiteX2" fmla="*/ 3142350 w 3149550"/>
                  <a:gd name="connsiteY2" fmla="*/ 0 h 1092358"/>
                  <a:gd name="connsiteX3" fmla="*/ 3149550 w 3149550"/>
                  <a:gd name="connsiteY3" fmla="*/ 172800 h 1092358"/>
                  <a:gd name="connsiteX4" fmla="*/ 3149550 w 3149550"/>
                  <a:gd name="connsiteY4" fmla="*/ 331200 h 1092358"/>
                  <a:gd name="connsiteX5" fmla="*/ 2315565 w 3149550"/>
                  <a:gd name="connsiteY5" fmla="*/ 572871 h 1092358"/>
                  <a:gd name="connsiteX6" fmla="*/ 2001240 w 3149550"/>
                  <a:gd name="connsiteY6" fmla="*/ 758608 h 1092358"/>
                  <a:gd name="connsiteX7" fmla="*/ 1846935 w 3149550"/>
                  <a:gd name="connsiteY7" fmla="*/ 981493 h 1092358"/>
                  <a:gd name="connsiteX8" fmla="*/ 1626750 w 3149550"/>
                  <a:gd name="connsiteY8" fmla="*/ 1051200 h 1092358"/>
                  <a:gd name="connsiteX9" fmla="*/ 1426883 w 3149550"/>
                  <a:gd name="connsiteY9" fmla="*/ 955776 h 1092358"/>
                  <a:gd name="connsiteX10" fmla="*/ 1304010 w 3149550"/>
                  <a:gd name="connsiteY10" fmla="*/ 878623 h 1092358"/>
                  <a:gd name="connsiteX11" fmla="*/ 1201140 w 3149550"/>
                  <a:gd name="connsiteY11" fmla="*/ 764324 h 1092358"/>
                  <a:gd name="connsiteX12" fmla="*/ 1138275 w 3149550"/>
                  <a:gd name="connsiteY12" fmla="*/ 761466 h 1092358"/>
                  <a:gd name="connsiteX13" fmla="*/ 1078268 w 3149550"/>
                  <a:gd name="connsiteY13" fmla="*/ 741463 h 1092358"/>
                  <a:gd name="connsiteX14" fmla="*/ 932535 w 3149550"/>
                  <a:gd name="connsiteY14" fmla="*/ 630022 h 1092358"/>
                  <a:gd name="connsiteX15" fmla="*/ 829666 w 3149550"/>
                  <a:gd name="connsiteY15" fmla="*/ 618592 h 1092358"/>
                  <a:gd name="connsiteX16" fmla="*/ 712508 w 3149550"/>
                  <a:gd name="connsiteY16" fmla="*/ 655739 h 1092358"/>
                  <a:gd name="connsiteX17" fmla="*/ 563918 w 3149550"/>
                  <a:gd name="connsiteY17" fmla="*/ 627164 h 1092358"/>
                  <a:gd name="connsiteX18" fmla="*/ 469620 w 3149550"/>
                  <a:gd name="connsiteY18" fmla="*/ 578587 h 1092358"/>
                  <a:gd name="connsiteX19" fmla="*/ 366750 w 3149550"/>
                  <a:gd name="connsiteY19" fmla="*/ 507149 h 1092358"/>
                  <a:gd name="connsiteX20" fmla="*/ 309600 w 3149550"/>
                  <a:gd name="connsiteY20" fmla="*/ 387134 h 1092358"/>
                  <a:gd name="connsiteX21" fmla="*/ 278168 w 3149550"/>
                  <a:gd name="connsiteY21" fmla="*/ 327127 h 1092358"/>
                  <a:gd name="connsiteX22" fmla="*/ 149580 w 3149550"/>
                  <a:gd name="connsiteY22" fmla="*/ 287122 h 1092358"/>
                  <a:gd name="connsiteX23" fmla="*/ 33660 w 3149550"/>
                  <a:gd name="connsiteY23" fmla="*/ 325373 h 1092358"/>
                  <a:gd name="connsiteX24" fmla="*/ 0 w 3149550"/>
                  <a:gd name="connsiteY24" fmla="*/ 187830 h 1092358"/>
                  <a:gd name="connsiteX25" fmla="*/ 29430 w 3149550"/>
                  <a:gd name="connsiteY25" fmla="*/ 27203 h 1092358"/>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2315565 w 3149550"/>
                  <a:gd name="connsiteY5" fmla="*/ 572871 h 1051200"/>
                  <a:gd name="connsiteX6" fmla="*/ 2001240 w 3149550"/>
                  <a:gd name="connsiteY6" fmla="*/ 758608 h 1051200"/>
                  <a:gd name="connsiteX7" fmla="*/ 1846935 w 3149550"/>
                  <a:gd name="connsiteY7" fmla="*/ 981493 h 1051200"/>
                  <a:gd name="connsiteX8" fmla="*/ 1626750 w 3149550"/>
                  <a:gd name="connsiteY8" fmla="*/ 1051200 h 1051200"/>
                  <a:gd name="connsiteX9" fmla="*/ 1426883 w 3149550"/>
                  <a:gd name="connsiteY9" fmla="*/ 955776 h 1051200"/>
                  <a:gd name="connsiteX10" fmla="*/ 1304010 w 3149550"/>
                  <a:gd name="connsiteY10" fmla="*/ 878623 h 1051200"/>
                  <a:gd name="connsiteX11" fmla="*/ 1201140 w 3149550"/>
                  <a:gd name="connsiteY11" fmla="*/ 764324 h 1051200"/>
                  <a:gd name="connsiteX12" fmla="*/ 1138275 w 3149550"/>
                  <a:gd name="connsiteY12" fmla="*/ 761466 h 1051200"/>
                  <a:gd name="connsiteX13" fmla="*/ 1078268 w 3149550"/>
                  <a:gd name="connsiteY13" fmla="*/ 741463 h 1051200"/>
                  <a:gd name="connsiteX14" fmla="*/ 932535 w 3149550"/>
                  <a:gd name="connsiteY14" fmla="*/ 630022 h 1051200"/>
                  <a:gd name="connsiteX15" fmla="*/ 829666 w 3149550"/>
                  <a:gd name="connsiteY15" fmla="*/ 618592 h 1051200"/>
                  <a:gd name="connsiteX16" fmla="*/ 712508 w 3149550"/>
                  <a:gd name="connsiteY16" fmla="*/ 655739 h 1051200"/>
                  <a:gd name="connsiteX17" fmla="*/ 563918 w 3149550"/>
                  <a:gd name="connsiteY17" fmla="*/ 627164 h 1051200"/>
                  <a:gd name="connsiteX18" fmla="*/ 469620 w 3149550"/>
                  <a:gd name="connsiteY18" fmla="*/ 578587 h 1051200"/>
                  <a:gd name="connsiteX19" fmla="*/ 366750 w 3149550"/>
                  <a:gd name="connsiteY19" fmla="*/ 507149 h 1051200"/>
                  <a:gd name="connsiteX20" fmla="*/ 309600 w 3149550"/>
                  <a:gd name="connsiteY20" fmla="*/ 387134 h 1051200"/>
                  <a:gd name="connsiteX21" fmla="*/ 278168 w 3149550"/>
                  <a:gd name="connsiteY21" fmla="*/ 327127 h 1051200"/>
                  <a:gd name="connsiteX22" fmla="*/ 149580 w 3149550"/>
                  <a:gd name="connsiteY22" fmla="*/ 287122 h 1051200"/>
                  <a:gd name="connsiteX23" fmla="*/ 33660 w 3149550"/>
                  <a:gd name="connsiteY23" fmla="*/ 325373 h 1051200"/>
                  <a:gd name="connsiteX24" fmla="*/ 0 w 3149550"/>
                  <a:gd name="connsiteY24" fmla="*/ 187830 h 1051200"/>
                  <a:gd name="connsiteX25" fmla="*/ 29430 w 3149550"/>
                  <a:gd name="connsiteY25" fmla="*/ 27203 h 1051200"/>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2315565 w 3149550"/>
                  <a:gd name="connsiteY5" fmla="*/ 572871 h 1051200"/>
                  <a:gd name="connsiteX6" fmla="*/ 2001240 w 3149550"/>
                  <a:gd name="connsiteY6" fmla="*/ 758608 h 1051200"/>
                  <a:gd name="connsiteX7" fmla="*/ 1846935 w 3149550"/>
                  <a:gd name="connsiteY7" fmla="*/ 981493 h 1051200"/>
                  <a:gd name="connsiteX8" fmla="*/ 1626750 w 3149550"/>
                  <a:gd name="connsiteY8" fmla="*/ 1051200 h 1051200"/>
                  <a:gd name="connsiteX9" fmla="*/ 1426883 w 3149550"/>
                  <a:gd name="connsiteY9" fmla="*/ 955776 h 1051200"/>
                  <a:gd name="connsiteX10" fmla="*/ 1304010 w 3149550"/>
                  <a:gd name="connsiteY10" fmla="*/ 878623 h 1051200"/>
                  <a:gd name="connsiteX11" fmla="*/ 1201140 w 3149550"/>
                  <a:gd name="connsiteY11" fmla="*/ 764324 h 1051200"/>
                  <a:gd name="connsiteX12" fmla="*/ 1138275 w 3149550"/>
                  <a:gd name="connsiteY12" fmla="*/ 761466 h 1051200"/>
                  <a:gd name="connsiteX13" fmla="*/ 1078268 w 3149550"/>
                  <a:gd name="connsiteY13" fmla="*/ 741463 h 1051200"/>
                  <a:gd name="connsiteX14" fmla="*/ 932535 w 3149550"/>
                  <a:gd name="connsiteY14" fmla="*/ 630022 h 1051200"/>
                  <a:gd name="connsiteX15" fmla="*/ 829666 w 3149550"/>
                  <a:gd name="connsiteY15" fmla="*/ 618592 h 1051200"/>
                  <a:gd name="connsiteX16" fmla="*/ 712508 w 3149550"/>
                  <a:gd name="connsiteY16" fmla="*/ 655739 h 1051200"/>
                  <a:gd name="connsiteX17" fmla="*/ 563918 w 3149550"/>
                  <a:gd name="connsiteY17" fmla="*/ 627164 h 1051200"/>
                  <a:gd name="connsiteX18" fmla="*/ 469620 w 3149550"/>
                  <a:gd name="connsiteY18" fmla="*/ 578587 h 1051200"/>
                  <a:gd name="connsiteX19" fmla="*/ 366750 w 3149550"/>
                  <a:gd name="connsiteY19" fmla="*/ 507149 h 1051200"/>
                  <a:gd name="connsiteX20" fmla="*/ 309600 w 3149550"/>
                  <a:gd name="connsiteY20" fmla="*/ 387134 h 1051200"/>
                  <a:gd name="connsiteX21" fmla="*/ 278168 w 3149550"/>
                  <a:gd name="connsiteY21" fmla="*/ 327127 h 1051200"/>
                  <a:gd name="connsiteX22" fmla="*/ 149580 w 3149550"/>
                  <a:gd name="connsiteY22" fmla="*/ 287122 h 1051200"/>
                  <a:gd name="connsiteX23" fmla="*/ 33660 w 3149550"/>
                  <a:gd name="connsiteY23" fmla="*/ 325373 h 1051200"/>
                  <a:gd name="connsiteX24" fmla="*/ 0 w 3149550"/>
                  <a:gd name="connsiteY24" fmla="*/ 187830 h 1051200"/>
                  <a:gd name="connsiteX25" fmla="*/ 29430 w 3149550"/>
                  <a:gd name="connsiteY25" fmla="*/ 27203 h 1051200"/>
                  <a:gd name="connsiteX0" fmla="*/ 29430 w 3149550"/>
                  <a:gd name="connsiteY0" fmla="*/ 27203 h 1051200"/>
                  <a:gd name="connsiteX1" fmla="*/ 1606005 w 3149550"/>
                  <a:gd name="connsiteY1" fmla="*/ 787838 h 1051200"/>
                  <a:gd name="connsiteX2" fmla="*/ 3142350 w 3149550"/>
                  <a:gd name="connsiteY2" fmla="*/ 0 h 1051200"/>
                  <a:gd name="connsiteX3" fmla="*/ 3149550 w 3149550"/>
                  <a:gd name="connsiteY3" fmla="*/ 172800 h 1051200"/>
                  <a:gd name="connsiteX4" fmla="*/ 3149550 w 3149550"/>
                  <a:gd name="connsiteY4" fmla="*/ 331200 h 1051200"/>
                  <a:gd name="connsiteX5" fmla="*/ 2315565 w 3149550"/>
                  <a:gd name="connsiteY5" fmla="*/ 572871 h 1051200"/>
                  <a:gd name="connsiteX6" fmla="*/ 2192693 w 3149550"/>
                  <a:gd name="connsiteY6" fmla="*/ 730033 h 1051200"/>
                  <a:gd name="connsiteX7" fmla="*/ 2001240 w 3149550"/>
                  <a:gd name="connsiteY7" fmla="*/ 758608 h 1051200"/>
                  <a:gd name="connsiteX8" fmla="*/ 1846935 w 3149550"/>
                  <a:gd name="connsiteY8" fmla="*/ 981493 h 1051200"/>
                  <a:gd name="connsiteX9" fmla="*/ 1626750 w 3149550"/>
                  <a:gd name="connsiteY9" fmla="*/ 1051200 h 1051200"/>
                  <a:gd name="connsiteX10" fmla="*/ 1426883 w 3149550"/>
                  <a:gd name="connsiteY10" fmla="*/ 955776 h 1051200"/>
                  <a:gd name="connsiteX11" fmla="*/ 1304010 w 3149550"/>
                  <a:gd name="connsiteY11" fmla="*/ 878623 h 1051200"/>
                  <a:gd name="connsiteX12" fmla="*/ 1201140 w 3149550"/>
                  <a:gd name="connsiteY12" fmla="*/ 764324 h 1051200"/>
                  <a:gd name="connsiteX13" fmla="*/ 1138275 w 3149550"/>
                  <a:gd name="connsiteY13" fmla="*/ 761466 h 1051200"/>
                  <a:gd name="connsiteX14" fmla="*/ 1078268 w 3149550"/>
                  <a:gd name="connsiteY14" fmla="*/ 741463 h 1051200"/>
                  <a:gd name="connsiteX15" fmla="*/ 932535 w 3149550"/>
                  <a:gd name="connsiteY15" fmla="*/ 630022 h 1051200"/>
                  <a:gd name="connsiteX16" fmla="*/ 829666 w 3149550"/>
                  <a:gd name="connsiteY16" fmla="*/ 618592 h 1051200"/>
                  <a:gd name="connsiteX17" fmla="*/ 712508 w 3149550"/>
                  <a:gd name="connsiteY17" fmla="*/ 655739 h 1051200"/>
                  <a:gd name="connsiteX18" fmla="*/ 563918 w 3149550"/>
                  <a:gd name="connsiteY18" fmla="*/ 627164 h 1051200"/>
                  <a:gd name="connsiteX19" fmla="*/ 469620 w 3149550"/>
                  <a:gd name="connsiteY19" fmla="*/ 578587 h 1051200"/>
                  <a:gd name="connsiteX20" fmla="*/ 366750 w 3149550"/>
                  <a:gd name="connsiteY20" fmla="*/ 507149 h 1051200"/>
                  <a:gd name="connsiteX21" fmla="*/ 309600 w 3149550"/>
                  <a:gd name="connsiteY21" fmla="*/ 387134 h 1051200"/>
                  <a:gd name="connsiteX22" fmla="*/ 278168 w 3149550"/>
                  <a:gd name="connsiteY22" fmla="*/ 327127 h 1051200"/>
                  <a:gd name="connsiteX23" fmla="*/ 149580 w 3149550"/>
                  <a:gd name="connsiteY23" fmla="*/ 287122 h 1051200"/>
                  <a:gd name="connsiteX24" fmla="*/ 33660 w 3149550"/>
                  <a:gd name="connsiteY24" fmla="*/ 325373 h 1051200"/>
                  <a:gd name="connsiteX25" fmla="*/ 0 w 3149550"/>
                  <a:gd name="connsiteY25" fmla="*/ 187830 h 1051200"/>
                  <a:gd name="connsiteX26" fmla="*/ 29430 w 3149550"/>
                  <a:gd name="connsiteY26" fmla="*/ 27203 h 1051200"/>
                  <a:gd name="connsiteX0" fmla="*/ 29430 w 3280995"/>
                  <a:gd name="connsiteY0" fmla="*/ 27203 h 1051200"/>
                  <a:gd name="connsiteX1" fmla="*/ 1606005 w 3280995"/>
                  <a:gd name="connsiteY1" fmla="*/ 787838 h 1051200"/>
                  <a:gd name="connsiteX2" fmla="*/ 3142350 w 3280995"/>
                  <a:gd name="connsiteY2" fmla="*/ 0 h 1051200"/>
                  <a:gd name="connsiteX3" fmla="*/ 3149550 w 3280995"/>
                  <a:gd name="connsiteY3" fmla="*/ 172800 h 1051200"/>
                  <a:gd name="connsiteX4" fmla="*/ 3280995 w 3280995"/>
                  <a:gd name="connsiteY4" fmla="*/ 319770 h 1051200"/>
                  <a:gd name="connsiteX5" fmla="*/ 2315565 w 3280995"/>
                  <a:gd name="connsiteY5" fmla="*/ 572871 h 1051200"/>
                  <a:gd name="connsiteX6" fmla="*/ 2192693 w 3280995"/>
                  <a:gd name="connsiteY6" fmla="*/ 730033 h 1051200"/>
                  <a:gd name="connsiteX7" fmla="*/ 2001240 w 3280995"/>
                  <a:gd name="connsiteY7" fmla="*/ 758608 h 1051200"/>
                  <a:gd name="connsiteX8" fmla="*/ 1846935 w 3280995"/>
                  <a:gd name="connsiteY8" fmla="*/ 981493 h 1051200"/>
                  <a:gd name="connsiteX9" fmla="*/ 1626750 w 3280995"/>
                  <a:gd name="connsiteY9" fmla="*/ 1051200 h 1051200"/>
                  <a:gd name="connsiteX10" fmla="*/ 1426883 w 3280995"/>
                  <a:gd name="connsiteY10" fmla="*/ 955776 h 1051200"/>
                  <a:gd name="connsiteX11" fmla="*/ 1304010 w 3280995"/>
                  <a:gd name="connsiteY11" fmla="*/ 878623 h 1051200"/>
                  <a:gd name="connsiteX12" fmla="*/ 1201140 w 3280995"/>
                  <a:gd name="connsiteY12" fmla="*/ 764324 h 1051200"/>
                  <a:gd name="connsiteX13" fmla="*/ 1138275 w 3280995"/>
                  <a:gd name="connsiteY13" fmla="*/ 761466 h 1051200"/>
                  <a:gd name="connsiteX14" fmla="*/ 1078268 w 3280995"/>
                  <a:gd name="connsiteY14" fmla="*/ 741463 h 1051200"/>
                  <a:gd name="connsiteX15" fmla="*/ 932535 w 3280995"/>
                  <a:gd name="connsiteY15" fmla="*/ 630022 h 1051200"/>
                  <a:gd name="connsiteX16" fmla="*/ 829666 w 3280995"/>
                  <a:gd name="connsiteY16" fmla="*/ 618592 h 1051200"/>
                  <a:gd name="connsiteX17" fmla="*/ 712508 w 3280995"/>
                  <a:gd name="connsiteY17" fmla="*/ 655739 h 1051200"/>
                  <a:gd name="connsiteX18" fmla="*/ 563918 w 3280995"/>
                  <a:gd name="connsiteY18" fmla="*/ 627164 h 1051200"/>
                  <a:gd name="connsiteX19" fmla="*/ 469620 w 3280995"/>
                  <a:gd name="connsiteY19" fmla="*/ 578587 h 1051200"/>
                  <a:gd name="connsiteX20" fmla="*/ 366750 w 3280995"/>
                  <a:gd name="connsiteY20" fmla="*/ 507149 h 1051200"/>
                  <a:gd name="connsiteX21" fmla="*/ 309600 w 3280995"/>
                  <a:gd name="connsiteY21" fmla="*/ 387134 h 1051200"/>
                  <a:gd name="connsiteX22" fmla="*/ 278168 w 3280995"/>
                  <a:gd name="connsiteY22" fmla="*/ 327127 h 1051200"/>
                  <a:gd name="connsiteX23" fmla="*/ 149580 w 3280995"/>
                  <a:gd name="connsiteY23" fmla="*/ 287122 h 1051200"/>
                  <a:gd name="connsiteX24" fmla="*/ 33660 w 3280995"/>
                  <a:gd name="connsiteY24" fmla="*/ 325373 h 1051200"/>
                  <a:gd name="connsiteX25" fmla="*/ 0 w 3280995"/>
                  <a:gd name="connsiteY25" fmla="*/ 187830 h 1051200"/>
                  <a:gd name="connsiteX26" fmla="*/ 29430 w 3280995"/>
                  <a:gd name="connsiteY26" fmla="*/ 27203 h 1051200"/>
                  <a:gd name="connsiteX0" fmla="*/ 29430 w 3280995"/>
                  <a:gd name="connsiteY0" fmla="*/ 27203 h 1051200"/>
                  <a:gd name="connsiteX1" fmla="*/ 1606005 w 3280995"/>
                  <a:gd name="connsiteY1" fmla="*/ 787838 h 1051200"/>
                  <a:gd name="connsiteX2" fmla="*/ 3142350 w 3280995"/>
                  <a:gd name="connsiteY2" fmla="*/ 0 h 1051200"/>
                  <a:gd name="connsiteX3" fmla="*/ 3149550 w 3280995"/>
                  <a:gd name="connsiteY3" fmla="*/ 172800 h 1051200"/>
                  <a:gd name="connsiteX4" fmla="*/ 3280995 w 3280995"/>
                  <a:gd name="connsiteY4" fmla="*/ 319770 h 1051200"/>
                  <a:gd name="connsiteX5" fmla="*/ 2972790 w 3280995"/>
                  <a:gd name="connsiteY5" fmla="*/ 372846 h 1051200"/>
                  <a:gd name="connsiteX6" fmla="*/ 2315565 w 3280995"/>
                  <a:gd name="connsiteY6" fmla="*/ 572871 h 1051200"/>
                  <a:gd name="connsiteX7" fmla="*/ 2192693 w 3280995"/>
                  <a:gd name="connsiteY7" fmla="*/ 730033 h 1051200"/>
                  <a:gd name="connsiteX8" fmla="*/ 2001240 w 3280995"/>
                  <a:gd name="connsiteY8" fmla="*/ 758608 h 1051200"/>
                  <a:gd name="connsiteX9" fmla="*/ 1846935 w 3280995"/>
                  <a:gd name="connsiteY9" fmla="*/ 981493 h 1051200"/>
                  <a:gd name="connsiteX10" fmla="*/ 1626750 w 3280995"/>
                  <a:gd name="connsiteY10" fmla="*/ 1051200 h 1051200"/>
                  <a:gd name="connsiteX11" fmla="*/ 1426883 w 3280995"/>
                  <a:gd name="connsiteY11" fmla="*/ 955776 h 1051200"/>
                  <a:gd name="connsiteX12" fmla="*/ 1304010 w 3280995"/>
                  <a:gd name="connsiteY12" fmla="*/ 878623 h 1051200"/>
                  <a:gd name="connsiteX13" fmla="*/ 1201140 w 3280995"/>
                  <a:gd name="connsiteY13" fmla="*/ 764324 h 1051200"/>
                  <a:gd name="connsiteX14" fmla="*/ 1138275 w 3280995"/>
                  <a:gd name="connsiteY14" fmla="*/ 761466 h 1051200"/>
                  <a:gd name="connsiteX15" fmla="*/ 1078268 w 3280995"/>
                  <a:gd name="connsiteY15" fmla="*/ 741463 h 1051200"/>
                  <a:gd name="connsiteX16" fmla="*/ 932535 w 3280995"/>
                  <a:gd name="connsiteY16" fmla="*/ 630022 h 1051200"/>
                  <a:gd name="connsiteX17" fmla="*/ 829666 w 3280995"/>
                  <a:gd name="connsiteY17" fmla="*/ 618592 h 1051200"/>
                  <a:gd name="connsiteX18" fmla="*/ 712508 w 3280995"/>
                  <a:gd name="connsiteY18" fmla="*/ 655739 h 1051200"/>
                  <a:gd name="connsiteX19" fmla="*/ 563918 w 3280995"/>
                  <a:gd name="connsiteY19" fmla="*/ 627164 h 1051200"/>
                  <a:gd name="connsiteX20" fmla="*/ 469620 w 3280995"/>
                  <a:gd name="connsiteY20" fmla="*/ 578587 h 1051200"/>
                  <a:gd name="connsiteX21" fmla="*/ 366750 w 3280995"/>
                  <a:gd name="connsiteY21" fmla="*/ 507149 h 1051200"/>
                  <a:gd name="connsiteX22" fmla="*/ 309600 w 3280995"/>
                  <a:gd name="connsiteY22" fmla="*/ 387134 h 1051200"/>
                  <a:gd name="connsiteX23" fmla="*/ 278168 w 3280995"/>
                  <a:gd name="connsiteY23" fmla="*/ 327127 h 1051200"/>
                  <a:gd name="connsiteX24" fmla="*/ 149580 w 3280995"/>
                  <a:gd name="connsiteY24" fmla="*/ 287122 h 1051200"/>
                  <a:gd name="connsiteX25" fmla="*/ 33660 w 3280995"/>
                  <a:gd name="connsiteY25" fmla="*/ 325373 h 1051200"/>
                  <a:gd name="connsiteX26" fmla="*/ 0 w 3280995"/>
                  <a:gd name="connsiteY26" fmla="*/ 187830 h 1051200"/>
                  <a:gd name="connsiteX27" fmla="*/ 29430 w 3280995"/>
                  <a:gd name="connsiteY27" fmla="*/ 27203 h 1051200"/>
                  <a:gd name="connsiteX0" fmla="*/ 29430 w 3280995"/>
                  <a:gd name="connsiteY0" fmla="*/ 27203 h 1051200"/>
                  <a:gd name="connsiteX1" fmla="*/ 1606005 w 3280995"/>
                  <a:gd name="connsiteY1" fmla="*/ 787838 h 1051200"/>
                  <a:gd name="connsiteX2" fmla="*/ 3142350 w 3280995"/>
                  <a:gd name="connsiteY2" fmla="*/ 0 h 1051200"/>
                  <a:gd name="connsiteX3" fmla="*/ 3149550 w 3280995"/>
                  <a:gd name="connsiteY3" fmla="*/ 172800 h 1051200"/>
                  <a:gd name="connsiteX4" fmla="*/ 3280995 w 3280995"/>
                  <a:gd name="connsiteY4" fmla="*/ 319770 h 1051200"/>
                  <a:gd name="connsiteX5" fmla="*/ 2972790 w 3280995"/>
                  <a:gd name="connsiteY5" fmla="*/ 372846 h 1051200"/>
                  <a:gd name="connsiteX6" fmla="*/ 2692755 w 3280995"/>
                  <a:gd name="connsiteY6" fmla="*/ 632878 h 1051200"/>
                  <a:gd name="connsiteX7" fmla="*/ 2315565 w 3280995"/>
                  <a:gd name="connsiteY7" fmla="*/ 572871 h 1051200"/>
                  <a:gd name="connsiteX8" fmla="*/ 2192693 w 3280995"/>
                  <a:gd name="connsiteY8" fmla="*/ 730033 h 1051200"/>
                  <a:gd name="connsiteX9" fmla="*/ 2001240 w 3280995"/>
                  <a:gd name="connsiteY9" fmla="*/ 758608 h 1051200"/>
                  <a:gd name="connsiteX10" fmla="*/ 1846935 w 3280995"/>
                  <a:gd name="connsiteY10" fmla="*/ 981493 h 1051200"/>
                  <a:gd name="connsiteX11" fmla="*/ 1626750 w 3280995"/>
                  <a:gd name="connsiteY11" fmla="*/ 1051200 h 1051200"/>
                  <a:gd name="connsiteX12" fmla="*/ 1426883 w 3280995"/>
                  <a:gd name="connsiteY12" fmla="*/ 955776 h 1051200"/>
                  <a:gd name="connsiteX13" fmla="*/ 1304010 w 3280995"/>
                  <a:gd name="connsiteY13" fmla="*/ 878623 h 1051200"/>
                  <a:gd name="connsiteX14" fmla="*/ 1201140 w 3280995"/>
                  <a:gd name="connsiteY14" fmla="*/ 764324 h 1051200"/>
                  <a:gd name="connsiteX15" fmla="*/ 1138275 w 3280995"/>
                  <a:gd name="connsiteY15" fmla="*/ 761466 h 1051200"/>
                  <a:gd name="connsiteX16" fmla="*/ 1078268 w 3280995"/>
                  <a:gd name="connsiteY16" fmla="*/ 741463 h 1051200"/>
                  <a:gd name="connsiteX17" fmla="*/ 932535 w 3280995"/>
                  <a:gd name="connsiteY17" fmla="*/ 630022 h 1051200"/>
                  <a:gd name="connsiteX18" fmla="*/ 829666 w 3280995"/>
                  <a:gd name="connsiteY18" fmla="*/ 618592 h 1051200"/>
                  <a:gd name="connsiteX19" fmla="*/ 712508 w 3280995"/>
                  <a:gd name="connsiteY19" fmla="*/ 655739 h 1051200"/>
                  <a:gd name="connsiteX20" fmla="*/ 563918 w 3280995"/>
                  <a:gd name="connsiteY20" fmla="*/ 627164 h 1051200"/>
                  <a:gd name="connsiteX21" fmla="*/ 469620 w 3280995"/>
                  <a:gd name="connsiteY21" fmla="*/ 578587 h 1051200"/>
                  <a:gd name="connsiteX22" fmla="*/ 366750 w 3280995"/>
                  <a:gd name="connsiteY22" fmla="*/ 507149 h 1051200"/>
                  <a:gd name="connsiteX23" fmla="*/ 309600 w 3280995"/>
                  <a:gd name="connsiteY23" fmla="*/ 387134 h 1051200"/>
                  <a:gd name="connsiteX24" fmla="*/ 278168 w 3280995"/>
                  <a:gd name="connsiteY24" fmla="*/ 327127 h 1051200"/>
                  <a:gd name="connsiteX25" fmla="*/ 149580 w 3280995"/>
                  <a:gd name="connsiteY25" fmla="*/ 287122 h 1051200"/>
                  <a:gd name="connsiteX26" fmla="*/ 33660 w 3280995"/>
                  <a:gd name="connsiteY26" fmla="*/ 325373 h 1051200"/>
                  <a:gd name="connsiteX27" fmla="*/ 0 w 3280995"/>
                  <a:gd name="connsiteY27" fmla="*/ 187830 h 1051200"/>
                  <a:gd name="connsiteX28" fmla="*/ 29430 w 3280995"/>
                  <a:gd name="connsiteY28" fmla="*/ 27203 h 1051200"/>
                  <a:gd name="connsiteX0" fmla="*/ 29430 w 3280995"/>
                  <a:gd name="connsiteY0" fmla="*/ 27203 h 1051200"/>
                  <a:gd name="connsiteX1" fmla="*/ 1606005 w 3280995"/>
                  <a:gd name="connsiteY1" fmla="*/ 787838 h 1051200"/>
                  <a:gd name="connsiteX2" fmla="*/ 3142350 w 3280995"/>
                  <a:gd name="connsiteY2" fmla="*/ 0 h 1051200"/>
                  <a:gd name="connsiteX3" fmla="*/ 3149550 w 3280995"/>
                  <a:gd name="connsiteY3" fmla="*/ 172800 h 1051200"/>
                  <a:gd name="connsiteX4" fmla="*/ 3280995 w 3280995"/>
                  <a:gd name="connsiteY4" fmla="*/ 319770 h 1051200"/>
                  <a:gd name="connsiteX5" fmla="*/ 2972790 w 3280995"/>
                  <a:gd name="connsiteY5" fmla="*/ 372846 h 1051200"/>
                  <a:gd name="connsiteX6" fmla="*/ 2692755 w 3280995"/>
                  <a:gd name="connsiteY6" fmla="*/ 632878 h 1051200"/>
                  <a:gd name="connsiteX7" fmla="*/ 2469870 w 3280995"/>
                  <a:gd name="connsiteY7" fmla="*/ 647166 h 1051200"/>
                  <a:gd name="connsiteX8" fmla="*/ 2315565 w 3280995"/>
                  <a:gd name="connsiteY8" fmla="*/ 572871 h 1051200"/>
                  <a:gd name="connsiteX9" fmla="*/ 2192693 w 3280995"/>
                  <a:gd name="connsiteY9" fmla="*/ 730033 h 1051200"/>
                  <a:gd name="connsiteX10" fmla="*/ 2001240 w 3280995"/>
                  <a:gd name="connsiteY10" fmla="*/ 758608 h 1051200"/>
                  <a:gd name="connsiteX11" fmla="*/ 1846935 w 3280995"/>
                  <a:gd name="connsiteY11" fmla="*/ 981493 h 1051200"/>
                  <a:gd name="connsiteX12" fmla="*/ 1626750 w 3280995"/>
                  <a:gd name="connsiteY12" fmla="*/ 1051200 h 1051200"/>
                  <a:gd name="connsiteX13" fmla="*/ 1426883 w 3280995"/>
                  <a:gd name="connsiteY13" fmla="*/ 955776 h 1051200"/>
                  <a:gd name="connsiteX14" fmla="*/ 1304010 w 3280995"/>
                  <a:gd name="connsiteY14" fmla="*/ 878623 h 1051200"/>
                  <a:gd name="connsiteX15" fmla="*/ 1201140 w 3280995"/>
                  <a:gd name="connsiteY15" fmla="*/ 764324 h 1051200"/>
                  <a:gd name="connsiteX16" fmla="*/ 1138275 w 3280995"/>
                  <a:gd name="connsiteY16" fmla="*/ 761466 h 1051200"/>
                  <a:gd name="connsiteX17" fmla="*/ 1078268 w 3280995"/>
                  <a:gd name="connsiteY17" fmla="*/ 741463 h 1051200"/>
                  <a:gd name="connsiteX18" fmla="*/ 932535 w 3280995"/>
                  <a:gd name="connsiteY18" fmla="*/ 630022 h 1051200"/>
                  <a:gd name="connsiteX19" fmla="*/ 829666 w 3280995"/>
                  <a:gd name="connsiteY19" fmla="*/ 618592 h 1051200"/>
                  <a:gd name="connsiteX20" fmla="*/ 712508 w 3280995"/>
                  <a:gd name="connsiteY20" fmla="*/ 655739 h 1051200"/>
                  <a:gd name="connsiteX21" fmla="*/ 563918 w 3280995"/>
                  <a:gd name="connsiteY21" fmla="*/ 627164 h 1051200"/>
                  <a:gd name="connsiteX22" fmla="*/ 469620 w 3280995"/>
                  <a:gd name="connsiteY22" fmla="*/ 578587 h 1051200"/>
                  <a:gd name="connsiteX23" fmla="*/ 366750 w 3280995"/>
                  <a:gd name="connsiteY23" fmla="*/ 507149 h 1051200"/>
                  <a:gd name="connsiteX24" fmla="*/ 309600 w 3280995"/>
                  <a:gd name="connsiteY24" fmla="*/ 387134 h 1051200"/>
                  <a:gd name="connsiteX25" fmla="*/ 278168 w 3280995"/>
                  <a:gd name="connsiteY25" fmla="*/ 327127 h 1051200"/>
                  <a:gd name="connsiteX26" fmla="*/ 149580 w 3280995"/>
                  <a:gd name="connsiteY26" fmla="*/ 287122 h 1051200"/>
                  <a:gd name="connsiteX27" fmla="*/ 33660 w 3280995"/>
                  <a:gd name="connsiteY27" fmla="*/ 325373 h 1051200"/>
                  <a:gd name="connsiteX28" fmla="*/ 0 w 3280995"/>
                  <a:gd name="connsiteY28" fmla="*/ 187830 h 1051200"/>
                  <a:gd name="connsiteX29" fmla="*/ 29430 w 3280995"/>
                  <a:gd name="connsiteY29" fmla="*/ 27203 h 1051200"/>
                  <a:gd name="connsiteX0" fmla="*/ 29430 w 3280995"/>
                  <a:gd name="connsiteY0" fmla="*/ 27203 h 1051200"/>
                  <a:gd name="connsiteX1" fmla="*/ 1606005 w 3280995"/>
                  <a:gd name="connsiteY1" fmla="*/ 787838 h 1051200"/>
                  <a:gd name="connsiteX2" fmla="*/ 3142350 w 3280995"/>
                  <a:gd name="connsiteY2" fmla="*/ 0 h 1051200"/>
                  <a:gd name="connsiteX3" fmla="*/ 3149550 w 3280995"/>
                  <a:gd name="connsiteY3" fmla="*/ 172800 h 1051200"/>
                  <a:gd name="connsiteX4" fmla="*/ 3280995 w 3280995"/>
                  <a:gd name="connsiteY4" fmla="*/ 319770 h 1051200"/>
                  <a:gd name="connsiteX5" fmla="*/ 2972790 w 3280995"/>
                  <a:gd name="connsiteY5" fmla="*/ 372846 h 1051200"/>
                  <a:gd name="connsiteX6" fmla="*/ 2864205 w 3280995"/>
                  <a:gd name="connsiteY6" fmla="*/ 492861 h 1051200"/>
                  <a:gd name="connsiteX7" fmla="*/ 2692755 w 3280995"/>
                  <a:gd name="connsiteY7" fmla="*/ 632878 h 1051200"/>
                  <a:gd name="connsiteX8" fmla="*/ 2469870 w 3280995"/>
                  <a:gd name="connsiteY8" fmla="*/ 647166 h 1051200"/>
                  <a:gd name="connsiteX9" fmla="*/ 2315565 w 3280995"/>
                  <a:gd name="connsiteY9" fmla="*/ 572871 h 1051200"/>
                  <a:gd name="connsiteX10" fmla="*/ 2192693 w 3280995"/>
                  <a:gd name="connsiteY10" fmla="*/ 730033 h 1051200"/>
                  <a:gd name="connsiteX11" fmla="*/ 2001240 w 3280995"/>
                  <a:gd name="connsiteY11" fmla="*/ 758608 h 1051200"/>
                  <a:gd name="connsiteX12" fmla="*/ 1846935 w 3280995"/>
                  <a:gd name="connsiteY12" fmla="*/ 981493 h 1051200"/>
                  <a:gd name="connsiteX13" fmla="*/ 1626750 w 3280995"/>
                  <a:gd name="connsiteY13" fmla="*/ 1051200 h 1051200"/>
                  <a:gd name="connsiteX14" fmla="*/ 1426883 w 3280995"/>
                  <a:gd name="connsiteY14" fmla="*/ 955776 h 1051200"/>
                  <a:gd name="connsiteX15" fmla="*/ 1304010 w 3280995"/>
                  <a:gd name="connsiteY15" fmla="*/ 878623 h 1051200"/>
                  <a:gd name="connsiteX16" fmla="*/ 1201140 w 3280995"/>
                  <a:gd name="connsiteY16" fmla="*/ 764324 h 1051200"/>
                  <a:gd name="connsiteX17" fmla="*/ 1138275 w 3280995"/>
                  <a:gd name="connsiteY17" fmla="*/ 761466 h 1051200"/>
                  <a:gd name="connsiteX18" fmla="*/ 1078268 w 3280995"/>
                  <a:gd name="connsiteY18" fmla="*/ 741463 h 1051200"/>
                  <a:gd name="connsiteX19" fmla="*/ 932535 w 3280995"/>
                  <a:gd name="connsiteY19" fmla="*/ 630022 h 1051200"/>
                  <a:gd name="connsiteX20" fmla="*/ 829666 w 3280995"/>
                  <a:gd name="connsiteY20" fmla="*/ 618592 h 1051200"/>
                  <a:gd name="connsiteX21" fmla="*/ 712508 w 3280995"/>
                  <a:gd name="connsiteY21" fmla="*/ 655739 h 1051200"/>
                  <a:gd name="connsiteX22" fmla="*/ 563918 w 3280995"/>
                  <a:gd name="connsiteY22" fmla="*/ 627164 h 1051200"/>
                  <a:gd name="connsiteX23" fmla="*/ 469620 w 3280995"/>
                  <a:gd name="connsiteY23" fmla="*/ 578587 h 1051200"/>
                  <a:gd name="connsiteX24" fmla="*/ 366750 w 3280995"/>
                  <a:gd name="connsiteY24" fmla="*/ 507149 h 1051200"/>
                  <a:gd name="connsiteX25" fmla="*/ 309600 w 3280995"/>
                  <a:gd name="connsiteY25" fmla="*/ 387134 h 1051200"/>
                  <a:gd name="connsiteX26" fmla="*/ 278168 w 3280995"/>
                  <a:gd name="connsiteY26" fmla="*/ 327127 h 1051200"/>
                  <a:gd name="connsiteX27" fmla="*/ 149580 w 3280995"/>
                  <a:gd name="connsiteY27" fmla="*/ 287122 h 1051200"/>
                  <a:gd name="connsiteX28" fmla="*/ 33660 w 3280995"/>
                  <a:gd name="connsiteY28" fmla="*/ 325373 h 1051200"/>
                  <a:gd name="connsiteX29" fmla="*/ 0 w 3280995"/>
                  <a:gd name="connsiteY29" fmla="*/ 187830 h 1051200"/>
                  <a:gd name="connsiteX30" fmla="*/ 29430 w 3280995"/>
                  <a:gd name="connsiteY30" fmla="*/ 27203 h 1051200"/>
                  <a:gd name="connsiteX0" fmla="*/ 29430 w 3280995"/>
                  <a:gd name="connsiteY0" fmla="*/ 0 h 1023997"/>
                  <a:gd name="connsiteX1" fmla="*/ 1606005 w 3280995"/>
                  <a:gd name="connsiteY1" fmla="*/ 76063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149550 w 3280995"/>
                  <a:gd name="connsiteY3" fmla="*/ 14559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3259507 w 3280995"/>
                  <a:gd name="connsiteY2" fmla="*/ 35662 h 1023997"/>
                  <a:gd name="connsiteX3" fmla="*/ 3278137 w 3280995"/>
                  <a:gd name="connsiteY3" fmla="*/ 168457 h 1023997"/>
                  <a:gd name="connsiteX4" fmla="*/ 3280995 w 3280995"/>
                  <a:gd name="connsiteY4" fmla="*/ 292567 h 1023997"/>
                  <a:gd name="connsiteX5" fmla="*/ 2972790 w 3280995"/>
                  <a:gd name="connsiteY5" fmla="*/ 345643 h 1023997"/>
                  <a:gd name="connsiteX6" fmla="*/ 2864205 w 3280995"/>
                  <a:gd name="connsiteY6" fmla="*/ 465658 h 1023997"/>
                  <a:gd name="connsiteX7" fmla="*/ 2692755 w 3280995"/>
                  <a:gd name="connsiteY7" fmla="*/ 605675 h 1023997"/>
                  <a:gd name="connsiteX8" fmla="*/ 2469870 w 3280995"/>
                  <a:gd name="connsiteY8" fmla="*/ 619963 h 1023997"/>
                  <a:gd name="connsiteX9" fmla="*/ 2315565 w 3280995"/>
                  <a:gd name="connsiteY9" fmla="*/ 545668 h 1023997"/>
                  <a:gd name="connsiteX10" fmla="*/ 2192693 w 3280995"/>
                  <a:gd name="connsiteY10" fmla="*/ 702830 h 1023997"/>
                  <a:gd name="connsiteX11" fmla="*/ 2001240 w 3280995"/>
                  <a:gd name="connsiteY11" fmla="*/ 731405 h 1023997"/>
                  <a:gd name="connsiteX12" fmla="*/ 1846935 w 3280995"/>
                  <a:gd name="connsiteY12" fmla="*/ 954290 h 1023997"/>
                  <a:gd name="connsiteX13" fmla="*/ 1626750 w 3280995"/>
                  <a:gd name="connsiteY13" fmla="*/ 1023997 h 1023997"/>
                  <a:gd name="connsiteX14" fmla="*/ 1426883 w 3280995"/>
                  <a:gd name="connsiteY14" fmla="*/ 928573 h 1023997"/>
                  <a:gd name="connsiteX15" fmla="*/ 1304010 w 3280995"/>
                  <a:gd name="connsiteY15" fmla="*/ 851420 h 1023997"/>
                  <a:gd name="connsiteX16" fmla="*/ 1201140 w 3280995"/>
                  <a:gd name="connsiteY16" fmla="*/ 737121 h 1023997"/>
                  <a:gd name="connsiteX17" fmla="*/ 1138275 w 3280995"/>
                  <a:gd name="connsiteY17" fmla="*/ 734263 h 1023997"/>
                  <a:gd name="connsiteX18" fmla="*/ 1078268 w 3280995"/>
                  <a:gd name="connsiteY18" fmla="*/ 714260 h 1023997"/>
                  <a:gd name="connsiteX19" fmla="*/ 932535 w 3280995"/>
                  <a:gd name="connsiteY19" fmla="*/ 602819 h 1023997"/>
                  <a:gd name="connsiteX20" fmla="*/ 829666 w 3280995"/>
                  <a:gd name="connsiteY20" fmla="*/ 591389 h 1023997"/>
                  <a:gd name="connsiteX21" fmla="*/ 712508 w 3280995"/>
                  <a:gd name="connsiteY21" fmla="*/ 628536 h 1023997"/>
                  <a:gd name="connsiteX22" fmla="*/ 563918 w 3280995"/>
                  <a:gd name="connsiteY22" fmla="*/ 599961 h 1023997"/>
                  <a:gd name="connsiteX23" fmla="*/ 469620 w 3280995"/>
                  <a:gd name="connsiteY23" fmla="*/ 551384 h 1023997"/>
                  <a:gd name="connsiteX24" fmla="*/ 366750 w 3280995"/>
                  <a:gd name="connsiteY24" fmla="*/ 479946 h 1023997"/>
                  <a:gd name="connsiteX25" fmla="*/ 309600 w 3280995"/>
                  <a:gd name="connsiteY25" fmla="*/ 359931 h 1023997"/>
                  <a:gd name="connsiteX26" fmla="*/ 278168 w 3280995"/>
                  <a:gd name="connsiteY26" fmla="*/ 299924 h 1023997"/>
                  <a:gd name="connsiteX27" fmla="*/ 149580 w 3280995"/>
                  <a:gd name="connsiteY27" fmla="*/ 259919 h 1023997"/>
                  <a:gd name="connsiteX28" fmla="*/ 33660 w 3280995"/>
                  <a:gd name="connsiteY28" fmla="*/ 298170 h 1023997"/>
                  <a:gd name="connsiteX29" fmla="*/ 0 w 3280995"/>
                  <a:gd name="connsiteY29" fmla="*/ 160627 h 1023997"/>
                  <a:gd name="connsiteX30" fmla="*/ 29430 w 3280995"/>
                  <a:gd name="connsiteY30" fmla="*/ 0 h 1023997"/>
                  <a:gd name="connsiteX0" fmla="*/ 29430 w 3280995"/>
                  <a:gd name="connsiteY0" fmla="*/ 0 h 1023997"/>
                  <a:gd name="connsiteX1" fmla="*/ 1626008 w 3280995"/>
                  <a:gd name="connsiteY1" fmla="*/ 749205 h 1023997"/>
                  <a:gd name="connsiteX2" fmla="*/ 2924213 w 3280995"/>
                  <a:gd name="connsiteY2" fmla="*/ 97040 h 1023997"/>
                  <a:gd name="connsiteX3" fmla="*/ 3259507 w 3280995"/>
                  <a:gd name="connsiteY3" fmla="*/ 35662 h 1023997"/>
                  <a:gd name="connsiteX4" fmla="*/ 3278137 w 3280995"/>
                  <a:gd name="connsiteY4" fmla="*/ 168457 h 1023997"/>
                  <a:gd name="connsiteX5" fmla="*/ 3280995 w 3280995"/>
                  <a:gd name="connsiteY5" fmla="*/ 292567 h 1023997"/>
                  <a:gd name="connsiteX6" fmla="*/ 2972790 w 3280995"/>
                  <a:gd name="connsiteY6" fmla="*/ 345643 h 1023997"/>
                  <a:gd name="connsiteX7" fmla="*/ 2864205 w 3280995"/>
                  <a:gd name="connsiteY7" fmla="*/ 465658 h 1023997"/>
                  <a:gd name="connsiteX8" fmla="*/ 2692755 w 3280995"/>
                  <a:gd name="connsiteY8" fmla="*/ 605675 h 1023997"/>
                  <a:gd name="connsiteX9" fmla="*/ 2469870 w 3280995"/>
                  <a:gd name="connsiteY9" fmla="*/ 619963 h 1023997"/>
                  <a:gd name="connsiteX10" fmla="*/ 2315565 w 3280995"/>
                  <a:gd name="connsiteY10" fmla="*/ 545668 h 1023997"/>
                  <a:gd name="connsiteX11" fmla="*/ 2192693 w 3280995"/>
                  <a:gd name="connsiteY11" fmla="*/ 702830 h 1023997"/>
                  <a:gd name="connsiteX12" fmla="*/ 2001240 w 3280995"/>
                  <a:gd name="connsiteY12" fmla="*/ 731405 h 1023997"/>
                  <a:gd name="connsiteX13" fmla="*/ 1846935 w 3280995"/>
                  <a:gd name="connsiteY13" fmla="*/ 954290 h 1023997"/>
                  <a:gd name="connsiteX14" fmla="*/ 1626750 w 3280995"/>
                  <a:gd name="connsiteY14" fmla="*/ 1023997 h 1023997"/>
                  <a:gd name="connsiteX15" fmla="*/ 1426883 w 3280995"/>
                  <a:gd name="connsiteY15" fmla="*/ 928573 h 1023997"/>
                  <a:gd name="connsiteX16" fmla="*/ 1304010 w 3280995"/>
                  <a:gd name="connsiteY16" fmla="*/ 851420 h 1023997"/>
                  <a:gd name="connsiteX17" fmla="*/ 1201140 w 3280995"/>
                  <a:gd name="connsiteY17" fmla="*/ 737121 h 1023997"/>
                  <a:gd name="connsiteX18" fmla="*/ 1138275 w 3280995"/>
                  <a:gd name="connsiteY18" fmla="*/ 734263 h 1023997"/>
                  <a:gd name="connsiteX19" fmla="*/ 1078268 w 3280995"/>
                  <a:gd name="connsiteY19" fmla="*/ 714260 h 1023997"/>
                  <a:gd name="connsiteX20" fmla="*/ 932535 w 3280995"/>
                  <a:gd name="connsiteY20" fmla="*/ 602819 h 1023997"/>
                  <a:gd name="connsiteX21" fmla="*/ 829666 w 3280995"/>
                  <a:gd name="connsiteY21" fmla="*/ 591389 h 1023997"/>
                  <a:gd name="connsiteX22" fmla="*/ 712508 w 3280995"/>
                  <a:gd name="connsiteY22" fmla="*/ 628536 h 1023997"/>
                  <a:gd name="connsiteX23" fmla="*/ 563918 w 3280995"/>
                  <a:gd name="connsiteY23" fmla="*/ 599961 h 1023997"/>
                  <a:gd name="connsiteX24" fmla="*/ 469620 w 3280995"/>
                  <a:gd name="connsiteY24" fmla="*/ 551384 h 1023997"/>
                  <a:gd name="connsiteX25" fmla="*/ 366750 w 3280995"/>
                  <a:gd name="connsiteY25" fmla="*/ 479946 h 1023997"/>
                  <a:gd name="connsiteX26" fmla="*/ 309600 w 3280995"/>
                  <a:gd name="connsiteY26" fmla="*/ 359931 h 1023997"/>
                  <a:gd name="connsiteX27" fmla="*/ 278168 w 3280995"/>
                  <a:gd name="connsiteY27" fmla="*/ 299924 h 1023997"/>
                  <a:gd name="connsiteX28" fmla="*/ 149580 w 3280995"/>
                  <a:gd name="connsiteY28" fmla="*/ 259919 h 1023997"/>
                  <a:gd name="connsiteX29" fmla="*/ 33660 w 3280995"/>
                  <a:gd name="connsiteY29" fmla="*/ 298170 h 1023997"/>
                  <a:gd name="connsiteX30" fmla="*/ 0 w 3280995"/>
                  <a:gd name="connsiteY30" fmla="*/ 160627 h 1023997"/>
                  <a:gd name="connsiteX31" fmla="*/ 29430 w 3280995"/>
                  <a:gd name="connsiteY31"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924213 w 3280995"/>
                  <a:gd name="connsiteY3" fmla="*/ 97040 h 1023997"/>
                  <a:gd name="connsiteX4" fmla="*/ 3259507 w 3280995"/>
                  <a:gd name="connsiteY4" fmla="*/ 35662 h 1023997"/>
                  <a:gd name="connsiteX5" fmla="*/ 3278137 w 3280995"/>
                  <a:gd name="connsiteY5" fmla="*/ 168457 h 1023997"/>
                  <a:gd name="connsiteX6" fmla="*/ 3280995 w 3280995"/>
                  <a:gd name="connsiteY6" fmla="*/ 292567 h 1023997"/>
                  <a:gd name="connsiteX7" fmla="*/ 2972790 w 3280995"/>
                  <a:gd name="connsiteY7" fmla="*/ 345643 h 1023997"/>
                  <a:gd name="connsiteX8" fmla="*/ 2864205 w 3280995"/>
                  <a:gd name="connsiteY8" fmla="*/ 465658 h 1023997"/>
                  <a:gd name="connsiteX9" fmla="*/ 2692755 w 3280995"/>
                  <a:gd name="connsiteY9" fmla="*/ 605675 h 1023997"/>
                  <a:gd name="connsiteX10" fmla="*/ 2469870 w 3280995"/>
                  <a:gd name="connsiteY10" fmla="*/ 619963 h 1023997"/>
                  <a:gd name="connsiteX11" fmla="*/ 2315565 w 3280995"/>
                  <a:gd name="connsiteY11" fmla="*/ 545668 h 1023997"/>
                  <a:gd name="connsiteX12" fmla="*/ 2192693 w 3280995"/>
                  <a:gd name="connsiteY12" fmla="*/ 702830 h 1023997"/>
                  <a:gd name="connsiteX13" fmla="*/ 2001240 w 3280995"/>
                  <a:gd name="connsiteY13" fmla="*/ 731405 h 1023997"/>
                  <a:gd name="connsiteX14" fmla="*/ 1846935 w 3280995"/>
                  <a:gd name="connsiteY14" fmla="*/ 954290 h 1023997"/>
                  <a:gd name="connsiteX15" fmla="*/ 1626750 w 3280995"/>
                  <a:gd name="connsiteY15" fmla="*/ 1023997 h 1023997"/>
                  <a:gd name="connsiteX16" fmla="*/ 1426883 w 3280995"/>
                  <a:gd name="connsiteY16" fmla="*/ 928573 h 1023997"/>
                  <a:gd name="connsiteX17" fmla="*/ 1304010 w 3280995"/>
                  <a:gd name="connsiteY17" fmla="*/ 851420 h 1023997"/>
                  <a:gd name="connsiteX18" fmla="*/ 1201140 w 3280995"/>
                  <a:gd name="connsiteY18" fmla="*/ 737121 h 1023997"/>
                  <a:gd name="connsiteX19" fmla="*/ 1138275 w 3280995"/>
                  <a:gd name="connsiteY19" fmla="*/ 734263 h 1023997"/>
                  <a:gd name="connsiteX20" fmla="*/ 1078268 w 3280995"/>
                  <a:gd name="connsiteY20" fmla="*/ 714260 h 1023997"/>
                  <a:gd name="connsiteX21" fmla="*/ 932535 w 3280995"/>
                  <a:gd name="connsiteY21" fmla="*/ 602819 h 1023997"/>
                  <a:gd name="connsiteX22" fmla="*/ 829666 w 3280995"/>
                  <a:gd name="connsiteY22" fmla="*/ 591389 h 1023997"/>
                  <a:gd name="connsiteX23" fmla="*/ 712508 w 3280995"/>
                  <a:gd name="connsiteY23" fmla="*/ 628536 h 1023997"/>
                  <a:gd name="connsiteX24" fmla="*/ 563918 w 3280995"/>
                  <a:gd name="connsiteY24" fmla="*/ 599961 h 1023997"/>
                  <a:gd name="connsiteX25" fmla="*/ 469620 w 3280995"/>
                  <a:gd name="connsiteY25" fmla="*/ 551384 h 1023997"/>
                  <a:gd name="connsiteX26" fmla="*/ 366750 w 3280995"/>
                  <a:gd name="connsiteY26" fmla="*/ 479946 h 1023997"/>
                  <a:gd name="connsiteX27" fmla="*/ 309600 w 3280995"/>
                  <a:gd name="connsiteY27" fmla="*/ 359931 h 1023997"/>
                  <a:gd name="connsiteX28" fmla="*/ 278168 w 3280995"/>
                  <a:gd name="connsiteY28" fmla="*/ 299924 h 1023997"/>
                  <a:gd name="connsiteX29" fmla="*/ 149580 w 3280995"/>
                  <a:gd name="connsiteY29" fmla="*/ 259919 h 1023997"/>
                  <a:gd name="connsiteX30" fmla="*/ 33660 w 3280995"/>
                  <a:gd name="connsiteY30" fmla="*/ 298170 h 1023997"/>
                  <a:gd name="connsiteX31" fmla="*/ 0 w 3280995"/>
                  <a:gd name="connsiteY31" fmla="*/ 160627 h 1023997"/>
                  <a:gd name="connsiteX32" fmla="*/ 29430 w 3280995"/>
                  <a:gd name="connsiteY32"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644178 w 3280995"/>
                  <a:gd name="connsiteY3" fmla="*/ 319925 h 1023997"/>
                  <a:gd name="connsiteX4" fmla="*/ 2924213 w 3280995"/>
                  <a:gd name="connsiteY4" fmla="*/ 97040 h 1023997"/>
                  <a:gd name="connsiteX5" fmla="*/ 3259507 w 3280995"/>
                  <a:gd name="connsiteY5" fmla="*/ 35662 h 1023997"/>
                  <a:gd name="connsiteX6" fmla="*/ 3278137 w 3280995"/>
                  <a:gd name="connsiteY6" fmla="*/ 168457 h 1023997"/>
                  <a:gd name="connsiteX7" fmla="*/ 3280995 w 3280995"/>
                  <a:gd name="connsiteY7" fmla="*/ 292567 h 1023997"/>
                  <a:gd name="connsiteX8" fmla="*/ 2972790 w 3280995"/>
                  <a:gd name="connsiteY8" fmla="*/ 345643 h 1023997"/>
                  <a:gd name="connsiteX9" fmla="*/ 2864205 w 3280995"/>
                  <a:gd name="connsiteY9" fmla="*/ 465658 h 1023997"/>
                  <a:gd name="connsiteX10" fmla="*/ 2692755 w 3280995"/>
                  <a:gd name="connsiteY10" fmla="*/ 605675 h 1023997"/>
                  <a:gd name="connsiteX11" fmla="*/ 2469870 w 3280995"/>
                  <a:gd name="connsiteY11" fmla="*/ 619963 h 1023997"/>
                  <a:gd name="connsiteX12" fmla="*/ 2315565 w 3280995"/>
                  <a:gd name="connsiteY12" fmla="*/ 545668 h 1023997"/>
                  <a:gd name="connsiteX13" fmla="*/ 2192693 w 3280995"/>
                  <a:gd name="connsiteY13" fmla="*/ 702830 h 1023997"/>
                  <a:gd name="connsiteX14" fmla="*/ 2001240 w 3280995"/>
                  <a:gd name="connsiteY14" fmla="*/ 731405 h 1023997"/>
                  <a:gd name="connsiteX15" fmla="*/ 1846935 w 3280995"/>
                  <a:gd name="connsiteY15" fmla="*/ 954290 h 1023997"/>
                  <a:gd name="connsiteX16" fmla="*/ 1626750 w 3280995"/>
                  <a:gd name="connsiteY16" fmla="*/ 1023997 h 1023997"/>
                  <a:gd name="connsiteX17" fmla="*/ 1426883 w 3280995"/>
                  <a:gd name="connsiteY17" fmla="*/ 928573 h 1023997"/>
                  <a:gd name="connsiteX18" fmla="*/ 1304010 w 3280995"/>
                  <a:gd name="connsiteY18" fmla="*/ 851420 h 1023997"/>
                  <a:gd name="connsiteX19" fmla="*/ 1201140 w 3280995"/>
                  <a:gd name="connsiteY19" fmla="*/ 737121 h 1023997"/>
                  <a:gd name="connsiteX20" fmla="*/ 1138275 w 3280995"/>
                  <a:gd name="connsiteY20" fmla="*/ 734263 h 1023997"/>
                  <a:gd name="connsiteX21" fmla="*/ 1078268 w 3280995"/>
                  <a:gd name="connsiteY21" fmla="*/ 714260 h 1023997"/>
                  <a:gd name="connsiteX22" fmla="*/ 932535 w 3280995"/>
                  <a:gd name="connsiteY22" fmla="*/ 602819 h 1023997"/>
                  <a:gd name="connsiteX23" fmla="*/ 829666 w 3280995"/>
                  <a:gd name="connsiteY23" fmla="*/ 591389 h 1023997"/>
                  <a:gd name="connsiteX24" fmla="*/ 712508 w 3280995"/>
                  <a:gd name="connsiteY24" fmla="*/ 628536 h 1023997"/>
                  <a:gd name="connsiteX25" fmla="*/ 563918 w 3280995"/>
                  <a:gd name="connsiteY25" fmla="*/ 599961 h 1023997"/>
                  <a:gd name="connsiteX26" fmla="*/ 469620 w 3280995"/>
                  <a:gd name="connsiteY26" fmla="*/ 551384 h 1023997"/>
                  <a:gd name="connsiteX27" fmla="*/ 366750 w 3280995"/>
                  <a:gd name="connsiteY27" fmla="*/ 479946 h 1023997"/>
                  <a:gd name="connsiteX28" fmla="*/ 309600 w 3280995"/>
                  <a:gd name="connsiteY28" fmla="*/ 359931 h 1023997"/>
                  <a:gd name="connsiteX29" fmla="*/ 278168 w 3280995"/>
                  <a:gd name="connsiteY29" fmla="*/ 299924 h 1023997"/>
                  <a:gd name="connsiteX30" fmla="*/ 149580 w 3280995"/>
                  <a:gd name="connsiteY30" fmla="*/ 259919 h 1023997"/>
                  <a:gd name="connsiteX31" fmla="*/ 33660 w 3280995"/>
                  <a:gd name="connsiteY31" fmla="*/ 298170 h 1023997"/>
                  <a:gd name="connsiteX32" fmla="*/ 0 w 3280995"/>
                  <a:gd name="connsiteY32" fmla="*/ 160627 h 1023997"/>
                  <a:gd name="connsiteX33" fmla="*/ 29430 w 3280995"/>
                  <a:gd name="connsiteY33"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329853 w 3280995"/>
                  <a:gd name="connsiteY3" fmla="*/ 339928 h 1023997"/>
                  <a:gd name="connsiteX4" fmla="*/ 2644178 w 3280995"/>
                  <a:gd name="connsiteY4" fmla="*/ 319925 h 1023997"/>
                  <a:gd name="connsiteX5" fmla="*/ 2924213 w 3280995"/>
                  <a:gd name="connsiteY5" fmla="*/ 97040 h 1023997"/>
                  <a:gd name="connsiteX6" fmla="*/ 3259507 w 3280995"/>
                  <a:gd name="connsiteY6" fmla="*/ 35662 h 1023997"/>
                  <a:gd name="connsiteX7" fmla="*/ 3278137 w 3280995"/>
                  <a:gd name="connsiteY7" fmla="*/ 168457 h 1023997"/>
                  <a:gd name="connsiteX8" fmla="*/ 3280995 w 3280995"/>
                  <a:gd name="connsiteY8" fmla="*/ 292567 h 1023997"/>
                  <a:gd name="connsiteX9" fmla="*/ 2972790 w 3280995"/>
                  <a:gd name="connsiteY9" fmla="*/ 345643 h 1023997"/>
                  <a:gd name="connsiteX10" fmla="*/ 2864205 w 3280995"/>
                  <a:gd name="connsiteY10" fmla="*/ 465658 h 1023997"/>
                  <a:gd name="connsiteX11" fmla="*/ 2692755 w 3280995"/>
                  <a:gd name="connsiteY11" fmla="*/ 605675 h 1023997"/>
                  <a:gd name="connsiteX12" fmla="*/ 2469870 w 3280995"/>
                  <a:gd name="connsiteY12" fmla="*/ 619963 h 1023997"/>
                  <a:gd name="connsiteX13" fmla="*/ 2315565 w 3280995"/>
                  <a:gd name="connsiteY13" fmla="*/ 545668 h 1023997"/>
                  <a:gd name="connsiteX14" fmla="*/ 2192693 w 3280995"/>
                  <a:gd name="connsiteY14" fmla="*/ 702830 h 1023997"/>
                  <a:gd name="connsiteX15" fmla="*/ 2001240 w 3280995"/>
                  <a:gd name="connsiteY15" fmla="*/ 731405 h 1023997"/>
                  <a:gd name="connsiteX16" fmla="*/ 1846935 w 3280995"/>
                  <a:gd name="connsiteY16" fmla="*/ 954290 h 1023997"/>
                  <a:gd name="connsiteX17" fmla="*/ 1626750 w 3280995"/>
                  <a:gd name="connsiteY17" fmla="*/ 1023997 h 1023997"/>
                  <a:gd name="connsiteX18" fmla="*/ 1426883 w 3280995"/>
                  <a:gd name="connsiteY18" fmla="*/ 928573 h 1023997"/>
                  <a:gd name="connsiteX19" fmla="*/ 1304010 w 3280995"/>
                  <a:gd name="connsiteY19" fmla="*/ 851420 h 1023997"/>
                  <a:gd name="connsiteX20" fmla="*/ 1201140 w 3280995"/>
                  <a:gd name="connsiteY20" fmla="*/ 737121 h 1023997"/>
                  <a:gd name="connsiteX21" fmla="*/ 1138275 w 3280995"/>
                  <a:gd name="connsiteY21" fmla="*/ 734263 h 1023997"/>
                  <a:gd name="connsiteX22" fmla="*/ 1078268 w 3280995"/>
                  <a:gd name="connsiteY22" fmla="*/ 714260 h 1023997"/>
                  <a:gd name="connsiteX23" fmla="*/ 932535 w 3280995"/>
                  <a:gd name="connsiteY23" fmla="*/ 602819 h 1023997"/>
                  <a:gd name="connsiteX24" fmla="*/ 829666 w 3280995"/>
                  <a:gd name="connsiteY24" fmla="*/ 591389 h 1023997"/>
                  <a:gd name="connsiteX25" fmla="*/ 712508 w 3280995"/>
                  <a:gd name="connsiteY25" fmla="*/ 628536 h 1023997"/>
                  <a:gd name="connsiteX26" fmla="*/ 563918 w 3280995"/>
                  <a:gd name="connsiteY26" fmla="*/ 599961 h 1023997"/>
                  <a:gd name="connsiteX27" fmla="*/ 469620 w 3280995"/>
                  <a:gd name="connsiteY27" fmla="*/ 551384 h 1023997"/>
                  <a:gd name="connsiteX28" fmla="*/ 366750 w 3280995"/>
                  <a:gd name="connsiteY28" fmla="*/ 479946 h 1023997"/>
                  <a:gd name="connsiteX29" fmla="*/ 309600 w 3280995"/>
                  <a:gd name="connsiteY29" fmla="*/ 359931 h 1023997"/>
                  <a:gd name="connsiteX30" fmla="*/ 278168 w 3280995"/>
                  <a:gd name="connsiteY30" fmla="*/ 299924 h 1023997"/>
                  <a:gd name="connsiteX31" fmla="*/ 149580 w 3280995"/>
                  <a:gd name="connsiteY31" fmla="*/ 259919 h 1023997"/>
                  <a:gd name="connsiteX32" fmla="*/ 33660 w 3280995"/>
                  <a:gd name="connsiteY32" fmla="*/ 298170 h 1023997"/>
                  <a:gd name="connsiteX33" fmla="*/ 0 w 3280995"/>
                  <a:gd name="connsiteY33" fmla="*/ 160627 h 1023997"/>
                  <a:gd name="connsiteX34" fmla="*/ 29430 w 3280995"/>
                  <a:gd name="connsiteY34"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329853 w 3280995"/>
                  <a:gd name="connsiteY3" fmla="*/ 339928 h 1023997"/>
                  <a:gd name="connsiteX4" fmla="*/ 2458440 w 3280995"/>
                  <a:gd name="connsiteY4" fmla="*/ 371360 h 1023997"/>
                  <a:gd name="connsiteX5" fmla="*/ 2644178 w 3280995"/>
                  <a:gd name="connsiteY5" fmla="*/ 319925 h 1023997"/>
                  <a:gd name="connsiteX6" fmla="*/ 2924213 w 3280995"/>
                  <a:gd name="connsiteY6" fmla="*/ 97040 h 1023997"/>
                  <a:gd name="connsiteX7" fmla="*/ 3259507 w 3280995"/>
                  <a:gd name="connsiteY7" fmla="*/ 35662 h 1023997"/>
                  <a:gd name="connsiteX8" fmla="*/ 3278137 w 3280995"/>
                  <a:gd name="connsiteY8" fmla="*/ 168457 h 1023997"/>
                  <a:gd name="connsiteX9" fmla="*/ 3280995 w 3280995"/>
                  <a:gd name="connsiteY9" fmla="*/ 292567 h 1023997"/>
                  <a:gd name="connsiteX10" fmla="*/ 2972790 w 3280995"/>
                  <a:gd name="connsiteY10" fmla="*/ 345643 h 1023997"/>
                  <a:gd name="connsiteX11" fmla="*/ 2864205 w 3280995"/>
                  <a:gd name="connsiteY11" fmla="*/ 465658 h 1023997"/>
                  <a:gd name="connsiteX12" fmla="*/ 2692755 w 3280995"/>
                  <a:gd name="connsiteY12" fmla="*/ 605675 h 1023997"/>
                  <a:gd name="connsiteX13" fmla="*/ 2469870 w 3280995"/>
                  <a:gd name="connsiteY13" fmla="*/ 619963 h 1023997"/>
                  <a:gd name="connsiteX14" fmla="*/ 2315565 w 3280995"/>
                  <a:gd name="connsiteY14" fmla="*/ 545668 h 1023997"/>
                  <a:gd name="connsiteX15" fmla="*/ 2192693 w 3280995"/>
                  <a:gd name="connsiteY15" fmla="*/ 702830 h 1023997"/>
                  <a:gd name="connsiteX16" fmla="*/ 2001240 w 3280995"/>
                  <a:gd name="connsiteY16" fmla="*/ 731405 h 1023997"/>
                  <a:gd name="connsiteX17" fmla="*/ 1846935 w 3280995"/>
                  <a:gd name="connsiteY17" fmla="*/ 954290 h 1023997"/>
                  <a:gd name="connsiteX18" fmla="*/ 1626750 w 3280995"/>
                  <a:gd name="connsiteY18" fmla="*/ 1023997 h 1023997"/>
                  <a:gd name="connsiteX19" fmla="*/ 1426883 w 3280995"/>
                  <a:gd name="connsiteY19" fmla="*/ 928573 h 1023997"/>
                  <a:gd name="connsiteX20" fmla="*/ 1304010 w 3280995"/>
                  <a:gd name="connsiteY20" fmla="*/ 851420 h 1023997"/>
                  <a:gd name="connsiteX21" fmla="*/ 1201140 w 3280995"/>
                  <a:gd name="connsiteY21" fmla="*/ 737121 h 1023997"/>
                  <a:gd name="connsiteX22" fmla="*/ 1138275 w 3280995"/>
                  <a:gd name="connsiteY22" fmla="*/ 734263 h 1023997"/>
                  <a:gd name="connsiteX23" fmla="*/ 1078268 w 3280995"/>
                  <a:gd name="connsiteY23" fmla="*/ 714260 h 1023997"/>
                  <a:gd name="connsiteX24" fmla="*/ 932535 w 3280995"/>
                  <a:gd name="connsiteY24" fmla="*/ 602819 h 1023997"/>
                  <a:gd name="connsiteX25" fmla="*/ 829666 w 3280995"/>
                  <a:gd name="connsiteY25" fmla="*/ 591389 h 1023997"/>
                  <a:gd name="connsiteX26" fmla="*/ 712508 w 3280995"/>
                  <a:gd name="connsiteY26" fmla="*/ 628536 h 1023997"/>
                  <a:gd name="connsiteX27" fmla="*/ 563918 w 3280995"/>
                  <a:gd name="connsiteY27" fmla="*/ 599961 h 1023997"/>
                  <a:gd name="connsiteX28" fmla="*/ 469620 w 3280995"/>
                  <a:gd name="connsiteY28" fmla="*/ 551384 h 1023997"/>
                  <a:gd name="connsiteX29" fmla="*/ 366750 w 3280995"/>
                  <a:gd name="connsiteY29" fmla="*/ 479946 h 1023997"/>
                  <a:gd name="connsiteX30" fmla="*/ 309600 w 3280995"/>
                  <a:gd name="connsiteY30" fmla="*/ 359931 h 1023997"/>
                  <a:gd name="connsiteX31" fmla="*/ 278168 w 3280995"/>
                  <a:gd name="connsiteY31" fmla="*/ 299924 h 1023997"/>
                  <a:gd name="connsiteX32" fmla="*/ 149580 w 3280995"/>
                  <a:gd name="connsiteY32" fmla="*/ 259919 h 1023997"/>
                  <a:gd name="connsiteX33" fmla="*/ 33660 w 3280995"/>
                  <a:gd name="connsiteY33" fmla="*/ 298170 h 1023997"/>
                  <a:gd name="connsiteX34" fmla="*/ 0 w 3280995"/>
                  <a:gd name="connsiteY34" fmla="*/ 160627 h 1023997"/>
                  <a:gd name="connsiteX35" fmla="*/ 29430 w 3280995"/>
                  <a:gd name="connsiteY35"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329853 w 3280995"/>
                  <a:gd name="connsiteY3" fmla="*/ 339928 h 1023997"/>
                  <a:gd name="connsiteX4" fmla="*/ 2458440 w 3280995"/>
                  <a:gd name="connsiteY4" fmla="*/ 371360 h 1023997"/>
                  <a:gd name="connsiteX5" fmla="*/ 2644178 w 3280995"/>
                  <a:gd name="connsiteY5" fmla="*/ 319925 h 1023997"/>
                  <a:gd name="connsiteX6" fmla="*/ 2924213 w 3280995"/>
                  <a:gd name="connsiteY6" fmla="*/ 97040 h 1023997"/>
                  <a:gd name="connsiteX7" fmla="*/ 3259507 w 3280995"/>
                  <a:gd name="connsiteY7" fmla="*/ 35662 h 1023997"/>
                  <a:gd name="connsiteX8" fmla="*/ 3278137 w 3280995"/>
                  <a:gd name="connsiteY8" fmla="*/ 168457 h 1023997"/>
                  <a:gd name="connsiteX9" fmla="*/ 3280995 w 3280995"/>
                  <a:gd name="connsiteY9" fmla="*/ 292567 h 1023997"/>
                  <a:gd name="connsiteX10" fmla="*/ 2972790 w 3280995"/>
                  <a:gd name="connsiteY10" fmla="*/ 345643 h 1023997"/>
                  <a:gd name="connsiteX11" fmla="*/ 2864205 w 3280995"/>
                  <a:gd name="connsiteY11" fmla="*/ 465658 h 1023997"/>
                  <a:gd name="connsiteX12" fmla="*/ 2692755 w 3280995"/>
                  <a:gd name="connsiteY12" fmla="*/ 605675 h 1023997"/>
                  <a:gd name="connsiteX13" fmla="*/ 2469870 w 3280995"/>
                  <a:gd name="connsiteY13" fmla="*/ 619963 h 1023997"/>
                  <a:gd name="connsiteX14" fmla="*/ 2315565 w 3280995"/>
                  <a:gd name="connsiteY14" fmla="*/ 545668 h 1023997"/>
                  <a:gd name="connsiteX15" fmla="*/ 2192693 w 3280995"/>
                  <a:gd name="connsiteY15" fmla="*/ 702830 h 1023997"/>
                  <a:gd name="connsiteX16" fmla="*/ 2001240 w 3280995"/>
                  <a:gd name="connsiteY16" fmla="*/ 731405 h 1023997"/>
                  <a:gd name="connsiteX17" fmla="*/ 1846935 w 3280995"/>
                  <a:gd name="connsiteY17" fmla="*/ 954290 h 1023997"/>
                  <a:gd name="connsiteX18" fmla="*/ 1626750 w 3280995"/>
                  <a:gd name="connsiteY18" fmla="*/ 1023997 h 1023997"/>
                  <a:gd name="connsiteX19" fmla="*/ 1426883 w 3280995"/>
                  <a:gd name="connsiteY19" fmla="*/ 928573 h 1023997"/>
                  <a:gd name="connsiteX20" fmla="*/ 1304010 w 3280995"/>
                  <a:gd name="connsiteY20" fmla="*/ 851420 h 1023997"/>
                  <a:gd name="connsiteX21" fmla="*/ 1201140 w 3280995"/>
                  <a:gd name="connsiteY21" fmla="*/ 737121 h 1023997"/>
                  <a:gd name="connsiteX22" fmla="*/ 1138275 w 3280995"/>
                  <a:gd name="connsiteY22" fmla="*/ 734263 h 1023997"/>
                  <a:gd name="connsiteX23" fmla="*/ 1078268 w 3280995"/>
                  <a:gd name="connsiteY23" fmla="*/ 714260 h 1023997"/>
                  <a:gd name="connsiteX24" fmla="*/ 932535 w 3280995"/>
                  <a:gd name="connsiteY24" fmla="*/ 602819 h 1023997"/>
                  <a:gd name="connsiteX25" fmla="*/ 829666 w 3280995"/>
                  <a:gd name="connsiteY25" fmla="*/ 591389 h 1023997"/>
                  <a:gd name="connsiteX26" fmla="*/ 712508 w 3280995"/>
                  <a:gd name="connsiteY26" fmla="*/ 628536 h 1023997"/>
                  <a:gd name="connsiteX27" fmla="*/ 563918 w 3280995"/>
                  <a:gd name="connsiteY27" fmla="*/ 599961 h 1023997"/>
                  <a:gd name="connsiteX28" fmla="*/ 469620 w 3280995"/>
                  <a:gd name="connsiteY28" fmla="*/ 551384 h 1023997"/>
                  <a:gd name="connsiteX29" fmla="*/ 366750 w 3280995"/>
                  <a:gd name="connsiteY29" fmla="*/ 479946 h 1023997"/>
                  <a:gd name="connsiteX30" fmla="*/ 309600 w 3280995"/>
                  <a:gd name="connsiteY30" fmla="*/ 359931 h 1023997"/>
                  <a:gd name="connsiteX31" fmla="*/ 278168 w 3280995"/>
                  <a:gd name="connsiteY31" fmla="*/ 299924 h 1023997"/>
                  <a:gd name="connsiteX32" fmla="*/ 149580 w 3280995"/>
                  <a:gd name="connsiteY32" fmla="*/ 259919 h 1023997"/>
                  <a:gd name="connsiteX33" fmla="*/ 33660 w 3280995"/>
                  <a:gd name="connsiteY33" fmla="*/ 298170 h 1023997"/>
                  <a:gd name="connsiteX34" fmla="*/ 0 w 3280995"/>
                  <a:gd name="connsiteY34" fmla="*/ 160627 h 1023997"/>
                  <a:gd name="connsiteX35" fmla="*/ 29430 w 3280995"/>
                  <a:gd name="connsiteY35"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329853 w 3280995"/>
                  <a:gd name="connsiteY3" fmla="*/ 339928 h 1023997"/>
                  <a:gd name="connsiteX4" fmla="*/ 2458440 w 3280995"/>
                  <a:gd name="connsiteY4" fmla="*/ 371360 h 1023997"/>
                  <a:gd name="connsiteX5" fmla="*/ 2644178 w 3280995"/>
                  <a:gd name="connsiteY5" fmla="*/ 319925 h 1023997"/>
                  <a:gd name="connsiteX6" fmla="*/ 2827058 w 3280995"/>
                  <a:gd name="connsiteY6" fmla="*/ 185623 h 1023997"/>
                  <a:gd name="connsiteX7" fmla="*/ 2924213 w 3280995"/>
                  <a:gd name="connsiteY7" fmla="*/ 97040 h 1023997"/>
                  <a:gd name="connsiteX8" fmla="*/ 3259507 w 3280995"/>
                  <a:gd name="connsiteY8" fmla="*/ 35662 h 1023997"/>
                  <a:gd name="connsiteX9" fmla="*/ 3278137 w 3280995"/>
                  <a:gd name="connsiteY9" fmla="*/ 168457 h 1023997"/>
                  <a:gd name="connsiteX10" fmla="*/ 3280995 w 3280995"/>
                  <a:gd name="connsiteY10" fmla="*/ 292567 h 1023997"/>
                  <a:gd name="connsiteX11" fmla="*/ 2972790 w 3280995"/>
                  <a:gd name="connsiteY11" fmla="*/ 345643 h 1023997"/>
                  <a:gd name="connsiteX12" fmla="*/ 2864205 w 3280995"/>
                  <a:gd name="connsiteY12" fmla="*/ 465658 h 1023997"/>
                  <a:gd name="connsiteX13" fmla="*/ 2692755 w 3280995"/>
                  <a:gd name="connsiteY13" fmla="*/ 605675 h 1023997"/>
                  <a:gd name="connsiteX14" fmla="*/ 2469870 w 3280995"/>
                  <a:gd name="connsiteY14" fmla="*/ 619963 h 1023997"/>
                  <a:gd name="connsiteX15" fmla="*/ 2315565 w 3280995"/>
                  <a:gd name="connsiteY15" fmla="*/ 545668 h 1023997"/>
                  <a:gd name="connsiteX16" fmla="*/ 2192693 w 3280995"/>
                  <a:gd name="connsiteY16" fmla="*/ 702830 h 1023997"/>
                  <a:gd name="connsiteX17" fmla="*/ 2001240 w 3280995"/>
                  <a:gd name="connsiteY17" fmla="*/ 731405 h 1023997"/>
                  <a:gd name="connsiteX18" fmla="*/ 1846935 w 3280995"/>
                  <a:gd name="connsiteY18" fmla="*/ 954290 h 1023997"/>
                  <a:gd name="connsiteX19" fmla="*/ 1626750 w 3280995"/>
                  <a:gd name="connsiteY19" fmla="*/ 1023997 h 1023997"/>
                  <a:gd name="connsiteX20" fmla="*/ 1426883 w 3280995"/>
                  <a:gd name="connsiteY20" fmla="*/ 928573 h 1023997"/>
                  <a:gd name="connsiteX21" fmla="*/ 1304010 w 3280995"/>
                  <a:gd name="connsiteY21" fmla="*/ 851420 h 1023997"/>
                  <a:gd name="connsiteX22" fmla="*/ 1201140 w 3280995"/>
                  <a:gd name="connsiteY22" fmla="*/ 737121 h 1023997"/>
                  <a:gd name="connsiteX23" fmla="*/ 1138275 w 3280995"/>
                  <a:gd name="connsiteY23" fmla="*/ 734263 h 1023997"/>
                  <a:gd name="connsiteX24" fmla="*/ 1078268 w 3280995"/>
                  <a:gd name="connsiteY24" fmla="*/ 714260 h 1023997"/>
                  <a:gd name="connsiteX25" fmla="*/ 932535 w 3280995"/>
                  <a:gd name="connsiteY25" fmla="*/ 602819 h 1023997"/>
                  <a:gd name="connsiteX26" fmla="*/ 829666 w 3280995"/>
                  <a:gd name="connsiteY26" fmla="*/ 591389 h 1023997"/>
                  <a:gd name="connsiteX27" fmla="*/ 712508 w 3280995"/>
                  <a:gd name="connsiteY27" fmla="*/ 628536 h 1023997"/>
                  <a:gd name="connsiteX28" fmla="*/ 563918 w 3280995"/>
                  <a:gd name="connsiteY28" fmla="*/ 599961 h 1023997"/>
                  <a:gd name="connsiteX29" fmla="*/ 469620 w 3280995"/>
                  <a:gd name="connsiteY29" fmla="*/ 551384 h 1023997"/>
                  <a:gd name="connsiteX30" fmla="*/ 366750 w 3280995"/>
                  <a:gd name="connsiteY30" fmla="*/ 479946 h 1023997"/>
                  <a:gd name="connsiteX31" fmla="*/ 309600 w 3280995"/>
                  <a:gd name="connsiteY31" fmla="*/ 359931 h 1023997"/>
                  <a:gd name="connsiteX32" fmla="*/ 278168 w 3280995"/>
                  <a:gd name="connsiteY32" fmla="*/ 299924 h 1023997"/>
                  <a:gd name="connsiteX33" fmla="*/ 149580 w 3280995"/>
                  <a:gd name="connsiteY33" fmla="*/ 259919 h 1023997"/>
                  <a:gd name="connsiteX34" fmla="*/ 33660 w 3280995"/>
                  <a:gd name="connsiteY34" fmla="*/ 298170 h 1023997"/>
                  <a:gd name="connsiteX35" fmla="*/ 0 w 3280995"/>
                  <a:gd name="connsiteY35" fmla="*/ 160627 h 1023997"/>
                  <a:gd name="connsiteX36" fmla="*/ 29430 w 3280995"/>
                  <a:gd name="connsiteY36" fmla="*/ 0 h 1023997"/>
                  <a:gd name="connsiteX0" fmla="*/ 29430 w 3280995"/>
                  <a:gd name="connsiteY0" fmla="*/ 0 h 1023997"/>
                  <a:gd name="connsiteX1" fmla="*/ 1626008 w 3280995"/>
                  <a:gd name="connsiteY1" fmla="*/ 749205 h 1023997"/>
                  <a:gd name="connsiteX2" fmla="*/ 2006955 w 3280995"/>
                  <a:gd name="connsiteY2" fmla="*/ 528523 h 1023997"/>
                  <a:gd name="connsiteX3" fmla="*/ 2329853 w 3280995"/>
                  <a:gd name="connsiteY3" fmla="*/ 339928 h 1023997"/>
                  <a:gd name="connsiteX4" fmla="*/ 2458440 w 3280995"/>
                  <a:gd name="connsiteY4" fmla="*/ 371360 h 1023997"/>
                  <a:gd name="connsiteX5" fmla="*/ 2644178 w 3280995"/>
                  <a:gd name="connsiteY5" fmla="*/ 319925 h 1023997"/>
                  <a:gd name="connsiteX6" fmla="*/ 2827058 w 3280995"/>
                  <a:gd name="connsiteY6" fmla="*/ 185623 h 1023997"/>
                  <a:gd name="connsiteX7" fmla="*/ 2924213 w 3280995"/>
                  <a:gd name="connsiteY7" fmla="*/ 97040 h 1023997"/>
                  <a:gd name="connsiteX8" fmla="*/ 3138525 w 3280995"/>
                  <a:gd name="connsiteY8" fmla="*/ 97040 h 1023997"/>
                  <a:gd name="connsiteX9" fmla="*/ 3259507 w 3280995"/>
                  <a:gd name="connsiteY9" fmla="*/ 35662 h 1023997"/>
                  <a:gd name="connsiteX10" fmla="*/ 3278137 w 3280995"/>
                  <a:gd name="connsiteY10" fmla="*/ 168457 h 1023997"/>
                  <a:gd name="connsiteX11" fmla="*/ 3280995 w 3280995"/>
                  <a:gd name="connsiteY11" fmla="*/ 292567 h 1023997"/>
                  <a:gd name="connsiteX12" fmla="*/ 2972790 w 3280995"/>
                  <a:gd name="connsiteY12" fmla="*/ 345643 h 1023997"/>
                  <a:gd name="connsiteX13" fmla="*/ 2864205 w 3280995"/>
                  <a:gd name="connsiteY13" fmla="*/ 465658 h 1023997"/>
                  <a:gd name="connsiteX14" fmla="*/ 2692755 w 3280995"/>
                  <a:gd name="connsiteY14" fmla="*/ 605675 h 1023997"/>
                  <a:gd name="connsiteX15" fmla="*/ 2469870 w 3280995"/>
                  <a:gd name="connsiteY15" fmla="*/ 619963 h 1023997"/>
                  <a:gd name="connsiteX16" fmla="*/ 2315565 w 3280995"/>
                  <a:gd name="connsiteY16" fmla="*/ 545668 h 1023997"/>
                  <a:gd name="connsiteX17" fmla="*/ 2192693 w 3280995"/>
                  <a:gd name="connsiteY17" fmla="*/ 702830 h 1023997"/>
                  <a:gd name="connsiteX18" fmla="*/ 2001240 w 3280995"/>
                  <a:gd name="connsiteY18" fmla="*/ 731405 h 1023997"/>
                  <a:gd name="connsiteX19" fmla="*/ 1846935 w 3280995"/>
                  <a:gd name="connsiteY19" fmla="*/ 954290 h 1023997"/>
                  <a:gd name="connsiteX20" fmla="*/ 1626750 w 3280995"/>
                  <a:gd name="connsiteY20" fmla="*/ 1023997 h 1023997"/>
                  <a:gd name="connsiteX21" fmla="*/ 1426883 w 3280995"/>
                  <a:gd name="connsiteY21" fmla="*/ 928573 h 1023997"/>
                  <a:gd name="connsiteX22" fmla="*/ 1304010 w 3280995"/>
                  <a:gd name="connsiteY22" fmla="*/ 851420 h 1023997"/>
                  <a:gd name="connsiteX23" fmla="*/ 1201140 w 3280995"/>
                  <a:gd name="connsiteY23" fmla="*/ 737121 h 1023997"/>
                  <a:gd name="connsiteX24" fmla="*/ 1138275 w 3280995"/>
                  <a:gd name="connsiteY24" fmla="*/ 734263 h 1023997"/>
                  <a:gd name="connsiteX25" fmla="*/ 1078268 w 3280995"/>
                  <a:gd name="connsiteY25" fmla="*/ 714260 h 1023997"/>
                  <a:gd name="connsiteX26" fmla="*/ 932535 w 3280995"/>
                  <a:gd name="connsiteY26" fmla="*/ 602819 h 1023997"/>
                  <a:gd name="connsiteX27" fmla="*/ 829666 w 3280995"/>
                  <a:gd name="connsiteY27" fmla="*/ 591389 h 1023997"/>
                  <a:gd name="connsiteX28" fmla="*/ 712508 w 3280995"/>
                  <a:gd name="connsiteY28" fmla="*/ 628536 h 1023997"/>
                  <a:gd name="connsiteX29" fmla="*/ 563918 w 3280995"/>
                  <a:gd name="connsiteY29" fmla="*/ 599961 h 1023997"/>
                  <a:gd name="connsiteX30" fmla="*/ 469620 w 3280995"/>
                  <a:gd name="connsiteY30" fmla="*/ 551384 h 1023997"/>
                  <a:gd name="connsiteX31" fmla="*/ 366750 w 3280995"/>
                  <a:gd name="connsiteY31" fmla="*/ 479946 h 1023997"/>
                  <a:gd name="connsiteX32" fmla="*/ 309600 w 3280995"/>
                  <a:gd name="connsiteY32" fmla="*/ 359931 h 1023997"/>
                  <a:gd name="connsiteX33" fmla="*/ 278168 w 3280995"/>
                  <a:gd name="connsiteY33" fmla="*/ 299924 h 1023997"/>
                  <a:gd name="connsiteX34" fmla="*/ 149580 w 3280995"/>
                  <a:gd name="connsiteY34" fmla="*/ 259919 h 1023997"/>
                  <a:gd name="connsiteX35" fmla="*/ 33660 w 3280995"/>
                  <a:gd name="connsiteY35" fmla="*/ 298170 h 1023997"/>
                  <a:gd name="connsiteX36" fmla="*/ 0 w 3280995"/>
                  <a:gd name="connsiteY36" fmla="*/ 160627 h 1023997"/>
                  <a:gd name="connsiteX37" fmla="*/ 29430 w 3280995"/>
                  <a:gd name="connsiteY37" fmla="*/ 0 h 1023997"/>
                  <a:gd name="connsiteX0" fmla="*/ 29430 w 3280995"/>
                  <a:gd name="connsiteY0" fmla="*/ 0 h 1023997"/>
                  <a:gd name="connsiteX1" fmla="*/ 366750 w 3280995"/>
                  <a:gd name="connsiteY1" fmla="*/ 99898 h 1023997"/>
                  <a:gd name="connsiteX2" fmla="*/ 1626008 w 3280995"/>
                  <a:gd name="connsiteY2" fmla="*/ 749205 h 1023997"/>
                  <a:gd name="connsiteX3" fmla="*/ 2006955 w 3280995"/>
                  <a:gd name="connsiteY3" fmla="*/ 528523 h 1023997"/>
                  <a:gd name="connsiteX4" fmla="*/ 2329853 w 3280995"/>
                  <a:gd name="connsiteY4" fmla="*/ 339928 h 1023997"/>
                  <a:gd name="connsiteX5" fmla="*/ 2458440 w 3280995"/>
                  <a:gd name="connsiteY5" fmla="*/ 371360 h 1023997"/>
                  <a:gd name="connsiteX6" fmla="*/ 2644178 w 3280995"/>
                  <a:gd name="connsiteY6" fmla="*/ 319925 h 1023997"/>
                  <a:gd name="connsiteX7" fmla="*/ 2827058 w 3280995"/>
                  <a:gd name="connsiteY7" fmla="*/ 185623 h 1023997"/>
                  <a:gd name="connsiteX8" fmla="*/ 2924213 w 3280995"/>
                  <a:gd name="connsiteY8" fmla="*/ 97040 h 1023997"/>
                  <a:gd name="connsiteX9" fmla="*/ 3138525 w 3280995"/>
                  <a:gd name="connsiteY9" fmla="*/ 97040 h 1023997"/>
                  <a:gd name="connsiteX10" fmla="*/ 3259507 w 3280995"/>
                  <a:gd name="connsiteY10" fmla="*/ 35662 h 1023997"/>
                  <a:gd name="connsiteX11" fmla="*/ 3278137 w 3280995"/>
                  <a:gd name="connsiteY11" fmla="*/ 168457 h 1023997"/>
                  <a:gd name="connsiteX12" fmla="*/ 3280995 w 3280995"/>
                  <a:gd name="connsiteY12" fmla="*/ 292567 h 1023997"/>
                  <a:gd name="connsiteX13" fmla="*/ 2972790 w 3280995"/>
                  <a:gd name="connsiteY13" fmla="*/ 345643 h 1023997"/>
                  <a:gd name="connsiteX14" fmla="*/ 2864205 w 3280995"/>
                  <a:gd name="connsiteY14" fmla="*/ 465658 h 1023997"/>
                  <a:gd name="connsiteX15" fmla="*/ 2692755 w 3280995"/>
                  <a:gd name="connsiteY15" fmla="*/ 605675 h 1023997"/>
                  <a:gd name="connsiteX16" fmla="*/ 2469870 w 3280995"/>
                  <a:gd name="connsiteY16" fmla="*/ 619963 h 1023997"/>
                  <a:gd name="connsiteX17" fmla="*/ 2315565 w 3280995"/>
                  <a:gd name="connsiteY17" fmla="*/ 545668 h 1023997"/>
                  <a:gd name="connsiteX18" fmla="*/ 2192693 w 3280995"/>
                  <a:gd name="connsiteY18" fmla="*/ 702830 h 1023997"/>
                  <a:gd name="connsiteX19" fmla="*/ 2001240 w 3280995"/>
                  <a:gd name="connsiteY19" fmla="*/ 731405 h 1023997"/>
                  <a:gd name="connsiteX20" fmla="*/ 1846935 w 3280995"/>
                  <a:gd name="connsiteY20" fmla="*/ 954290 h 1023997"/>
                  <a:gd name="connsiteX21" fmla="*/ 1626750 w 3280995"/>
                  <a:gd name="connsiteY21" fmla="*/ 1023997 h 1023997"/>
                  <a:gd name="connsiteX22" fmla="*/ 1426883 w 3280995"/>
                  <a:gd name="connsiteY22" fmla="*/ 928573 h 1023997"/>
                  <a:gd name="connsiteX23" fmla="*/ 1304010 w 3280995"/>
                  <a:gd name="connsiteY23" fmla="*/ 851420 h 1023997"/>
                  <a:gd name="connsiteX24" fmla="*/ 1201140 w 3280995"/>
                  <a:gd name="connsiteY24" fmla="*/ 737121 h 1023997"/>
                  <a:gd name="connsiteX25" fmla="*/ 1138275 w 3280995"/>
                  <a:gd name="connsiteY25" fmla="*/ 734263 h 1023997"/>
                  <a:gd name="connsiteX26" fmla="*/ 1078268 w 3280995"/>
                  <a:gd name="connsiteY26" fmla="*/ 714260 h 1023997"/>
                  <a:gd name="connsiteX27" fmla="*/ 932535 w 3280995"/>
                  <a:gd name="connsiteY27" fmla="*/ 602819 h 1023997"/>
                  <a:gd name="connsiteX28" fmla="*/ 829666 w 3280995"/>
                  <a:gd name="connsiteY28" fmla="*/ 591389 h 1023997"/>
                  <a:gd name="connsiteX29" fmla="*/ 712508 w 3280995"/>
                  <a:gd name="connsiteY29" fmla="*/ 628536 h 1023997"/>
                  <a:gd name="connsiteX30" fmla="*/ 563918 w 3280995"/>
                  <a:gd name="connsiteY30" fmla="*/ 599961 h 1023997"/>
                  <a:gd name="connsiteX31" fmla="*/ 469620 w 3280995"/>
                  <a:gd name="connsiteY31" fmla="*/ 551384 h 1023997"/>
                  <a:gd name="connsiteX32" fmla="*/ 366750 w 3280995"/>
                  <a:gd name="connsiteY32" fmla="*/ 479946 h 1023997"/>
                  <a:gd name="connsiteX33" fmla="*/ 309600 w 3280995"/>
                  <a:gd name="connsiteY33" fmla="*/ 359931 h 1023997"/>
                  <a:gd name="connsiteX34" fmla="*/ 278168 w 3280995"/>
                  <a:gd name="connsiteY34" fmla="*/ 299924 h 1023997"/>
                  <a:gd name="connsiteX35" fmla="*/ 149580 w 3280995"/>
                  <a:gd name="connsiteY35" fmla="*/ 259919 h 1023997"/>
                  <a:gd name="connsiteX36" fmla="*/ 33660 w 3280995"/>
                  <a:gd name="connsiteY36" fmla="*/ 298170 h 1023997"/>
                  <a:gd name="connsiteX37" fmla="*/ 0 w 3280995"/>
                  <a:gd name="connsiteY37" fmla="*/ 160627 h 1023997"/>
                  <a:gd name="connsiteX38" fmla="*/ 29430 w 3280995"/>
                  <a:gd name="connsiteY38"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1626008 w 3280995"/>
                  <a:gd name="connsiteY3" fmla="*/ 749205 h 1023997"/>
                  <a:gd name="connsiteX4" fmla="*/ 2006955 w 3280995"/>
                  <a:gd name="connsiteY4" fmla="*/ 528523 h 1023997"/>
                  <a:gd name="connsiteX5" fmla="*/ 2329853 w 3280995"/>
                  <a:gd name="connsiteY5" fmla="*/ 339928 h 1023997"/>
                  <a:gd name="connsiteX6" fmla="*/ 2458440 w 3280995"/>
                  <a:gd name="connsiteY6" fmla="*/ 371360 h 1023997"/>
                  <a:gd name="connsiteX7" fmla="*/ 2644178 w 3280995"/>
                  <a:gd name="connsiteY7" fmla="*/ 319925 h 1023997"/>
                  <a:gd name="connsiteX8" fmla="*/ 2827058 w 3280995"/>
                  <a:gd name="connsiteY8" fmla="*/ 185623 h 1023997"/>
                  <a:gd name="connsiteX9" fmla="*/ 2924213 w 3280995"/>
                  <a:gd name="connsiteY9" fmla="*/ 97040 h 1023997"/>
                  <a:gd name="connsiteX10" fmla="*/ 3138525 w 3280995"/>
                  <a:gd name="connsiteY10" fmla="*/ 97040 h 1023997"/>
                  <a:gd name="connsiteX11" fmla="*/ 3259507 w 3280995"/>
                  <a:gd name="connsiteY11" fmla="*/ 35662 h 1023997"/>
                  <a:gd name="connsiteX12" fmla="*/ 3278137 w 3280995"/>
                  <a:gd name="connsiteY12" fmla="*/ 168457 h 1023997"/>
                  <a:gd name="connsiteX13" fmla="*/ 3280995 w 3280995"/>
                  <a:gd name="connsiteY13" fmla="*/ 292567 h 1023997"/>
                  <a:gd name="connsiteX14" fmla="*/ 2972790 w 3280995"/>
                  <a:gd name="connsiteY14" fmla="*/ 345643 h 1023997"/>
                  <a:gd name="connsiteX15" fmla="*/ 2864205 w 3280995"/>
                  <a:gd name="connsiteY15" fmla="*/ 465658 h 1023997"/>
                  <a:gd name="connsiteX16" fmla="*/ 2692755 w 3280995"/>
                  <a:gd name="connsiteY16" fmla="*/ 605675 h 1023997"/>
                  <a:gd name="connsiteX17" fmla="*/ 2469870 w 3280995"/>
                  <a:gd name="connsiteY17" fmla="*/ 619963 h 1023997"/>
                  <a:gd name="connsiteX18" fmla="*/ 2315565 w 3280995"/>
                  <a:gd name="connsiteY18" fmla="*/ 545668 h 1023997"/>
                  <a:gd name="connsiteX19" fmla="*/ 2192693 w 3280995"/>
                  <a:gd name="connsiteY19" fmla="*/ 702830 h 1023997"/>
                  <a:gd name="connsiteX20" fmla="*/ 2001240 w 3280995"/>
                  <a:gd name="connsiteY20" fmla="*/ 731405 h 1023997"/>
                  <a:gd name="connsiteX21" fmla="*/ 1846935 w 3280995"/>
                  <a:gd name="connsiteY21" fmla="*/ 954290 h 1023997"/>
                  <a:gd name="connsiteX22" fmla="*/ 1626750 w 3280995"/>
                  <a:gd name="connsiteY22" fmla="*/ 1023997 h 1023997"/>
                  <a:gd name="connsiteX23" fmla="*/ 1426883 w 3280995"/>
                  <a:gd name="connsiteY23" fmla="*/ 928573 h 1023997"/>
                  <a:gd name="connsiteX24" fmla="*/ 1304010 w 3280995"/>
                  <a:gd name="connsiteY24" fmla="*/ 851420 h 1023997"/>
                  <a:gd name="connsiteX25" fmla="*/ 1201140 w 3280995"/>
                  <a:gd name="connsiteY25" fmla="*/ 737121 h 1023997"/>
                  <a:gd name="connsiteX26" fmla="*/ 1138275 w 3280995"/>
                  <a:gd name="connsiteY26" fmla="*/ 734263 h 1023997"/>
                  <a:gd name="connsiteX27" fmla="*/ 1078268 w 3280995"/>
                  <a:gd name="connsiteY27" fmla="*/ 714260 h 1023997"/>
                  <a:gd name="connsiteX28" fmla="*/ 932535 w 3280995"/>
                  <a:gd name="connsiteY28" fmla="*/ 602819 h 1023997"/>
                  <a:gd name="connsiteX29" fmla="*/ 829666 w 3280995"/>
                  <a:gd name="connsiteY29" fmla="*/ 591389 h 1023997"/>
                  <a:gd name="connsiteX30" fmla="*/ 712508 w 3280995"/>
                  <a:gd name="connsiteY30" fmla="*/ 628536 h 1023997"/>
                  <a:gd name="connsiteX31" fmla="*/ 563918 w 3280995"/>
                  <a:gd name="connsiteY31" fmla="*/ 599961 h 1023997"/>
                  <a:gd name="connsiteX32" fmla="*/ 469620 w 3280995"/>
                  <a:gd name="connsiteY32" fmla="*/ 551384 h 1023997"/>
                  <a:gd name="connsiteX33" fmla="*/ 366750 w 3280995"/>
                  <a:gd name="connsiteY33" fmla="*/ 479946 h 1023997"/>
                  <a:gd name="connsiteX34" fmla="*/ 309600 w 3280995"/>
                  <a:gd name="connsiteY34" fmla="*/ 359931 h 1023997"/>
                  <a:gd name="connsiteX35" fmla="*/ 278168 w 3280995"/>
                  <a:gd name="connsiteY35" fmla="*/ 299924 h 1023997"/>
                  <a:gd name="connsiteX36" fmla="*/ 149580 w 3280995"/>
                  <a:gd name="connsiteY36" fmla="*/ 259919 h 1023997"/>
                  <a:gd name="connsiteX37" fmla="*/ 33660 w 3280995"/>
                  <a:gd name="connsiteY37" fmla="*/ 298170 h 1023997"/>
                  <a:gd name="connsiteX38" fmla="*/ 0 w 3280995"/>
                  <a:gd name="connsiteY38" fmla="*/ 160627 h 1023997"/>
                  <a:gd name="connsiteX39" fmla="*/ 29430 w 3280995"/>
                  <a:gd name="connsiteY39"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1052550 w 3280995"/>
                  <a:gd name="connsiteY3" fmla="*/ 359930 h 1023997"/>
                  <a:gd name="connsiteX4" fmla="*/ 1626008 w 3280995"/>
                  <a:gd name="connsiteY4" fmla="*/ 749205 h 1023997"/>
                  <a:gd name="connsiteX5" fmla="*/ 2006955 w 3280995"/>
                  <a:gd name="connsiteY5" fmla="*/ 528523 h 1023997"/>
                  <a:gd name="connsiteX6" fmla="*/ 2329853 w 3280995"/>
                  <a:gd name="connsiteY6" fmla="*/ 339928 h 1023997"/>
                  <a:gd name="connsiteX7" fmla="*/ 2458440 w 3280995"/>
                  <a:gd name="connsiteY7" fmla="*/ 371360 h 1023997"/>
                  <a:gd name="connsiteX8" fmla="*/ 2644178 w 3280995"/>
                  <a:gd name="connsiteY8" fmla="*/ 319925 h 1023997"/>
                  <a:gd name="connsiteX9" fmla="*/ 2827058 w 3280995"/>
                  <a:gd name="connsiteY9" fmla="*/ 185623 h 1023997"/>
                  <a:gd name="connsiteX10" fmla="*/ 2924213 w 3280995"/>
                  <a:gd name="connsiteY10" fmla="*/ 97040 h 1023997"/>
                  <a:gd name="connsiteX11" fmla="*/ 3138525 w 3280995"/>
                  <a:gd name="connsiteY11" fmla="*/ 97040 h 1023997"/>
                  <a:gd name="connsiteX12" fmla="*/ 3259507 w 3280995"/>
                  <a:gd name="connsiteY12" fmla="*/ 35662 h 1023997"/>
                  <a:gd name="connsiteX13" fmla="*/ 3278137 w 3280995"/>
                  <a:gd name="connsiteY13" fmla="*/ 168457 h 1023997"/>
                  <a:gd name="connsiteX14" fmla="*/ 3280995 w 3280995"/>
                  <a:gd name="connsiteY14" fmla="*/ 292567 h 1023997"/>
                  <a:gd name="connsiteX15" fmla="*/ 2972790 w 3280995"/>
                  <a:gd name="connsiteY15" fmla="*/ 345643 h 1023997"/>
                  <a:gd name="connsiteX16" fmla="*/ 2864205 w 3280995"/>
                  <a:gd name="connsiteY16" fmla="*/ 465658 h 1023997"/>
                  <a:gd name="connsiteX17" fmla="*/ 2692755 w 3280995"/>
                  <a:gd name="connsiteY17" fmla="*/ 605675 h 1023997"/>
                  <a:gd name="connsiteX18" fmla="*/ 2469870 w 3280995"/>
                  <a:gd name="connsiteY18" fmla="*/ 619963 h 1023997"/>
                  <a:gd name="connsiteX19" fmla="*/ 2315565 w 3280995"/>
                  <a:gd name="connsiteY19" fmla="*/ 545668 h 1023997"/>
                  <a:gd name="connsiteX20" fmla="*/ 2192693 w 3280995"/>
                  <a:gd name="connsiteY20" fmla="*/ 702830 h 1023997"/>
                  <a:gd name="connsiteX21" fmla="*/ 2001240 w 3280995"/>
                  <a:gd name="connsiteY21" fmla="*/ 731405 h 1023997"/>
                  <a:gd name="connsiteX22" fmla="*/ 1846935 w 3280995"/>
                  <a:gd name="connsiteY22" fmla="*/ 954290 h 1023997"/>
                  <a:gd name="connsiteX23" fmla="*/ 1626750 w 3280995"/>
                  <a:gd name="connsiteY23" fmla="*/ 1023997 h 1023997"/>
                  <a:gd name="connsiteX24" fmla="*/ 1426883 w 3280995"/>
                  <a:gd name="connsiteY24" fmla="*/ 928573 h 1023997"/>
                  <a:gd name="connsiteX25" fmla="*/ 1304010 w 3280995"/>
                  <a:gd name="connsiteY25" fmla="*/ 851420 h 1023997"/>
                  <a:gd name="connsiteX26" fmla="*/ 1201140 w 3280995"/>
                  <a:gd name="connsiteY26" fmla="*/ 737121 h 1023997"/>
                  <a:gd name="connsiteX27" fmla="*/ 1138275 w 3280995"/>
                  <a:gd name="connsiteY27" fmla="*/ 734263 h 1023997"/>
                  <a:gd name="connsiteX28" fmla="*/ 1078268 w 3280995"/>
                  <a:gd name="connsiteY28" fmla="*/ 714260 h 1023997"/>
                  <a:gd name="connsiteX29" fmla="*/ 932535 w 3280995"/>
                  <a:gd name="connsiteY29" fmla="*/ 602819 h 1023997"/>
                  <a:gd name="connsiteX30" fmla="*/ 829666 w 3280995"/>
                  <a:gd name="connsiteY30" fmla="*/ 591389 h 1023997"/>
                  <a:gd name="connsiteX31" fmla="*/ 712508 w 3280995"/>
                  <a:gd name="connsiteY31" fmla="*/ 628536 h 1023997"/>
                  <a:gd name="connsiteX32" fmla="*/ 563918 w 3280995"/>
                  <a:gd name="connsiteY32" fmla="*/ 599961 h 1023997"/>
                  <a:gd name="connsiteX33" fmla="*/ 469620 w 3280995"/>
                  <a:gd name="connsiteY33" fmla="*/ 551384 h 1023997"/>
                  <a:gd name="connsiteX34" fmla="*/ 366750 w 3280995"/>
                  <a:gd name="connsiteY34" fmla="*/ 479946 h 1023997"/>
                  <a:gd name="connsiteX35" fmla="*/ 309600 w 3280995"/>
                  <a:gd name="connsiteY35" fmla="*/ 359931 h 1023997"/>
                  <a:gd name="connsiteX36" fmla="*/ 278168 w 3280995"/>
                  <a:gd name="connsiteY36" fmla="*/ 299924 h 1023997"/>
                  <a:gd name="connsiteX37" fmla="*/ 149580 w 3280995"/>
                  <a:gd name="connsiteY37" fmla="*/ 259919 h 1023997"/>
                  <a:gd name="connsiteX38" fmla="*/ 33660 w 3280995"/>
                  <a:gd name="connsiteY38" fmla="*/ 298170 h 1023997"/>
                  <a:gd name="connsiteX39" fmla="*/ 0 w 3280995"/>
                  <a:gd name="connsiteY39" fmla="*/ 160627 h 1023997"/>
                  <a:gd name="connsiteX40" fmla="*/ 29430 w 3280995"/>
                  <a:gd name="connsiteY40"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1052550 w 3280995"/>
                  <a:gd name="connsiteY3" fmla="*/ 359930 h 1023997"/>
                  <a:gd name="connsiteX4" fmla="*/ 1361160 w 3280995"/>
                  <a:gd name="connsiteY4" fmla="*/ 608533 h 1023997"/>
                  <a:gd name="connsiteX5" fmla="*/ 1626008 w 3280995"/>
                  <a:gd name="connsiteY5" fmla="*/ 749205 h 1023997"/>
                  <a:gd name="connsiteX6" fmla="*/ 2006955 w 3280995"/>
                  <a:gd name="connsiteY6" fmla="*/ 528523 h 1023997"/>
                  <a:gd name="connsiteX7" fmla="*/ 2329853 w 3280995"/>
                  <a:gd name="connsiteY7" fmla="*/ 339928 h 1023997"/>
                  <a:gd name="connsiteX8" fmla="*/ 2458440 w 3280995"/>
                  <a:gd name="connsiteY8" fmla="*/ 371360 h 1023997"/>
                  <a:gd name="connsiteX9" fmla="*/ 2644178 w 3280995"/>
                  <a:gd name="connsiteY9" fmla="*/ 319925 h 1023997"/>
                  <a:gd name="connsiteX10" fmla="*/ 2827058 w 3280995"/>
                  <a:gd name="connsiteY10" fmla="*/ 185623 h 1023997"/>
                  <a:gd name="connsiteX11" fmla="*/ 2924213 w 3280995"/>
                  <a:gd name="connsiteY11" fmla="*/ 97040 h 1023997"/>
                  <a:gd name="connsiteX12" fmla="*/ 3138525 w 3280995"/>
                  <a:gd name="connsiteY12" fmla="*/ 97040 h 1023997"/>
                  <a:gd name="connsiteX13" fmla="*/ 3259507 w 3280995"/>
                  <a:gd name="connsiteY13" fmla="*/ 35662 h 1023997"/>
                  <a:gd name="connsiteX14" fmla="*/ 3278137 w 3280995"/>
                  <a:gd name="connsiteY14" fmla="*/ 168457 h 1023997"/>
                  <a:gd name="connsiteX15" fmla="*/ 3280995 w 3280995"/>
                  <a:gd name="connsiteY15" fmla="*/ 292567 h 1023997"/>
                  <a:gd name="connsiteX16" fmla="*/ 2972790 w 3280995"/>
                  <a:gd name="connsiteY16" fmla="*/ 345643 h 1023997"/>
                  <a:gd name="connsiteX17" fmla="*/ 2864205 w 3280995"/>
                  <a:gd name="connsiteY17" fmla="*/ 465658 h 1023997"/>
                  <a:gd name="connsiteX18" fmla="*/ 2692755 w 3280995"/>
                  <a:gd name="connsiteY18" fmla="*/ 605675 h 1023997"/>
                  <a:gd name="connsiteX19" fmla="*/ 2469870 w 3280995"/>
                  <a:gd name="connsiteY19" fmla="*/ 619963 h 1023997"/>
                  <a:gd name="connsiteX20" fmla="*/ 2315565 w 3280995"/>
                  <a:gd name="connsiteY20" fmla="*/ 545668 h 1023997"/>
                  <a:gd name="connsiteX21" fmla="*/ 2192693 w 3280995"/>
                  <a:gd name="connsiteY21" fmla="*/ 702830 h 1023997"/>
                  <a:gd name="connsiteX22" fmla="*/ 2001240 w 3280995"/>
                  <a:gd name="connsiteY22" fmla="*/ 731405 h 1023997"/>
                  <a:gd name="connsiteX23" fmla="*/ 1846935 w 3280995"/>
                  <a:gd name="connsiteY23" fmla="*/ 954290 h 1023997"/>
                  <a:gd name="connsiteX24" fmla="*/ 1626750 w 3280995"/>
                  <a:gd name="connsiteY24" fmla="*/ 1023997 h 1023997"/>
                  <a:gd name="connsiteX25" fmla="*/ 1426883 w 3280995"/>
                  <a:gd name="connsiteY25" fmla="*/ 928573 h 1023997"/>
                  <a:gd name="connsiteX26" fmla="*/ 1304010 w 3280995"/>
                  <a:gd name="connsiteY26" fmla="*/ 851420 h 1023997"/>
                  <a:gd name="connsiteX27" fmla="*/ 1201140 w 3280995"/>
                  <a:gd name="connsiteY27" fmla="*/ 737121 h 1023997"/>
                  <a:gd name="connsiteX28" fmla="*/ 1138275 w 3280995"/>
                  <a:gd name="connsiteY28" fmla="*/ 734263 h 1023997"/>
                  <a:gd name="connsiteX29" fmla="*/ 1078268 w 3280995"/>
                  <a:gd name="connsiteY29" fmla="*/ 714260 h 1023997"/>
                  <a:gd name="connsiteX30" fmla="*/ 932535 w 3280995"/>
                  <a:gd name="connsiteY30" fmla="*/ 602819 h 1023997"/>
                  <a:gd name="connsiteX31" fmla="*/ 829666 w 3280995"/>
                  <a:gd name="connsiteY31" fmla="*/ 591389 h 1023997"/>
                  <a:gd name="connsiteX32" fmla="*/ 712508 w 3280995"/>
                  <a:gd name="connsiteY32" fmla="*/ 628536 h 1023997"/>
                  <a:gd name="connsiteX33" fmla="*/ 563918 w 3280995"/>
                  <a:gd name="connsiteY33" fmla="*/ 599961 h 1023997"/>
                  <a:gd name="connsiteX34" fmla="*/ 469620 w 3280995"/>
                  <a:gd name="connsiteY34" fmla="*/ 551384 h 1023997"/>
                  <a:gd name="connsiteX35" fmla="*/ 366750 w 3280995"/>
                  <a:gd name="connsiteY35" fmla="*/ 479946 h 1023997"/>
                  <a:gd name="connsiteX36" fmla="*/ 309600 w 3280995"/>
                  <a:gd name="connsiteY36" fmla="*/ 359931 h 1023997"/>
                  <a:gd name="connsiteX37" fmla="*/ 278168 w 3280995"/>
                  <a:gd name="connsiteY37" fmla="*/ 299924 h 1023997"/>
                  <a:gd name="connsiteX38" fmla="*/ 149580 w 3280995"/>
                  <a:gd name="connsiteY38" fmla="*/ 259919 h 1023997"/>
                  <a:gd name="connsiteX39" fmla="*/ 33660 w 3280995"/>
                  <a:gd name="connsiteY39" fmla="*/ 298170 h 1023997"/>
                  <a:gd name="connsiteX40" fmla="*/ 0 w 3280995"/>
                  <a:gd name="connsiteY40" fmla="*/ 160627 h 1023997"/>
                  <a:gd name="connsiteX41" fmla="*/ 29430 w 3280995"/>
                  <a:gd name="connsiteY41"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1052550 w 3280995"/>
                  <a:gd name="connsiteY3" fmla="*/ 359930 h 1023997"/>
                  <a:gd name="connsiteX4" fmla="*/ 1361160 w 3280995"/>
                  <a:gd name="connsiteY4" fmla="*/ 608533 h 1023997"/>
                  <a:gd name="connsiteX5" fmla="*/ 1498320 w 3280995"/>
                  <a:gd name="connsiteY5" fmla="*/ 702830 h 1023997"/>
                  <a:gd name="connsiteX6" fmla="*/ 1626008 w 3280995"/>
                  <a:gd name="connsiteY6" fmla="*/ 749205 h 1023997"/>
                  <a:gd name="connsiteX7" fmla="*/ 2006955 w 3280995"/>
                  <a:gd name="connsiteY7" fmla="*/ 528523 h 1023997"/>
                  <a:gd name="connsiteX8" fmla="*/ 2329853 w 3280995"/>
                  <a:gd name="connsiteY8" fmla="*/ 339928 h 1023997"/>
                  <a:gd name="connsiteX9" fmla="*/ 2458440 w 3280995"/>
                  <a:gd name="connsiteY9" fmla="*/ 371360 h 1023997"/>
                  <a:gd name="connsiteX10" fmla="*/ 2644178 w 3280995"/>
                  <a:gd name="connsiteY10" fmla="*/ 319925 h 1023997"/>
                  <a:gd name="connsiteX11" fmla="*/ 2827058 w 3280995"/>
                  <a:gd name="connsiteY11" fmla="*/ 185623 h 1023997"/>
                  <a:gd name="connsiteX12" fmla="*/ 2924213 w 3280995"/>
                  <a:gd name="connsiteY12" fmla="*/ 97040 h 1023997"/>
                  <a:gd name="connsiteX13" fmla="*/ 3138525 w 3280995"/>
                  <a:gd name="connsiteY13" fmla="*/ 97040 h 1023997"/>
                  <a:gd name="connsiteX14" fmla="*/ 3259507 w 3280995"/>
                  <a:gd name="connsiteY14" fmla="*/ 35662 h 1023997"/>
                  <a:gd name="connsiteX15" fmla="*/ 3278137 w 3280995"/>
                  <a:gd name="connsiteY15" fmla="*/ 168457 h 1023997"/>
                  <a:gd name="connsiteX16" fmla="*/ 3280995 w 3280995"/>
                  <a:gd name="connsiteY16" fmla="*/ 292567 h 1023997"/>
                  <a:gd name="connsiteX17" fmla="*/ 2972790 w 3280995"/>
                  <a:gd name="connsiteY17" fmla="*/ 345643 h 1023997"/>
                  <a:gd name="connsiteX18" fmla="*/ 2864205 w 3280995"/>
                  <a:gd name="connsiteY18" fmla="*/ 465658 h 1023997"/>
                  <a:gd name="connsiteX19" fmla="*/ 2692755 w 3280995"/>
                  <a:gd name="connsiteY19" fmla="*/ 605675 h 1023997"/>
                  <a:gd name="connsiteX20" fmla="*/ 2469870 w 3280995"/>
                  <a:gd name="connsiteY20" fmla="*/ 619963 h 1023997"/>
                  <a:gd name="connsiteX21" fmla="*/ 2315565 w 3280995"/>
                  <a:gd name="connsiteY21" fmla="*/ 545668 h 1023997"/>
                  <a:gd name="connsiteX22" fmla="*/ 2192693 w 3280995"/>
                  <a:gd name="connsiteY22" fmla="*/ 702830 h 1023997"/>
                  <a:gd name="connsiteX23" fmla="*/ 2001240 w 3280995"/>
                  <a:gd name="connsiteY23" fmla="*/ 731405 h 1023997"/>
                  <a:gd name="connsiteX24" fmla="*/ 1846935 w 3280995"/>
                  <a:gd name="connsiteY24" fmla="*/ 954290 h 1023997"/>
                  <a:gd name="connsiteX25" fmla="*/ 1626750 w 3280995"/>
                  <a:gd name="connsiteY25" fmla="*/ 1023997 h 1023997"/>
                  <a:gd name="connsiteX26" fmla="*/ 1426883 w 3280995"/>
                  <a:gd name="connsiteY26" fmla="*/ 928573 h 1023997"/>
                  <a:gd name="connsiteX27" fmla="*/ 1304010 w 3280995"/>
                  <a:gd name="connsiteY27" fmla="*/ 851420 h 1023997"/>
                  <a:gd name="connsiteX28" fmla="*/ 1201140 w 3280995"/>
                  <a:gd name="connsiteY28" fmla="*/ 737121 h 1023997"/>
                  <a:gd name="connsiteX29" fmla="*/ 1138275 w 3280995"/>
                  <a:gd name="connsiteY29" fmla="*/ 734263 h 1023997"/>
                  <a:gd name="connsiteX30" fmla="*/ 1078268 w 3280995"/>
                  <a:gd name="connsiteY30" fmla="*/ 714260 h 1023997"/>
                  <a:gd name="connsiteX31" fmla="*/ 932535 w 3280995"/>
                  <a:gd name="connsiteY31" fmla="*/ 602819 h 1023997"/>
                  <a:gd name="connsiteX32" fmla="*/ 829666 w 3280995"/>
                  <a:gd name="connsiteY32" fmla="*/ 591389 h 1023997"/>
                  <a:gd name="connsiteX33" fmla="*/ 712508 w 3280995"/>
                  <a:gd name="connsiteY33" fmla="*/ 628536 h 1023997"/>
                  <a:gd name="connsiteX34" fmla="*/ 563918 w 3280995"/>
                  <a:gd name="connsiteY34" fmla="*/ 599961 h 1023997"/>
                  <a:gd name="connsiteX35" fmla="*/ 469620 w 3280995"/>
                  <a:gd name="connsiteY35" fmla="*/ 551384 h 1023997"/>
                  <a:gd name="connsiteX36" fmla="*/ 366750 w 3280995"/>
                  <a:gd name="connsiteY36" fmla="*/ 479946 h 1023997"/>
                  <a:gd name="connsiteX37" fmla="*/ 309600 w 3280995"/>
                  <a:gd name="connsiteY37" fmla="*/ 359931 h 1023997"/>
                  <a:gd name="connsiteX38" fmla="*/ 278168 w 3280995"/>
                  <a:gd name="connsiteY38" fmla="*/ 299924 h 1023997"/>
                  <a:gd name="connsiteX39" fmla="*/ 149580 w 3280995"/>
                  <a:gd name="connsiteY39" fmla="*/ 259919 h 1023997"/>
                  <a:gd name="connsiteX40" fmla="*/ 33660 w 3280995"/>
                  <a:gd name="connsiteY40" fmla="*/ 298170 h 1023997"/>
                  <a:gd name="connsiteX41" fmla="*/ 0 w 3280995"/>
                  <a:gd name="connsiteY41" fmla="*/ 160627 h 1023997"/>
                  <a:gd name="connsiteX42" fmla="*/ 29430 w 3280995"/>
                  <a:gd name="connsiteY42"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1052550 w 3280995"/>
                  <a:gd name="connsiteY3" fmla="*/ 359930 h 1023997"/>
                  <a:gd name="connsiteX4" fmla="*/ 1215428 w 3280995"/>
                  <a:gd name="connsiteY4" fmla="*/ 522808 h 1023997"/>
                  <a:gd name="connsiteX5" fmla="*/ 1361160 w 3280995"/>
                  <a:gd name="connsiteY5" fmla="*/ 608533 h 1023997"/>
                  <a:gd name="connsiteX6" fmla="*/ 1498320 w 3280995"/>
                  <a:gd name="connsiteY6" fmla="*/ 702830 h 1023997"/>
                  <a:gd name="connsiteX7" fmla="*/ 1626008 w 3280995"/>
                  <a:gd name="connsiteY7" fmla="*/ 749205 h 1023997"/>
                  <a:gd name="connsiteX8" fmla="*/ 2006955 w 3280995"/>
                  <a:gd name="connsiteY8" fmla="*/ 528523 h 1023997"/>
                  <a:gd name="connsiteX9" fmla="*/ 2329853 w 3280995"/>
                  <a:gd name="connsiteY9" fmla="*/ 339928 h 1023997"/>
                  <a:gd name="connsiteX10" fmla="*/ 2458440 w 3280995"/>
                  <a:gd name="connsiteY10" fmla="*/ 371360 h 1023997"/>
                  <a:gd name="connsiteX11" fmla="*/ 2644178 w 3280995"/>
                  <a:gd name="connsiteY11" fmla="*/ 319925 h 1023997"/>
                  <a:gd name="connsiteX12" fmla="*/ 2827058 w 3280995"/>
                  <a:gd name="connsiteY12" fmla="*/ 185623 h 1023997"/>
                  <a:gd name="connsiteX13" fmla="*/ 2924213 w 3280995"/>
                  <a:gd name="connsiteY13" fmla="*/ 97040 h 1023997"/>
                  <a:gd name="connsiteX14" fmla="*/ 3138525 w 3280995"/>
                  <a:gd name="connsiteY14" fmla="*/ 97040 h 1023997"/>
                  <a:gd name="connsiteX15" fmla="*/ 3259507 w 3280995"/>
                  <a:gd name="connsiteY15" fmla="*/ 35662 h 1023997"/>
                  <a:gd name="connsiteX16" fmla="*/ 3278137 w 3280995"/>
                  <a:gd name="connsiteY16" fmla="*/ 168457 h 1023997"/>
                  <a:gd name="connsiteX17" fmla="*/ 3280995 w 3280995"/>
                  <a:gd name="connsiteY17" fmla="*/ 292567 h 1023997"/>
                  <a:gd name="connsiteX18" fmla="*/ 2972790 w 3280995"/>
                  <a:gd name="connsiteY18" fmla="*/ 345643 h 1023997"/>
                  <a:gd name="connsiteX19" fmla="*/ 2864205 w 3280995"/>
                  <a:gd name="connsiteY19" fmla="*/ 465658 h 1023997"/>
                  <a:gd name="connsiteX20" fmla="*/ 2692755 w 3280995"/>
                  <a:gd name="connsiteY20" fmla="*/ 605675 h 1023997"/>
                  <a:gd name="connsiteX21" fmla="*/ 2469870 w 3280995"/>
                  <a:gd name="connsiteY21" fmla="*/ 619963 h 1023997"/>
                  <a:gd name="connsiteX22" fmla="*/ 2315565 w 3280995"/>
                  <a:gd name="connsiteY22" fmla="*/ 545668 h 1023997"/>
                  <a:gd name="connsiteX23" fmla="*/ 2192693 w 3280995"/>
                  <a:gd name="connsiteY23" fmla="*/ 702830 h 1023997"/>
                  <a:gd name="connsiteX24" fmla="*/ 2001240 w 3280995"/>
                  <a:gd name="connsiteY24" fmla="*/ 731405 h 1023997"/>
                  <a:gd name="connsiteX25" fmla="*/ 1846935 w 3280995"/>
                  <a:gd name="connsiteY25" fmla="*/ 954290 h 1023997"/>
                  <a:gd name="connsiteX26" fmla="*/ 1626750 w 3280995"/>
                  <a:gd name="connsiteY26" fmla="*/ 1023997 h 1023997"/>
                  <a:gd name="connsiteX27" fmla="*/ 1426883 w 3280995"/>
                  <a:gd name="connsiteY27" fmla="*/ 928573 h 1023997"/>
                  <a:gd name="connsiteX28" fmla="*/ 1304010 w 3280995"/>
                  <a:gd name="connsiteY28" fmla="*/ 851420 h 1023997"/>
                  <a:gd name="connsiteX29" fmla="*/ 1201140 w 3280995"/>
                  <a:gd name="connsiteY29" fmla="*/ 737121 h 1023997"/>
                  <a:gd name="connsiteX30" fmla="*/ 1138275 w 3280995"/>
                  <a:gd name="connsiteY30" fmla="*/ 734263 h 1023997"/>
                  <a:gd name="connsiteX31" fmla="*/ 1078268 w 3280995"/>
                  <a:gd name="connsiteY31" fmla="*/ 714260 h 1023997"/>
                  <a:gd name="connsiteX32" fmla="*/ 932535 w 3280995"/>
                  <a:gd name="connsiteY32" fmla="*/ 602819 h 1023997"/>
                  <a:gd name="connsiteX33" fmla="*/ 829666 w 3280995"/>
                  <a:gd name="connsiteY33" fmla="*/ 591389 h 1023997"/>
                  <a:gd name="connsiteX34" fmla="*/ 712508 w 3280995"/>
                  <a:gd name="connsiteY34" fmla="*/ 628536 h 1023997"/>
                  <a:gd name="connsiteX35" fmla="*/ 563918 w 3280995"/>
                  <a:gd name="connsiteY35" fmla="*/ 599961 h 1023997"/>
                  <a:gd name="connsiteX36" fmla="*/ 469620 w 3280995"/>
                  <a:gd name="connsiteY36" fmla="*/ 551384 h 1023997"/>
                  <a:gd name="connsiteX37" fmla="*/ 366750 w 3280995"/>
                  <a:gd name="connsiteY37" fmla="*/ 479946 h 1023997"/>
                  <a:gd name="connsiteX38" fmla="*/ 309600 w 3280995"/>
                  <a:gd name="connsiteY38" fmla="*/ 359931 h 1023997"/>
                  <a:gd name="connsiteX39" fmla="*/ 278168 w 3280995"/>
                  <a:gd name="connsiteY39" fmla="*/ 299924 h 1023997"/>
                  <a:gd name="connsiteX40" fmla="*/ 149580 w 3280995"/>
                  <a:gd name="connsiteY40" fmla="*/ 259919 h 1023997"/>
                  <a:gd name="connsiteX41" fmla="*/ 33660 w 3280995"/>
                  <a:gd name="connsiteY41" fmla="*/ 298170 h 1023997"/>
                  <a:gd name="connsiteX42" fmla="*/ 0 w 3280995"/>
                  <a:gd name="connsiteY42" fmla="*/ 160627 h 1023997"/>
                  <a:gd name="connsiteX43" fmla="*/ 29430 w 3280995"/>
                  <a:gd name="connsiteY43" fmla="*/ 0 h 1023997"/>
                  <a:gd name="connsiteX0" fmla="*/ 29430 w 3280995"/>
                  <a:gd name="connsiteY0" fmla="*/ 0 h 1023997"/>
                  <a:gd name="connsiteX1" fmla="*/ 366750 w 3280995"/>
                  <a:gd name="connsiteY1" fmla="*/ 99898 h 1023997"/>
                  <a:gd name="connsiteX2" fmla="*/ 572490 w 3280995"/>
                  <a:gd name="connsiteY2" fmla="*/ 311353 h 1023997"/>
                  <a:gd name="connsiteX3" fmla="*/ 815378 w 3280995"/>
                  <a:gd name="connsiteY3" fmla="*/ 359930 h 1023997"/>
                  <a:gd name="connsiteX4" fmla="*/ 1052550 w 3280995"/>
                  <a:gd name="connsiteY4" fmla="*/ 359930 h 1023997"/>
                  <a:gd name="connsiteX5" fmla="*/ 1215428 w 3280995"/>
                  <a:gd name="connsiteY5" fmla="*/ 522808 h 1023997"/>
                  <a:gd name="connsiteX6" fmla="*/ 1361160 w 3280995"/>
                  <a:gd name="connsiteY6" fmla="*/ 608533 h 1023997"/>
                  <a:gd name="connsiteX7" fmla="*/ 1498320 w 3280995"/>
                  <a:gd name="connsiteY7" fmla="*/ 702830 h 1023997"/>
                  <a:gd name="connsiteX8" fmla="*/ 1626008 w 3280995"/>
                  <a:gd name="connsiteY8" fmla="*/ 749205 h 1023997"/>
                  <a:gd name="connsiteX9" fmla="*/ 2006955 w 3280995"/>
                  <a:gd name="connsiteY9" fmla="*/ 528523 h 1023997"/>
                  <a:gd name="connsiteX10" fmla="*/ 2329853 w 3280995"/>
                  <a:gd name="connsiteY10" fmla="*/ 339928 h 1023997"/>
                  <a:gd name="connsiteX11" fmla="*/ 2458440 w 3280995"/>
                  <a:gd name="connsiteY11" fmla="*/ 371360 h 1023997"/>
                  <a:gd name="connsiteX12" fmla="*/ 2644178 w 3280995"/>
                  <a:gd name="connsiteY12" fmla="*/ 319925 h 1023997"/>
                  <a:gd name="connsiteX13" fmla="*/ 2827058 w 3280995"/>
                  <a:gd name="connsiteY13" fmla="*/ 185623 h 1023997"/>
                  <a:gd name="connsiteX14" fmla="*/ 2924213 w 3280995"/>
                  <a:gd name="connsiteY14" fmla="*/ 97040 h 1023997"/>
                  <a:gd name="connsiteX15" fmla="*/ 3138525 w 3280995"/>
                  <a:gd name="connsiteY15" fmla="*/ 97040 h 1023997"/>
                  <a:gd name="connsiteX16" fmla="*/ 3259507 w 3280995"/>
                  <a:gd name="connsiteY16" fmla="*/ 35662 h 1023997"/>
                  <a:gd name="connsiteX17" fmla="*/ 3278137 w 3280995"/>
                  <a:gd name="connsiteY17" fmla="*/ 168457 h 1023997"/>
                  <a:gd name="connsiteX18" fmla="*/ 3280995 w 3280995"/>
                  <a:gd name="connsiteY18" fmla="*/ 292567 h 1023997"/>
                  <a:gd name="connsiteX19" fmla="*/ 2972790 w 3280995"/>
                  <a:gd name="connsiteY19" fmla="*/ 345643 h 1023997"/>
                  <a:gd name="connsiteX20" fmla="*/ 2864205 w 3280995"/>
                  <a:gd name="connsiteY20" fmla="*/ 465658 h 1023997"/>
                  <a:gd name="connsiteX21" fmla="*/ 2692755 w 3280995"/>
                  <a:gd name="connsiteY21" fmla="*/ 605675 h 1023997"/>
                  <a:gd name="connsiteX22" fmla="*/ 2469870 w 3280995"/>
                  <a:gd name="connsiteY22" fmla="*/ 619963 h 1023997"/>
                  <a:gd name="connsiteX23" fmla="*/ 2315565 w 3280995"/>
                  <a:gd name="connsiteY23" fmla="*/ 545668 h 1023997"/>
                  <a:gd name="connsiteX24" fmla="*/ 2192693 w 3280995"/>
                  <a:gd name="connsiteY24" fmla="*/ 702830 h 1023997"/>
                  <a:gd name="connsiteX25" fmla="*/ 2001240 w 3280995"/>
                  <a:gd name="connsiteY25" fmla="*/ 731405 h 1023997"/>
                  <a:gd name="connsiteX26" fmla="*/ 1846935 w 3280995"/>
                  <a:gd name="connsiteY26" fmla="*/ 954290 h 1023997"/>
                  <a:gd name="connsiteX27" fmla="*/ 1626750 w 3280995"/>
                  <a:gd name="connsiteY27" fmla="*/ 1023997 h 1023997"/>
                  <a:gd name="connsiteX28" fmla="*/ 1426883 w 3280995"/>
                  <a:gd name="connsiteY28" fmla="*/ 928573 h 1023997"/>
                  <a:gd name="connsiteX29" fmla="*/ 1304010 w 3280995"/>
                  <a:gd name="connsiteY29" fmla="*/ 851420 h 1023997"/>
                  <a:gd name="connsiteX30" fmla="*/ 1201140 w 3280995"/>
                  <a:gd name="connsiteY30" fmla="*/ 737121 h 1023997"/>
                  <a:gd name="connsiteX31" fmla="*/ 1138275 w 3280995"/>
                  <a:gd name="connsiteY31" fmla="*/ 734263 h 1023997"/>
                  <a:gd name="connsiteX32" fmla="*/ 1078268 w 3280995"/>
                  <a:gd name="connsiteY32" fmla="*/ 714260 h 1023997"/>
                  <a:gd name="connsiteX33" fmla="*/ 932535 w 3280995"/>
                  <a:gd name="connsiteY33" fmla="*/ 602819 h 1023997"/>
                  <a:gd name="connsiteX34" fmla="*/ 829666 w 3280995"/>
                  <a:gd name="connsiteY34" fmla="*/ 591389 h 1023997"/>
                  <a:gd name="connsiteX35" fmla="*/ 712508 w 3280995"/>
                  <a:gd name="connsiteY35" fmla="*/ 628536 h 1023997"/>
                  <a:gd name="connsiteX36" fmla="*/ 563918 w 3280995"/>
                  <a:gd name="connsiteY36" fmla="*/ 599961 h 1023997"/>
                  <a:gd name="connsiteX37" fmla="*/ 469620 w 3280995"/>
                  <a:gd name="connsiteY37" fmla="*/ 551384 h 1023997"/>
                  <a:gd name="connsiteX38" fmla="*/ 366750 w 3280995"/>
                  <a:gd name="connsiteY38" fmla="*/ 479946 h 1023997"/>
                  <a:gd name="connsiteX39" fmla="*/ 309600 w 3280995"/>
                  <a:gd name="connsiteY39" fmla="*/ 359931 h 1023997"/>
                  <a:gd name="connsiteX40" fmla="*/ 278168 w 3280995"/>
                  <a:gd name="connsiteY40" fmla="*/ 299924 h 1023997"/>
                  <a:gd name="connsiteX41" fmla="*/ 149580 w 3280995"/>
                  <a:gd name="connsiteY41" fmla="*/ 259919 h 1023997"/>
                  <a:gd name="connsiteX42" fmla="*/ 33660 w 3280995"/>
                  <a:gd name="connsiteY42" fmla="*/ 298170 h 1023997"/>
                  <a:gd name="connsiteX43" fmla="*/ 0 w 3280995"/>
                  <a:gd name="connsiteY43" fmla="*/ 160627 h 1023997"/>
                  <a:gd name="connsiteX44" fmla="*/ 29430 w 3280995"/>
                  <a:gd name="connsiteY44" fmla="*/ 0 h 1023997"/>
                  <a:gd name="connsiteX0" fmla="*/ 29430 w 3280995"/>
                  <a:gd name="connsiteY0" fmla="*/ 3178 h 1027175"/>
                  <a:gd name="connsiteX1" fmla="*/ 189585 w 3280995"/>
                  <a:gd name="connsiteY1" fmla="*/ 77358 h 1027175"/>
                  <a:gd name="connsiteX2" fmla="*/ 366750 w 3280995"/>
                  <a:gd name="connsiteY2" fmla="*/ 103076 h 1027175"/>
                  <a:gd name="connsiteX3" fmla="*/ 572490 w 3280995"/>
                  <a:gd name="connsiteY3" fmla="*/ 314531 h 1027175"/>
                  <a:gd name="connsiteX4" fmla="*/ 815378 w 3280995"/>
                  <a:gd name="connsiteY4" fmla="*/ 363108 h 1027175"/>
                  <a:gd name="connsiteX5" fmla="*/ 1052550 w 3280995"/>
                  <a:gd name="connsiteY5" fmla="*/ 363108 h 1027175"/>
                  <a:gd name="connsiteX6" fmla="*/ 1215428 w 3280995"/>
                  <a:gd name="connsiteY6" fmla="*/ 525986 h 1027175"/>
                  <a:gd name="connsiteX7" fmla="*/ 1361160 w 3280995"/>
                  <a:gd name="connsiteY7" fmla="*/ 611711 h 1027175"/>
                  <a:gd name="connsiteX8" fmla="*/ 1498320 w 3280995"/>
                  <a:gd name="connsiteY8" fmla="*/ 706008 h 1027175"/>
                  <a:gd name="connsiteX9" fmla="*/ 1626008 w 3280995"/>
                  <a:gd name="connsiteY9" fmla="*/ 752383 h 1027175"/>
                  <a:gd name="connsiteX10" fmla="*/ 2006955 w 3280995"/>
                  <a:gd name="connsiteY10" fmla="*/ 531701 h 1027175"/>
                  <a:gd name="connsiteX11" fmla="*/ 2329853 w 3280995"/>
                  <a:gd name="connsiteY11" fmla="*/ 343106 h 1027175"/>
                  <a:gd name="connsiteX12" fmla="*/ 2458440 w 3280995"/>
                  <a:gd name="connsiteY12" fmla="*/ 374538 h 1027175"/>
                  <a:gd name="connsiteX13" fmla="*/ 2644178 w 3280995"/>
                  <a:gd name="connsiteY13" fmla="*/ 323103 h 1027175"/>
                  <a:gd name="connsiteX14" fmla="*/ 2827058 w 3280995"/>
                  <a:gd name="connsiteY14" fmla="*/ 188801 h 1027175"/>
                  <a:gd name="connsiteX15" fmla="*/ 2924213 w 3280995"/>
                  <a:gd name="connsiteY15" fmla="*/ 100218 h 1027175"/>
                  <a:gd name="connsiteX16" fmla="*/ 3138525 w 3280995"/>
                  <a:gd name="connsiteY16" fmla="*/ 100218 h 1027175"/>
                  <a:gd name="connsiteX17" fmla="*/ 3259507 w 3280995"/>
                  <a:gd name="connsiteY17" fmla="*/ 38840 h 1027175"/>
                  <a:gd name="connsiteX18" fmla="*/ 3278137 w 3280995"/>
                  <a:gd name="connsiteY18" fmla="*/ 171635 h 1027175"/>
                  <a:gd name="connsiteX19" fmla="*/ 3280995 w 3280995"/>
                  <a:gd name="connsiteY19" fmla="*/ 295745 h 1027175"/>
                  <a:gd name="connsiteX20" fmla="*/ 2972790 w 3280995"/>
                  <a:gd name="connsiteY20" fmla="*/ 348821 h 1027175"/>
                  <a:gd name="connsiteX21" fmla="*/ 2864205 w 3280995"/>
                  <a:gd name="connsiteY21" fmla="*/ 468836 h 1027175"/>
                  <a:gd name="connsiteX22" fmla="*/ 2692755 w 3280995"/>
                  <a:gd name="connsiteY22" fmla="*/ 608853 h 1027175"/>
                  <a:gd name="connsiteX23" fmla="*/ 2469870 w 3280995"/>
                  <a:gd name="connsiteY23" fmla="*/ 623141 h 1027175"/>
                  <a:gd name="connsiteX24" fmla="*/ 2315565 w 3280995"/>
                  <a:gd name="connsiteY24" fmla="*/ 548846 h 1027175"/>
                  <a:gd name="connsiteX25" fmla="*/ 2192693 w 3280995"/>
                  <a:gd name="connsiteY25" fmla="*/ 706008 h 1027175"/>
                  <a:gd name="connsiteX26" fmla="*/ 2001240 w 3280995"/>
                  <a:gd name="connsiteY26" fmla="*/ 734583 h 1027175"/>
                  <a:gd name="connsiteX27" fmla="*/ 1846935 w 3280995"/>
                  <a:gd name="connsiteY27" fmla="*/ 957468 h 1027175"/>
                  <a:gd name="connsiteX28" fmla="*/ 1626750 w 3280995"/>
                  <a:gd name="connsiteY28" fmla="*/ 1027175 h 1027175"/>
                  <a:gd name="connsiteX29" fmla="*/ 1426883 w 3280995"/>
                  <a:gd name="connsiteY29" fmla="*/ 931751 h 1027175"/>
                  <a:gd name="connsiteX30" fmla="*/ 1304010 w 3280995"/>
                  <a:gd name="connsiteY30" fmla="*/ 854598 h 1027175"/>
                  <a:gd name="connsiteX31" fmla="*/ 1201140 w 3280995"/>
                  <a:gd name="connsiteY31" fmla="*/ 740299 h 1027175"/>
                  <a:gd name="connsiteX32" fmla="*/ 1138275 w 3280995"/>
                  <a:gd name="connsiteY32" fmla="*/ 737441 h 1027175"/>
                  <a:gd name="connsiteX33" fmla="*/ 1078268 w 3280995"/>
                  <a:gd name="connsiteY33" fmla="*/ 717438 h 1027175"/>
                  <a:gd name="connsiteX34" fmla="*/ 932535 w 3280995"/>
                  <a:gd name="connsiteY34" fmla="*/ 605997 h 1027175"/>
                  <a:gd name="connsiteX35" fmla="*/ 829666 w 3280995"/>
                  <a:gd name="connsiteY35" fmla="*/ 594567 h 1027175"/>
                  <a:gd name="connsiteX36" fmla="*/ 712508 w 3280995"/>
                  <a:gd name="connsiteY36" fmla="*/ 631714 h 1027175"/>
                  <a:gd name="connsiteX37" fmla="*/ 563918 w 3280995"/>
                  <a:gd name="connsiteY37" fmla="*/ 603139 h 1027175"/>
                  <a:gd name="connsiteX38" fmla="*/ 469620 w 3280995"/>
                  <a:gd name="connsiteY38" fmla="*/ 554562 h 1027175"/>
                  <a:gd name="connsiteX39" fmla="*/ 366750 w 3280995"/>
                  <a:gd name="connsiteY39" fmla="*/ 483124 h 1027175"/>
                  <a:gd name="connsiteX40" fmla="*/ 309600 w 3280995"/>
                  <a:gd name="connsiteY40" fmla="*/ 363109 h 1027175"/>
                  <a:gd name="connsiteX41" fmla="*/ 278168 w 3280995"/>
                  <a:gd name="connsiteY41" fmla="*/ 303102 h 1027175"/>
                  <a:gd name="connsiteX42" fmla="*/ 149580 w 3280995"/>
                  <a:gd name="connsiteY42" fmla="*/ 263097 h 1027175"/>
                  <a:gd name="connsiteX43" fmla="*/ 33660 w 3280995"/>
                  <a:gd name="connsiteY43" fmla="*/ 301348 h 1027175"/>
                  <a:gd name="connsiteX44" fmla="*/ 0 w 3280995"/>
                  <a:gd name="connsiteY44" fmla="*/ 163805 h 1027175"/>
                  <a:gd name="connsiteX45" fmla="*/ 29430 w 3280995"/>
                  <a:gd name="connsiteY45" fmla="*/ 3178 h 1027175"/>
                  <a:gd name="connsiteX0" fmla="*/ 29430 w 3280995"/>
                  <a:gd name="connsiteY0" fmla="*/ 6207 h 1030204"/>
                  <a:gd name="connsiteX1" fmla="*/ 118148 w 3280995"/>
                  <a:gd name="connsiteY1" fmla="*/ 37525 h 1030204"/>
                  <a:gd name="connsiteX2" fmla="*/ 189585 w 3280995"/>
                  <a:gd name="connsiteY2" fmla="*/ 80387 h 1030204"/>
                  <a:gd name="connsiteX3" fmla="*/ 366750 w 3280995"/>
                  <a:gd name="connsiteY3" fmla="*/ 106105 h 1030204"/>
                  <a:gd name="connsiteX4" fmla="*/ 572490 w 3280995"/>
                  <a:gd name="connsiteY4" fmla="*/ 317560 h 1030204"/>
                  <a:gd name="connsiteX5" fmla="*/ 815378 w 3280995"/>
                  <a:gd name="connsiteY5" fmla="*/ 366137 h 1030204"/>
                  <a:gd name="connsiteX6" fmla="*/ 1052550 w 3280995"/>
                  <a:gd name="connsiteY6" fmla="*/ 366137 h 1030204"/>
                  <a:gd name="connsiteX7" fmla="*/ 1215428 w 3280995"/>
                  <a:gd name="connsiteY7" fmla="*/ 529015 h 1030204"/>
                  <a:gd name="connsiteX8" fmla="*/ 1361160 w 3280995"/>
                  <a:gd name="connsiteY8" fmla="*/ 614740 h 1030204"/>
                  <a:gd name="connsiteX9" fmla="*/ 1498320 w 3280995"/>
                  <a:gd name="connsiteY9" fmla="*/ 709037 h 1030204"/>
                  <a:gd name="connsiteX10" fmla="*/ 1626008 w 3280995"/>
                  <a:gd name="connsiteY10" fmla="*/ 755412 h 1030204"/>
                  <a:gd name="connsiteX11" fmla="*/ 2006955 w 3280995"/>
                  <a:gd name="connsiteY11" fmla="*/ 534730 h 1030204"/>
                  <a:gd name="connsiteX12" fmla="*/ 2329853 w 3280995"/>
                  <a:gd name="connsiteY12" fmla="*/ 346135 h 1030204"/>
                  <a:gd name="connsiteX13" fmla="*/ 2458440 w 3280995"/>
                  <a:gd name="connsiteY13" fmla="*/ 377567 h 1030204"/>
                  <a:gd name="connsiteX14" fmla="*/ 2644178 w 3280995"/>
                  <a:gd name="connsiteY14" fmla="*/ 326132 h 1030204"/>
                  <a:gd name="connsiteX15" fmla="*/ 2827058 w 3280995"/>
                  <a:gd name="connsiteY15" fmla="*/ 191830 h 1030204"/>
                  <a:gd name="connsiteX16" fmla="*/ 2924213 w 3280995"/>
                  <a:gd name="connsiteY16" fmla="*/ 103247 h 1030204"/>
                  <a:gd name="connsiteX17" fmla="*/ 3138525 w 3280995"/>
                  <a:gd name="connsiteY17" fmla="*/ 103247 h 1030204"/>
                  <a:gd name="connsiteX18" fmla="*/ 3259507 w 3280995"/>
                  <a:gd name="connsiteY18" fmla="*/ 41869 h 1030204"/>
                  <a:gd name="connsiteX19" fmla="*/ 3278137 w 3280995"/>
                  <a:gd name="connsiteY19" fmla="*/ 174664 h 1030204"/>
                  <a:gd name="connsiteX20" fmla="*/ 3280995 w 3280995"/>
                  <a:gd name="connsiteY20" fmla="*/ 298774 h 1030204"/>
                  <a:gd name="connsiteX21" fmla="*/ 2972790 w 3280995"/>
                  <a:gd name="connsiteY21" fmla="*/ 351850 h 1030204"/>
                  <a:gd name="connsiteX22" fmla="*/ 2864205 w 3280995"/>
                  <a:gd name="connsiteY22" fmla="*/ 471865 h 1030204"/>
                  <a:gd name="connsiteX23" fmla="*/ 2692755 w 3280995"/>
                  <a:gd name="connsiteY23" fmla="*/ 611882 h 1030204"/>
                  <a:gd name="connsiteX24" fmla="*/ 2469870 w 3280995"/>
                  <a:gd name="connsiteY24" fmla="*/ 626170 h 1030204"/>
                  <a:gd name="connsiteX25" fmla="*/ 2315565 w 3280995"/>
                  <a:gd name="connsiteY25" fmla="*/ 551875 h 1030204"/>
                  <a:gd name="connsiteX26" fmla="*/ 2192693 w 3280995"/>
                  <a:gd name="connsiteY26" fmla="*/ 709037 h 1030204"/>
                  <a:gd name="connsiteX27" fmla="*/ 2001240 w 3280995"/>
                  <a:gd name="connsiteY27" fmla="*/ 737612 h 1030204"/>
                  <a:gd name="connsiteX28" fmla="*/ 1846935 w 3280995"/>
                  <a:gd name="connsiteY28" fmla="*/ 960497 h 1030204"/>
                  <a:gd name="connsiteX29" fmla="*/ 1626750 w 3280995"/>
                  <a:gd name="connsiteY29" fmla="*/ 1030204 h 1030204"/>
                  <a:gd name="connsiteX30" fmla="*/ 1426883 w 3280995"/>
                  <a:gd name="connsiteY30" fmla="*/ 934780 h 1030204"/>
                  <a:gd name="connsiteX31" fmla="*/ 1304010 w 3280995"/>
                  <a:gd name="connsiteY31" fmla="*/ 857627 h 1030204"/>
                  <a:gd name="connsiteX32" fmla="*/ 1201140 w 3280995"/>
                  <a:gd name="connsiteY32" fmla="*/ 743328 h 1030204"/>
                  <a:gd name="connsiteX33" fmla="*/ 1138275 w 3280995"/>
                  <a:gd name="connsiteY33" fmla="*/ 740470 h 1030204"/>
                  <a:gd name="connsiteX34" fmla="*/ 1078268 w 3280995"/>
                  <a:gd name="connsiteY34" fmla="*/ 720467 h 1030204"/>
                  <a:gd name="connsiteX35" fmla="*/ 932535 w 3280995"/>
                  <a:gd name="connsiteY35" fmla="*/ 609026 h 1030204"/>
                  <a:gd name="connsiteX36" fmla="*/ 829666 w 3280995"/>
                  <a:gd name="connsiteY36" fmla="*/ 597596 h 1030204"/>
                  <a:gd name="connsiteX37" fmla="*/ 712508 w 3280995"/>
                  <a:gd name="connsiteY37" fmla="*/ 634743 h 1030204"/>
                  <a:gd name="connsiteX38" fmla="*/ 563918 w 3280995"/>
                  <a:gd name="connsiteY38" fmla="*/ 606168 h 1030204"/>
                  <a:gd name="connsiteX39" fmla="*/ 469620 w 3280995"/>
                  <a:gd name="connsiteY39" fmla="*/ 557591 h 1030204"/>
                  <a:gd name="connsiteX40" fmla="*/ 366750 w 3280995"/>
                  <a:gd name="connsiteY40" fmla="*/ 486153 h 1030204"/>
                  <a:gd name="connsiteX41" fmla="*/ 309600 w 3280995"/>
                  <a:gd name="connsiteY41" fmla="*/ 366138 h 1030204"/>
                  <a:gd name="connsiteX42" fmla="*/ 278168 w 3280995"/>
                  <a:gd name="connsiteY42" fmla="*/ 306131 h 1030204"/>
                  <a:gd name="connsiteX43" fmla="*/ 149580 w 3280995"/>
                  <a:gd name="connsiteY43" fmla="*/ 266126 h 1030204"/>
                  <a:gd name="connsiteX44" fmla="*/ 33660 w 3280995"/>
                  <a:gd name="connsiteY44" fmla="*/ 304377 h 1030204"/>
                  <a:gd name="connsiteX45" fmla="*/ 0 w 3280995"/>
                  <a:gd name="connsiteY45" fmla="*/ 166834 h 1030204"/>
                  <a:gd name="connsiteX46" fmla="*/ 29430 w 3280995"/>
                  <a:gd name="connsiteY46"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572490 w 3280995"/>
                  <a:gd name="connsiteY5" fmla="*/ 317560 h 1030204"/>
                  <a:gd name="connsiteX6" fmla="*/ 815378 w 3280995"/>
                  <a:gd name="connsiteY6" fmla="*/ 366137 h 1030204"/>
                  <a:gd name="connsiteX7" fmla="*/ 1052550 w 3280995"/>
                  <a:gd name="connsiteY7" fmla="*/ 366137 h 1030204"/>
                  <a:gd name="connsiteX8" fmla="*/ 1215428 w 3280995"/>
                  <a:gd name="connsiteY8" fmla="*/ 529015 h 1030204"/>
                  <a:gd name="connsiteX9" fmla="*/ 1361160 w 3280995"/>
                  <a:gd name="connsiteY9" fmla="*/ 614740 h 1030204"/>
                  <a:gd name="connsiteX10" fmla="*/ 1498320 w 3280995"/>
                  <a:gd name="connsiteY10" fmla="*/ 709037 h 1030204"/>
                  <a:gd name="connsiteX11" fmla="*/ 1626008 w 3280995"/>
                  <a:gd name="connsiteY11" fmla="*/ 755412 h 1030204"/>
                  <a:gd name="connsiteX12" fmla="*/ 2006955 w 3280995"/>
                  <a:gd name="connsiteY12" fmla="*/ 534730 h 1030204"/>
                  <a:gd name="connsiteX13" fmla="*/ 2329853 w 3280995"/>
                  <a:gd name="connsiteY13" fmla="*/ 346135 h 1030204"/>
                  <a:gd name="connsiteX14" fmla="*/ 2458440 w 3280995"/>
                  <a:gd name="connsiteY14" fmla="*/ 377567 h 1030204"/>
                  <a:gd name="connsiteX15" fmla="*/ 2644178 w 3280995"/>
                  <a:gd name="connsiteY15" fmla="*/ 326132 h 1030204"/>
                  <a:gd name="connsiteX16" fmla="*/ 2827058 w 3280995"/>
                  <a:gd name="connsiteY16" fmla="*/ 191830 h 1030204"/>
                  <a:gd name="connsiteX17" fmla="*/ 2924213 w 3280995"/>
                  <a:gd name="connsiteY17" fmla="*/ 103247 h 1030204"/>
                  <a:gd name="connsiteX18" fmla="*/ 3138525 w 3280995"/>
                  <a:gd name="connsiteY18" fmla="*/ 103247 h 1030204"/>
                  <a:gd name="connsiteX19" fmla="*/ 3259507 w 3280995"/>
                  <a:gd name="connsiteY19" fmla="*/ 41869 h 1030204"/>
                  <a:gd name="connsiteX20" fmla="*/ 3278137 w 3280995"/>
                  <a:gd name="connsiteY20" fmla="*/ 174664 h 1030204"/>
                  <a:gd name="connsiteX21" fmla="*/ 3280995 w 3280995"/>
                  <a:gd name="connsiteY21" fmla="*/ 298774 h 1030204"/>
                  <a:gd name="connsiteX22" fmla="*/ 2972790 w 3280995"/>
                  <a:gd name="connsiteY22" fmla="*/ 351850 h 1030204"/>
                  <a:gd name="connsiteX23" fmla="*/ 2864205 w 3280995"/>
                  <a:gd name="connsiteY23" fmla="*/ 471865 h 1030204"/>
                  <a:gd name="connsiteX24" fmla="*/ 2692755 w 3280995"/>
                  <a:gd name="connsiteY24" fmla="*/ 611882 h 1030204"/>
                  <a:gd name="connsiteX25" fmla="*/ 2469870 w 3280995"/>
                  <a:gd name="connsiteY25" fmla="*/ 626170 h 1030204"/>
                  <a:gd name="connsiteX26" fmla="*/ 2315565 w 3280995"/>
                  <a:gd name="connsiteY26" fmla="*/ 551875 h 1030204"/>
                  <a:gd name="connsiteX27" fmla="*/ 2192693 w 3280995"/>
                  <a:gd name="connsiteY27" fmla="*/ 709037 h 1030204"/>
                  <a:gd name="connsiteX28" fmla="*/ 2001240 w 3280995"/>
                  <a:gd name="connsiteY28" fmla="*/ 737612 h 1030204"/>
                  <a:gd name="connsiteX29" fmla="*/ 1846935 w 3280995"/>
                  <a:gd name="connsiteY29" fmla="*/ 960497 h 1030204"/>
                  <a:gd name="connsiteX30" fmla="*/ 1626750 w 3280995"/>
                  <a:gd name="connsiteY30" fmla="*/ 1030204 h 1030204"/>
                  <a:gd name="connsiteX31" fmla="*/ 1426883 w 3280995"/>
                  <a:gd name="connsiteY31" fmla="*/ 934780 h 1030204"/>
                  <a:gd name="connsiteX32" fmla="*/ 1304010 w 3280995"/>
                  <a:gd name="connsiteY32" fmla="*/ 857627 h 1030204"/>
                  <a:gd name="connsiteX33" fmla="*/ 1201140 w 3280995"/>
                  <a:gd name="connsiteY33" fmla="*/ 743328 h 1030204"/>
                  <a:gd name="connsiteX34" fmla="*/ 1138275 w 3280995"/>
                  <a:gd name="connsiteY34" fmla="*/ 740470 h 1030204"/>
                  <a:gd name="connsiteX35" fmla="*/ 1078268 w 3280995"/>
                  <a:gd name="connsiteY35" fmla="*/ 720467 h 1030204"/>
                  <a:gd name="connsiteX36" fmla="*/ 932535 w 3280995"/>
                  <a:gd name="connsiteY36" fmla="*/ 609026 h 1030204"/>
                  <a:gd name="connsiteX37" fmla="*/ 829666 w 3280995"/>
                  <a:gd name="connsiteY37" fmla="*/ 597596 h 1030204"/>
                  <a:gd name="connsiteX38" fmla="*/ 712508 w 3280995"/>
                  <a:gd name="connsiteY38" fmla="*/ 634743 h 1030204"/>
                  <a:gd name="connsiteX39" fmla="*/ 563918 w 3280995"/>
                  <a:gd name="connsiteY39" fmla="*/ 606168 h 1030204"/>
                  <a:gd name="connsiteX40" fmla="*/ 469620 w 3280995"/>
                  <a:gd name="connsiteY40" fmla="*/ 557591 h 1030204"/>
                  <a:gd name="connsiteX41" fmla="*/ 366750 w 3280995"/>
                  <a:gd name="connsiteY41" fmla="*/ 486153 h 1030204"/>
                  <a:gd name="connsiteX42" fmla="*/ 309600 w 3280995"/>
                  <a:gd name="connsiteY42" fmla="*/ 366138 h 1030204"/>
                  <a:gd name="connsiteX43" fmla="*/ 278168 w 3280995"/>
                  <a:gd name="connsiteY43" fmla="*/ 306131 h 1030204"/>
                  <a:gd name="connsiteX44" fmla="*/ 149580 w 3280995"/>
                  <a:gd name="connsiteY44" fmla="*/ 266126 h 1030204"/>
                  <a:gd name="connsiteX45" fmla="*/ 33660 w 3280995"/>
                  <a:gd name="connsiteY45" fmla="*/ 304377 h 1030204"/>
                  <a:gd name="connsiteX46" fmla="*/ 0 w 3280995"/>
                  <a:gd name="connsiteY46" fmla="*/ 166834 h 1030204"/>
                  <a:gd name="connsiteX47" fmla="*/ 29430 w 3280995"/>
                  <a:gd name="connsiteY47"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1052550 w 3280995"/>
                  <a:gd name="connsiteY8" fmla="*/ 366137 h 1030204"/>
                  <a:gd name="connsiteX9" fmla="*/ 1215428 w 3280995"/>
                  <a:gd name="connsiteY9" fmla="*/ 529015 h 1030204"/>
                  <a:gd name="connsiteX10" fmla="*/ 1361160 w 3280995"/>
                  <a:gd name="connsiteY10" fmla="*/ 614740 h 1030204"/>
                  <a:gd name="connsiteX11" fmla="*/ 1498320 w 3280995"/>
                  <a:gd name="connsiteY11" fmla="*/ 709037 h 1030204"/>
                  <a:gd name="connsiteX12" fmla="*/ 1626008 w 3280995"/>
                  <a:gd name="connsiteY12" fmla="*/ 755412 h 1030204"/>
                  <a:gd name="connsiteX13" fmla="*/ 2006955 w 3280995"/>
                  <a:gd name="connsiteY13" fmla="*/ 534730 h 1030204"/>
                  <a:gd name="connsiteX14" fmla="*/ 2329853 w 3280995"/>
                  <a:gd name="connsiteY14" fmla="*/ 346135 h 1030204"/>
                  <a:gd name="connsiteX15" fmla="*/ 2458440 w 3280995"/>
                  <a:gd name="connsiteY15" fmla="*/ 377567 h 1030204"/>
                  <a:gd name="connsiteX16" fmla="*/ 2644178 w 3280995"/>
                  <a:gd name="connsiteY16" fmla="*/ 326132 h 1030204"/>
                  <a:gd name="connsiteX17" fmla="*/ 2827058 w 3280995"/>
                  <a:gd name="connsiteY17" fmla="*/ 191830 h 1030204"/>
                  <a:gd name="connsiteX18" fmla="*/ 2924213 w 3280995"/>
                  <a:gd name="connsiteY18" fmla="*/ 103247 h 1030204"/>
                  <a:gd name="connsiteX19" fmla="*/ 3138525 w 3280995"/>
                  <a:gd name="connsiteY19" fmla="*/ 103247 h 1030204"/>
                  <a:gd name="connsiteX20" fmla="*/ 3259507 w 3280995"/>
                  <a:gd name="connsiteY20" fmla="*/ 41869 h 1030204"/>
                  <a:gd name="connsiteX21" fmla="*/ 3278137 w 3280995"/>
                  <a:gd name="connsiteY21" fmla="*/ 174664 h 1030204"/>
                  <a:gd name="connsiteX22" fmla="*/ 3280995 w 3280995"/>
                  <a:gd name="connsiteY22" fmla="*/ 298774 h 1030204"/>
                  <a:gd name="connsiteX23" fmla="*/ 2972790 w 3280995"/>
                  <a:gd name="connsiteY23" fmla="*/ 351850 h 1030204"/>
                  <a:gd name="connsiteX24" fmla="*/ 2864205 w 3280995"/>
                  <a:gd name="connsiteY24" fmla="*/ 471865 h 1030204"/>
                  <a:gd name="connsiteX25" fmla="*/ 2692755 w 3280995"/>
                  <a:gd name="connsiteY25" fmla="*/ 611882 h 1030204"/>
                  <a:gd name="connsiteX26" fmla="*/ 2469870 w 3280995"/>
                  <a:gd name="connsiteY26" fmla="*/ 626170 h 1030204"/>
                  <a:gd name="connsiteX27" fmla="*/ 2315565 w 3280995"/>
                  <a:gd name="connsiteY27" fmla="*/ 551875 h 1030204"/>
                  <a:gd name="connsiteX28" fmla="*/ 2192693 w 3280995"/>
                  <a:gd name="connsiteY28" fmla="*/ 709037 h 1030204"/>
                  <a:gd name="connsiteX29" fmla="*/ 2001240 w 3280995"/>
                  <a:gd name="connsiteY29" fmla="*/ 737612 h 1030204"/>
                  <a:gd name="connsiteX30" fmla="*/ 1846935 w 3280995"/>
                  <a:gd name="connsiteY30" fmla="*/ 960497 h 1030204"/>
                  <a:gd name="connsiteX31" fmla="*/ 1626750 w 3280995"/>
                  <a:gd name="connsiteY31" fmla="*/ 1030204 h 1030204"/>
                  <a:gd name="connsiteX32" fmla="*/ 1426883 w 3280995"/>
                  <a:gd name="connsiteY32" fmla="*/ 934780 h 1030204"/>
                  <a:gd name="connsiteX33" fmla="*/ 1304010 w 3280995"/>
                  <a:gd name="connsiteY33" fmla="*/ 857627 h 1030204"/>
                  <a:gd name="connsiteX34" fmla="*/ 1201140 w 3280995"/>
                  <a:gd name="connsiteY34" fmla="*/ 743328 h 1030204"/>
                  <a:gd name="connsiteX35" fmla="*/ 1138275 w 3280995"/>
                  <a:gd name="connsiteY35" fmla="*/ 740470 h 1030204"/>
                  <a:gd name="connsiteX36" fmla="*/ 1078268 w 3280995"/>
                  <a:gd name="connsiteY36" fmla="*/ 720467 h 1030204"/>
                  <a:gd name="connsiteX37" fmla="*/ 932535 w 3280995"/>
                  <a:gd name="connsiteY37" fmla="*/ 609026 h 1030204"/>
                  <a:gd name="connsiteX38" fmla="*/ 829666 w 3280995"/>
                  <a:gd name="connsiteY38" fmla="*/ 597596 h 1030204"/>
                  <a:gd name="connsiteX39" fmla="*/ 712508 w 3280995"/>
                  <a:gd name="connsiteY39" fmla="*/ 634743 h 1030204"/>
                  <a:gd name="connsiteX40" fmla="*/ 563918 w 3280995"/>
                  <a:gd name="connsiteY40" fmla="*/ 606168 h 1030204"/>
                  <a:gd name="connsiteX41" fmla="*/ 469620 w 3280995"/>
                  <a:gd name="connsiteY41" fmla="*/ 557591 h 1030204"/>
                  <a:gd name="connsiteX42" fmla="*/ 366750 w 3280995"/>
                  <a:gd name="connsiteY42" fmla="*/ 486153 h 1030204"/>
                  <a:gd name="connsiteX43" fmla="*/ 309600 w 3280995"/>
                  <a:gd name="connsiteY43" fmla="*/ 366138 h 1030204"/>
                  <a:gd name="connsiteX44" fmla="*/ 278168 w 3280995"/>
                  <a:gd name="connsiteY44" fmla="*/ 306131 h 1030204"/>
                  <a:gd name="connsiteX45" fmla="*/ 149580 w 3280995"/>
                  <a:gd name="connsiteY45" fmla="*/ 266126 h 1030204"/>
                  <a:gd name="connsiteX46" fmla="*/ 33660 w 3280995"/>
                  <a:gd name="connsiteY46" fmla="*/ 304377 h 1030204"/>
                  <a:gd name="connsiteX47" fmla="*/ 0 w 3280995"/>
                  <a:gd name="connsiteY47" fmla="*/ 166834 h 1030204"/>
                  <a:gd name="connsiteX48" fmla="*/ 29430 w 3280995"/>
                  <a:gd name="connsiteY48"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1052550 w 3280995"/>
                  <a:gd name="connsiteY8" fmla="*/ 366137 h 1030204"/>
                  <a:gd name="connsiteX9" fmla="*/ 1126845 w 3280995"/>
                  <a:gd name="connsiteY9" fmla="*/ 406142 h 1030204"/>
                  <a:gd name="connsiteX10" fmla="*/ 1215428 w 3280995"/>
                  <a:gd name="connsiteY10" fmla="*/ 529015 h 1030204"/>
                  <a:gd name="connsiteX11" fmla="*/ 1361160 w 3280995"/>
                  <a:gd name="connsiteY11" fmla="*/ 614740 h 1030204"/>
                  <a:gd name="connsiteX12" fmla="*/ 1498320 w 3280995"/>
                  <a:gd name="connsiteY12" fmla="*/ 709037 h 1030204"/>
                  <a:gd name="connsiteX13" fmla="*/ 1626008 w 3280995"/>
                  <a:gd name="connsiteY13" fmla="*/ 755412 h 1030204"/>
                  <a:gd name="connsiteX14" fmla="*/ 2006955 w 3280995"/>
                  <a:gd name="connsiteY14" fmla="*/ 534730 h 1030204"/>
                  <a:gd name="connsiteX15" fmla="*/ 2329853 w 3280995"/>
                  <a:gd name="connsiteY15" fmla="*/ 346135 h 1030204"/>
                  <a:gd name="connsiteX16" fmla="*/ 2458440 w 3280995"/>
                  <a:gd name="connsiteY16" fmla="*/ 377567 h 1030204"/>
                  <a:gd name="connsiteX17" fmla="*/ 2644178 w 3280995"/>
                  <a:gd name="connsiteY17" fmla="*/ 326132 h 1030204"/>
                  <a:gd name="connsiteX18" fmla="*/ 2827058 w 3280995"/>
                  <a:gd name="connsiteY18" fmla="*/ 191830 h 1030204"/>
                  <a:gd name="connsiteX19" fmla="*/ 2924213 w 3280995"/>
                  <a:gd name="connsiteY19" fmla="*/ 103247 h 1030204"/>
                  <a:gd name="connsiteX20" fmla="*/ 3138525 w 3280995"/>
                  <a:gd name="connsiteY20" fmla="*/ 103247 h 1030204"/>
                  <a:gd name="connsiteX21" fmla="*/ 3259507 w 3280995"/>
                  <a:gd name="connsiteY21" fmla="*/ 41869 h 1030204"/>
                  <a:gd name="connsiteX22" fmla="*/ 3278137 w 3280995"/>
                  <a:gd name="connsiteY22" fmla="*/ 174664 h 1030204"/>
                  <a:gd name="connsiteX23" fmla="*/ 3280995 w 3280995"/>
                  <a:gd name="connsiteY23" fmla="*/ 298774 h 1030204"/>
                  <a:gd name="connsiteX24" fmla="*/ 2972790 w 3280995"/>
                  <a:gd name="connsiteY24" fmla="*/ 351850 h 1030204"/>
                  <a:gd name="connsiteX25" fmla="*/ 2864205 w 3280995"/>
                  <a:gd name="connsiteY25" fmla="*/ 471865 h 1030204"/>
                  <a:gd name="connsiteX26" fmla="*/ 2692755 w 3280995"/>
                  <a:gd name="connsiteY26" fmla="*/ 611882 h 1030204"/>
                  <a:gd name="connsiteX27" fmla="*/ 2469870 w 3280995"/>
                  <a:gd name="connsiteY27" fmla="*/ 626170 h 1030204"/>
                  <a:gd name="connsiteX28" fmla="*/ 2315565 w 3280995"/>
                  <a:gd name="connsiteY28" fmla="*/ 551875 h 1030204"/>
                  <a:gd name="connsiteX29" fmla="*/ 2192693 w 3280995"/>
                  <a:gd name="connsiteY29" fmla="*/ 709037 h 1030204"/>
                  <a:gd name="connsiteX30" fmla="*/ 2001240 w 3280995"/>
                  <a:gd name="connsiteY30" fmla="*/ 737612 h 1030204"/>
                  <a:gd name="connsiteX31" fmla="*/ 1846935 w 3280995"/>
                  <a:gd name="connsiteY31" fmla="*/ 960497 h 1030204"/>
                  <a:gd name="connsiteX32" fmla="*/ 1626750 w 3280995"/>
                  <a:gd name="connsiteY32" fmla="*/ 1030204 h 1030204"/>
                  <a:gd name="connsiteX33" fmla="*/ 1426883 w 3280995"/>
                  <a:gd name="connsiteY33" fmla="*/ 934780 h 1030204"/>
                  <a:gd name="connsiteX34" fmla="*/ 1304010 w 3280995"/>
                  <a:gd name="connsiteY34" fmla="*/ 857627 h 1030204"/>
                  <a:gd name="connsiteX35" fmla="*/ 1201140 w 3280995"/>
                  <a:gd name="connsiteY35" fmla="*/ 743328 h 1030204"/>
                  <a:gd name="connsiteX36" fmla="*/ 1138275 w 3280995"/>
                  <a:gd name="connsiteY36" fmla="*/ 740470 h 1030204"/>
                  <a:gd name="connsiteX37" fmla="*/ 1078268 w 3280995"/>
                  <a:gd name="connsiteY37" fmla="*/ 720467 h 1030204"/>
                  <a:gd name="connsiteX38" fmla="*/ 932535 w 3280995"/>
                  <a:gd name="connsiteY38" fmla="*/ 609026 h 1030204"/>
                  <a:gd name="connsiteX39" fmla="*/ 829666 w 3280995"/>
                  <a:gd name="connsiteY39" fmla="*/ 597596 h 1030204"/>
                  <a:gd name="connsiteX40" fmla="*/ 712508 w 3280995"/>
                  <a:gd name="connsiteY40" fmla="*/ 634743 h 1030204"/>
                  <a:gd name="connsiteX41" fmla="*/ 563918 w 3280995"/>
                  <a:gd name="connsiteY41" fmla="*/ 606168 h 1030204"/>
                  <a:gd name="connsiteX42" fmla="*/ 469620 w 3280995"/>
                  <a:gd name="connsiteY42" fmla="*/ 557591 h 1030204"/>
                  <a:gd name="connsiteX43" fmla="*/ 366750 w 3280995"/>
                  <a:gd name="connsiteY43" fmla="*/ 486153 h 1030204"/>
                  <a:gd name="connsiteX44" fmla="*/ 309600 w 3280995"/>
                  <a:gd name="connsiteY44" fmla="*/ 366138 h 1030204"/>
                  <a:gd name="connsiteX45" fmla="*/ 278168 w 3280995"/>
                  <a:gd name="connsiteY45" fmla="*/ 306131 h 1030204"/>
                  <a:gd name="connsiteX46" fmla="*/ 149580 w 3280995"/>
                  <a:gd name="connsiteY46" fmla="*/ 266126 h 1030204"/>
                  <a:gd name="connsiteX47" fmla="*/ 33660 w 3280995"/>
                  <a:gd name="connsiteY47" fmla="*/ 304377 h 1030204"/>
                  <a:gd name="connsiteX48" fmla="*/ 0 w 3280995"/>
                  <a:gd name="connsiteY48" fmla="*/ 166834 h 1030204"/>
                  <a:gd name="connsiteX49" fmla="*/ 29430 w 3280995"/>
                  <a:gd name="connsiteY49"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26008 w 3280995"/>
                  <a:gd name="connsiteY14" fmla="*/ 755412 h 1030204"/>
                  <a:gd name="connsiteX15" fmla="*/ 2006955 w 3280995"/>
                  <a:gd name="connsiteY15" fmla="*/ 534730 h 1030204"/>
                  <a:gd name="connsiteX16" fmla="*/ 2329853 w 3280995"/>
                  <a:gd name="connsiteY16" fmla="*/ 346135 h 1030204"/>
                  <a:gd name="connsiteX17" fmla="*/ 2458440 w 3280995"/>
                  <a:gd name="connsiteY17" fmla="*/ 377567 h 1030204"/>
                  <a:gd name="connsiteX18" fmla="*/ 2644178 w 3280995"/>
                  <a:gd name="connsiteY18" fmla="*/ 326132 h 1030204"/>
                  <a:gd name="connsiteX19" fmla="*/ 2827058 w 3280995"/>
                  <a:gd name="connsiteY19" fmla="*/ 191830 h 1030204"/>
                  <a:gd name="connsiteX20" fmla="*/ 2924213 w 3280995"/>
                  <a:gd name="connsiteY20" fmla="*/ 103247 h 1030204"/>
                  <a:gd name="connsiteX21" fmla="*/ 3138525 w 3280995"/>
                  <a:gd name="connsiteY21" fmla="*/ 103247 h 1030204"/>
                  <a:gd name="connsiteX22" fmla="*/ 3259507 w 3280995"/>
                  <a:gd name="connsiteY22" fmla="*/ 41869 h 1030204"/>
                  <a:gd name="connsiteX23" fmla="*/ 3278137 w 3280995"/>
                  <a:gd name="connsiteY23" fmla="*/ 174664 h 1030204"/>
                  <a:gd name="connsiteX24" fmla="*/ 3280995 w 3280995"/>
                  <a:gd name="connsiteY24" fmla="*/ 298774 h 1030204"/>
                  <a:gd name="connsiteX25" fmla="*/ 2972790 w 3280995"/>
                  <a:gd name="connsiteY25" fmla="*/ 351850 h 1030204"/>
                  <a:gd name="connsiteX26" fmla="*/ 2864205 w 3280995"/>
                  <a:gd name="connsiteY26" fmla="*/ 471865 h 1030204"/>
                  <a:gd name="connsiteX27" fmla="*/ 2692755 w 3280995"/>
                  <a:gd name="connsiteY27" fmla="*/ 611882 h 1030204"/>
                  <a:gd name="connsiteX28" fmla="*/ 2469870 w 3280995"/>
                  <a:gd name="connsiteY28" fmla="*/ 626170 h 1030204"/>
                  <a:gd name="connsiteX29" fmla="*/ 2315565 w 3280995"/>
                  <a:gd name="connsiteY29" fmla="*/ 551875 h 1030204"/>
                  <a:gd name="connsiteX30" fmla="*/ 2192693 w 3280995"/>
                  <a:gd name="connsiteY30" fmla="*/ 709037 h 1030204"/>
                  <a:gd name="connsiteX31" fmla="*/ 2001240 w 3280995"/>
                  <a:gd name="connsiteY31" fmla="*/ 737612 h 1030204"/>
                  <a:gd name="connsiteX32" fmla="*/ 1846935 w 3280995"/>
                  <a:gd name="connsiteY32" fmla="*/ 960497 h 1030204"/>
                  <a:gd name="connsiteX33" fmla="*/ 1626750 w 3280995"/>
                  <a:gd name="connsiteY33" fmla="*/ 1030204 h 1030204"/>
                  <a:gd name="connsiteX34" fmla="*/ 1426883 w 3280995"/>
                  <a:gd name="connsiteY34" fmla="*/ 934780 h 1030204"/>
                  <a:gd name="connsiteX35" fmla="*/ 1304010 w 3280995"/>
                  <a:gd name="connsiteY35" fmla="*/ 857627 h 1030204"/>
                  <a:gd name="connsiteX36" fmla="*/ 1201140 w 3280995"/>
                  <a:gd name="connsiteY36" fmla="*/ 743328 h 1030204"/>
                  <a:gd name="connsiteX37" fmla="*/ 1138275 w 3280995"/>
                  <a:gd name="connsiteY37" fmla="*/ 740470 h 1030204"/>
                  <a:gd name="connsiteX38" fmla="*/ 1078268 w 3280995"/>
                  <a:gd name="connsiteY38" fmla="*/ 720467 h 1030204"/>
                  <a:gd name="connsiteX39" fmla="*/ 932535 w 3280995"/>
                  <a:gd name="connsiteY39" fmla="*/ 609026 h 1030204"/>
                  <a:gd name="connsiteX40" fmla="*/ 829666 w 3280995"/>
                  <a:gd name="connsiteY40" fmla="*/ 597596 h 1030204"/>
                  <a:gd name="connsiteX41" fmla="*/ 712508 w 3280995"/>
                  <a:gd name="connsiteY41" fmla="*/ 634743 h 1030204"/>
                  <a:gd name="connsiteX42" fmla="*/ 563918 w 3280995"/>
                  <a:gd name="connsiteY42" fmla="*/ 606168 h 1030204"/>
                  <a:gd name="connsiteX43" fmla="*/ 469620 w 3280995"/>
                  <a:gd name="connsiteY43" fmla="*/ 557591 h 1030204"/>
                  <a:gd name="connsiteX44" fmla="*/ 366750 w 3280995"/>
                  <a:gd name="connsiteY44" fmla="*/ 486153 h 1030204"/>
                  <a:gd name="connsiteX45" fmla="*/ 309600 w 3280995"/>
                  <a:gd name="connsiteY45" fmla="*/ 366138 h 1030204"/>
                  <a:gd name="connsiteX46" fmla="*/ 278168 w 3280995"/>
                  <a:gd name="connsiteY46" fmla="*/ 306131 h 1030204"/>
                  <a:gd name="connsiteX47" fmla="*/ 149580 w 3280995"/>
                  <a:gd name="connsiteY47" fmla="*/ 266126 h 1030204"/>
                  <a:gd name="connsiteX48" fmla="*/ 33660 w 3280995"/>
                  <a:gd name="connsiteY48" fmla="*/ 304377 h 1030204"/>
                  <a:gd name="connsiteX49" fmla="*/ 0 w 3280995"/>
                  <a:gd name="connsiteY49" fmla="*/ 166834 h 1030204"/>
                  <a:gd name="connsiteX50" fmla="*/ 29430 w 3280995"/>
                  <a:gd name="connsiteY50"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2006955 w 3280995"/>
                  <a:gd name="connsiteY15" fmla="*/ 534730 h 1030204"/>
                  <a:gd name="connsiteX16" fmla="*/ 2329853 w 3280995"/>
                  <a:gd name="connsiteY16" fmla="*/ 346135 h 1030204"/>
                  <a:gd name="connsiteX17" fmla="*/ 2458440 w 3280995"/>
                  <a:gd name="connsiteY17" fmla="*/ 377567 h 1030204"/>
                  <a:gd name="connsiteX18" fmla="*/ 2644178 w 3280995"/>
                  <a:gd name="connsiteY18" fmla="*/ 326132 h 1030204"/>
                  <a:gd name="connsiteX19" fmla="*/ 2827058 w 3280995"/>
                  <a:gd name="connsiteY19" fmla="*/ 191830 h 1030204"/>
                  <a:gd name="connsiteX20" fmla="*/ 2924213 w 3280995"/>
                  <a:gd name="connsiteY20" fmla="*/ 103247 h 1030204"/>
                  <a:gd name="connsiteX21" fmla="*/ 3138525 w 3280995"/>
                  <a:gd name="connsiteY21" fmla="*/ 103247 h 1030204"/>
                  <a:gd name="connsiteX22" fmla="*/ 3259507 w 3280995"/>
                  <a:gd name="connsiteY22" fmla="*/ 41869 h 1030204"/>
                  <a:gd name="connsiteX23" fmla="*/ 3278137 w 3280995"/>
                  <a:gd name="connsiteY23" fmla="*/ 174664 h 1030204"/>
                  <a:gd name="connsiteX24" fmla="*/ 3280995 w 3280995"/>
                  <a:gd name="connsiteY24" fmla="*/ 298774 h 1030204"/>
                  <a:gd name="connsiteX25" fmla="*/ 2972790 w 3280995"/>
                  <a:gd name="connsiteY25" fmla="*/ 351850 h 1030204"/>
                  <a:gd name="connsiteX26" fmla="*/ 2864205 w 3280995"/>
                  <a:gd name="connsiteY26" fmla="*/ 471865 h 1030204"/>
                  <a:gd name="connsiteX27" fmla="*/ 2692755 w 3280995"/>
                  <a:gd name="connsiteY27" fmla="*/ 611882 h 1030204"/>
                  <a:gd name="connsiteX28" fmla="*/ 2469870 w 3280995"/>
                  <a:gd name="connsiteY28" fmla="*/ 626170 h 1030204"/>
                  <a:gd name="connsiteX29" fmla="*/ 2315565 w 3280995"/>
                  <a:gd name="connsiteY29" fmla="*/ 551875 h 1030204"/>
                  <a:gd name="connsiteX30" fmla="*/ 2192693 w 3280995"/>
                  <a:gd name="connsiteY30" fmla="*/ 709037 h 1030204"/>
                  <a:gd name="connsiteX31" fmla="*/ 2001240 w 3280995"/>
                  <a:gd name="connsiteY31" fmla="*/ 737612 h 1030204"/>
                  <a:gd name="connsiteX32" fmla="*/ 1846935 w 3280995"/>
                  <a:gd name="connsiteY32" fmla="*/ 960497 h 1030204"/>
                  <a:gd name="connsiteX33" fmla="*/ 1626750 w 3280995"/>
                  <a:gd name="connsiteY33" fmla="*/ 1030204 h 1030204"/>
                  <a:gd name="connsiteX34" fmla="*/ 1426883 w 3280995"/>
                  <a:gd name="connsiteY34" fmla="*/ 934780 h 1030204"/>
                  <a:gd name="connsiteX35" fmla="*/ 1304010 w 3280995"/>
                  <a:gd name="connsiteY35" fmla="*/ 857627 h 1030204"/>
                  <a:gd name="connsiteX36" fmla="*/ 1201140 w 3280995"/>
                  <a:gd name="connsiteY36" fmla="*/ 743328 h 1030204"/>
                  <a:gd name="connsiteX37" fmla="*/ 1138275 w 3280995"/>
                  <a:gd name="connsiteY37" fmla="*/ 740470 h 1030204"/>
                  <a:gd name="connsiteX38" fmla="*/ 1078268 w 3280995"/>
                  <a:gd name="connsiteY38" fmla="*/ 720467 h 1030204"/>
                  <a:gd name="connsiteX39" fmla="*/ 932535 w 3280995"/>
                  <a:gd name="connsiteY39" fmla="*/ 609026 h 1030204"/>
                  <a:gd name="connsiteX40" fmla="*/ 829666 w 3280995"/>
                  <a:gd name="connsiteY40" fmla="*/ 597596 h 1030204"/>
                  <a:gd name="connsiteX41" fmla="*/ 712508 w 3280995"/>
                  <a:gd name="connsiteY41" fmla="*/ 634743 h 1030204"/>
                  <a:gd name="connsiteX42" fmla="*/ 563918 w 3280995"/>
                  <a:gd name="connsiteY42" fmla="*/ 606168 h 1030204"/>
                  <a:gd name="connsiteX43" fmla="*/ 469620 w 3280995"/>
                  <a:gd name="connsiteY43" fmla="*/ 557591 h 1030204"/>
                  <a:gd name="connsiteX44" fmla="*/ 366750 w 3280995"/>
                  <a:gd name="connsiteY44" fmla="*/ 486153 h 1030204"/>
                  <a:gd name="connsiteX45" fmla="*/ 309600 w 3280995"/>
                  <a:gd name="connsiteY45" fmla="*/ 366138 h 1030204"/>
                  <a:gd name="connsiteX46" fmla="*/ 278168 w 3280995"/>
                  <a:gd name="connsiteY46" fmla="*/ 306131 h 1030204"/>
                  <a:gd name="connsiteX47" fmla="*/ 149580 w 3280995"/>
                  <a:gd name="connsiteY47" fmla="*/ 266126 h 1030204"/>
                  <a:gd name="connsiteX48" fmla="*/ 33660 w 3280995"/>
                  <a:gd name="connsiteY48" fmla="*/ 304377 h 1030204"/>
                  <a:gd name="connsiteX49" fmla="*/ 0 w 3280995"/>
                  <a:gd name="connsiteY49" fmla="*/ 166834 h 1030204"/>
                  <a:gd name="connsiteX50" fmla="*/ 29430 w 3280995"/>
                  <a:gd name="connsiteY50"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2006955 w 3280995"/>
                  <a:gd name="connsiteY15" fmla="*/ 534730 h 1030204"/>
                  <a:gd name="connsiteX16" fmla="*/ 2329853 w 3280995"/>
                  <a:gd name="connsiteY16" fmla="*/ 346135 h 1030204"/>
                  <a:gd name="connsiteX17" fmla="*/ 2458440 w 3280995"/>
                  <a:gd name="connsiteY17" fmla="*/ 377567 h 1030204"/>
                  <a:gd name="connsiteX18" fmla="*/ 2644178 w 3280995"/>
                  <a:gd name="connsiteY18" fmla="*/ 326132 h 1030204"/>
                  <a:gd name="connsiteX19" fmla="*/ 2827058 w 3280995"/>
                  <a:gd name="connsiteY19" fmla="*/ 191830 h 1030204"/>
                  <a:gd name="connsiteX20" fmla="*/ 2924213 w 3280995"/>
                  <a:gd name="connsiteY20" fmla="*/ 103247 h 1030204"/>
                  <a:gd name="connsiteX21" fmla="*/ 3138525 w 3280995"/>
                  <a:gd name="connsiteY21" fmla="*/ 103247 h 1030204"/>
                  <a:gd name="connsiteX22" fmla="*/ 3259507 w 3280995"/>
                  <a:gd name="connsiteY22" fmla="*/ 41869 h 1030204"/>
                  <a:gd name="connsiteX23" fmla="*/ 3278137 w 3280995"/>
                  <a:gd name="connsiteY23" fmla="*/ 174664 h 1030204"/>
                  <a:gd name="connsiteX24" fmla="*/ 3280995 w 3280995"/>
                  <a:gd name="connsiteY24" fmla="*/ 298774 h 1030204"/>
                  <a:gd name="connsiteX25" fmla="*/ 2972790 w 3280995"/>
                  <a:gd name="connsiteY25" fmla="*/ 351850 h 1030204"/>
                  <a:gd name="connsiteX26" fmla="*/ 2864205 w 3280995"/>
                  <a:gd name="connsiteY26" fmla="*/ 471865 h 1030204"/>
                  <a:gd name="connsiteX27" fmla="*/ 2692755 w 3280995"/>
                  <a:gd name="connsiteY27" fmla="*/ 611882 h 1030204"/>
                  <a:gd name="connsiteX28" fmla="*/ 2469870 w 3280995"/>
                  <a:gd name="connsiteY28" fmla="*/ 626170 h 1030204"/>
                  <a:gd name="connsiteX29" fmla="*/ 2315565 w 3280995"/>
                  <a:gd name="connsiteY29" fmla="*/ 551875 h 1030204"/>
                  <a:gd name="connsiteX30" fmla="*/ 2192693 w 3280995"/>
                  <a:gd name="connsiteY30" fmla="*/ 709037 h 1030204"/>
                  <a:gd name="connsiteX31" fmla="*/ 2001240 w 3280995"/>
                  <a:gd name="connsiteY31" fmla="*/ 737612 h 1030204"/>
                  <a:gd name="connsiteX32" fmla="*/ 1846935 w 3280995"/>
                  <a:gd name="connsiteY32" fmla="*/ 960497 h 1030204"/>
                  <a:gd name="connsiteX33" fmla="*/ 1626750 w 3280995"/>
                  <a:gd name="connsiteY33" fmla="*/ 1030204 h 1030204"/>
                  <a:gd name="connsiteX34" fmla="*/ 1426883 w 3280995"/>
                  <a:gd name="connsiteY34" fmla="*/ 934780 h 1030204"/>
                  <a:gd name="connsiteX35" fmla="*/ 1304010 w 3280995"/>
                  <a:gd name="connsiteY35" fmla="*/ 857627 h 1030204"/>
                  <a:gd name="connsiteX36" fmla="*/ 1201140 w 3280995"/>
                  <a:gd name="connsiteY36" fmla="*/ 743328 h 1030204"/>
                  <a:gd name="connsiteX37" fmla="*/ 1138275 w 3280995"/>
                  <a:gd name="connsiteY37" fmla="*/ 740470 h 1030204"/>
                  <a:gd name="connsiteX38" fmla="*/ 1078268 w 3280995"/>
                  <a:gd name="connsiteY38" fmla="*/ 720467 h 1030204"/>
                  <a:gd name="connsiteX39" fmla="*/ 932535 w 3280995"/>
                  <a:gd name="connsiteY39" fmla="*/ 609026 h 1030204"/>
                  <a:gd name="connsiteX40" fmla="*/ 829666 w 3280995"/>
                  <a:gd name="connsiteY40" fmla="*/ 597596 h 1030204"/>
                  <a:gd name="connsiteX41" fmla="*/ 712508 w 3280995"/>
                  <a:gd name="connsiteY41" fmla="*/ 634743 h 1030204"/>
                  <a:gd name="connsiteX42" fmla="*/ 563918 w 3280995"/>
                  <a:gd name="connsiteY42" fmla="*/ 606168 h 1030204"/>
                  <a:gd name="connsiteX43" fmla="*/ 469620 w 3280995"/>
                  <a:gd name="connsiteY43" fmla="*/ 557591 h 1030204"/>
                  <a:gd name="connsiteX44" fmla="*/ 366750 w 3280995"/>
                  <a:gd name="connsiteY44" fmla="*/ 486153 h 1030204"/>
                  <a:gd name="connsiteX45" fmla="*/ 309600 w 3280995"/>
                  <a:gd name="connsiteY45" fmla="*/ 366138 h 1030204"/>
                  <a:gd name="connsiteX46" fmla="*/ 278168 w 3280995"/>
                  <a:gd name="connsiteY46" fmla="*/ 306131 h 1030204"/>
                  <a:gd name="connsiteX47" fmla="*/ 149580 w 3280995"/>
                  <a:gd name="connsiteY47" fmla="*/ 266126 h 1030204"/>
                  <a:gd name="connsiteX48" fmla="*/ 33660 w 3280995"/>
                  <a:gd name="connsiteY48" fmla="*/ 304377 h 1030204"/>
                  <a:gd name="connsiteX49" fmla="*/ 0 w 3280995"/>
                  <a:gd name="connsiteY49" fmla="*/ 166834 h 1030204"/>
                  <a:gd name="connsiteX50" fmla="*/ 29430 w 3280995"/>
                  <a:gd name="connsiteY50"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626750 w 3280995"/>
                  <a:gd name="connsiteY34" fmla="*/ 1030204 h 1030204"/>
                  <a:gd name="connsiteX35" fmla="*/ 1426883 w 3280995"/>
                  <a:gd name="connsiteY35" fmla="*/ 934780 h 1030204"/>
                  <a:gd name="connsiteX36" fmla="*/ 1304010 w 3280995"/>
                  <a:gd name="connsiteY36" fmla="*/ 857627 h 1030204"/>
                  <a:gd name="connsiteX37" fmla="*/ 1201140 w 3280995"/>
                  <a:gd name="connsiteY37" fmla="*/ 743328 h 1030204"/>
                  <a:gd name="connsiteX38" fmla="*/ 1138275 w 3280995"/>
                  <a:gd name="connsiteY38" fmla="*/ 740470 h 1030204"/>
                  <a:gd name="connsiteX39" fmla="*/ 1078268 w 3280995"/>
                  <a:gd name="connsiteY39" fmla="*/ 720467 h 1030204"/>
                  <a:gd name="connsiteX40" fmla="*/ 932535 w 3280995"/>
                  <a:gd name="connsiteY40" fmla="*/ 609026 h 1030204"/>
                  <a:gd name="connsiteX41" fmla="*/ 829666 w 3280995"/>
                  <a:gd name="connsiteY41" fmla="*/ 597596 h 1030204"/>
                  <a:gd name="connsiteX42" fmla="*/ 712508 w 3280995"/>
                  <a:gd name="connsiteY42" fmla="*/ 634743 h 1030204"/>
                  <a:gd name="connsiteX43" fmla="*/ 563918 w 3280995"/>
                  <a:gd name="connsiteY43" fmla="*/ 606168 h 1030204"/>
                  <a:gd name="connsiteX44" fmla="*/ 469620 w 3280995"/>
                  <a:gd name="connsiteY44" fmla="*/ 557591 h 1030204"/>
                  <a:gd name="connsiteX45" fmla="*/ 366750 w 3280995"/>
                  <a:gd name="connsiteY45" fmla="*/ 486153 h 1030204"/>
                  <a:gd name="connsiteX46" fmla="*/ 309600 w 3280995"/>
                  <a:gd name="connsiteY46" fmla="*/ 366138 h 1030204"/>
                  <a:gd name="connsiteX47" fmla="*/ 278168 w 3280995"/>
                  <a:gd name="connsiteY47" fmla="*/ 306131 h 1030204"/>
                  <a:gd name="connsiteX48" fmla="*/ 149580 w 3280995"/>
                  <a:gd name="connsiteY48" fmla="*/ 266126 h 1030204"/>
                  <a:gd name="connsiteX49" fmla="*/ 33660 w 3280995"/>
                  <a:gd name="connsiteY49" fmla="*/ 304377 h 1030204"/>
                  <a:gd name="connsiteX50" fmla="*/ 0 w 3280995"/>
                  <a:gd name="connsiteY50" fmla="*/ 166834 h 1030204"/>
                  <a:gd name="connsiteX51" fmla="*/ 29430 w 3280995"/>
                  <a:gd name="connsiteY51"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626750 w 3280995"/>
                  <a:gd name="connsiteY34" fmla="*/ 1030204 h 1030204"/>
                  <a:gd name="connsiteX35" fmla="*/ 1426883 w 3280995"/>
                  <a:gd name="connsiteY35" fmla="*/ 934780 h 1030204"/>
                  <a:gd name="connsiteX36" fmla="*/ 1304010 w 3280995"/>
                  <a:gd name="connsiteY36" fmla="*/ 857627 h 1030204"/>
                  <a:gd name="connsiteX37" fmla="*/ 1244003 w 3280995"/>
                  <a:gd name="connsiteY37" fmla="*/ 814765 h 1030204"/>
                  <a:gd name="connsiteX38" fmla="*/ 1201140 w 3280995"/>
                  <a:gd name="connsiteY38" fmla="*/ 743328 h 1030204"/>
                  <a:gd name="connsiteX39" fmla="*/ 1138275 w 3280995"/>
                  <a:gd name="connsiteY39" fmla="*/ 740470 h 1030204"/>
                  <a:gd name="connsiteX40" fmla="*/ 1078268 w 3280995"/>
                  <a:gd name="connsiteY40" fmla="*/ 720467 h 1030204"/>
                  <a:gd name="connsiteX41" fmla="*/ 932535 w 3280995"/>
                  <a:gd name="connsiteY41" fmla="*/ 609026 h 1030204"/>
                  <a:gd name="connsiteX42" fmla="*/ 829666 w 3280995"/>
                  <a:gd name="connsiteY42" fmla="*/ 597596 h 1030204"/>
                  <a:gd name="connsiteX43" fmla="*/ 712508 w 3280995"/>
                  <a:gd name="connsiteY43" fmla="*/ 634743 h 1030204"/>
                  <a:gd name="connsiteX44" fmla="*/ 563918 w 3280995"/>
                  <a:gd name="connsiteY44" fmla="*/ 606168 h 1030204"/>
                  <a:gd name="connsiteX45" fmla="*/ 469620 w 3280995"/>
                  <a:gd name="connsiteY45" fmla="*/ 557591 h 1030204"/>
                  <a:gd name="connsiteX46" fmla="*/ 366750 w 3280995"/>
                  <a:gd name="connsiteY46" fmla="*/ 486153 h 1030204"/>
                  <a:gd name="connsiteX47" fmla="*/ 309600 w 3280995"/>
                  <a:gd name="connsiteY47" fmla="*/ 366138 h 1030204"/>
                  <a:gd name="connsiteX48" fmla="*/ 278168 w 3280995"/>
                  <a:gd name="connsiteY48" fmla="*/ 306131 h 1030204"/>
                  <a:gd name="connsiteX49" fmla="*/ 149580 w 3280995"/>
                  <a:gd name="connsiteY49" fmla="*/ 266126 h 1030204"/>
                  <a:gd name="connsiteX50" fmla="*/ 33660 w 3280995"/>
                  <a:gd name="connsiteY50" fmla="*/ 304377 h 1030204"/>
                  <a:gd name="connsiteX51" fmla="*/ 0 w 3280995"/>
                  <a:gd name="connsiteY51" fmla="*/ 166834 h 1030204"/>
                  <a:gd name="connsiteX52" fmla="*/ 29430 w 3280995"/>
                  <a:gd name="connsiteY52"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5493 w 3280995"/>
                  <a:gd name="connsiteY34" fmla="*/ 1003360 h 1030204"/>
                  <a:gd name="connsiteX35" fmla="*/ 1626750 w 3280995"/>
                  <a:gd name="connsiteY35" fmla="*/ 1030204 h 1030204"/>
                  <a:gd name="connsiteX36" fmla="*/ 1426883 w 3280995"/>
                  <a:gd name="connsiteY36" fmla="*/ 934780 h 1030204"/>
                  <a:gd name="connsiteX37" fmla="*/ 1304010 w 3280995"/>
                  <a:gd name="connsiteY37" fmla="*/ 857627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66138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8350 w 3280995"/>
                  <a:gd name="connsiteY34" fmla="*/ 1000502 h 1030204"/>
                  <a:gd name="connsiteX35" fmla="*/ 1626750 w 3280995"/>
                  <a:gd name="connsiteY35" fmla="*/ 1030204 h 1030204"/>
                  <a:gd name="connsiteX36" fmla="*/ 1426883 w 3280995"/>
                  <a:gd name="connsiteY36" fmla="*/ 934780 h 1030204"/>
                  <a:gd name="connsiteX37" fmla="*/ 1304010 w 3280995"/>
                  <a:gd name="connsiteY37" fmla="*/ 857627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66138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8350 w 3280995"/>
                  <a:gd name="connsiteY34" fmla="*/ 1000502 h 1030204"/>
                  <a:gd name="connsiteX35" fmla="*/ 1626750 w 3280995"/>
                  <a:gd name="connsiteY35" fmla="*/ 1030204 h 1030204"/>
                  <a:gd name="connsiteX36" fmla="*/ 1426883 w 3280995"/>
                  <a:gd name="connsiteY36" fmla="*/ 934780 h 1030204"/>
                  <a:gd name="connsiteX37" fmla="*/ 1304010 w 3280995"/>
                  <a:gd name="connsiteY37" fmla="*/ 857627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94165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8350 w 3280995"/>
                  <a:gd name="connsiteY34" fmla="*/ 1000502 h 1030204"/>
                  <a:gd name="connsiteX35" fmla="*/ 1626750 w 3280995"/>
                  <a:gd name="connsiteY35" fmla="*/ 1030204 h 1030204"/>
                  <a:gd name="connsiteX36" fmla="*/ 1426883 w 3280995"/>
                  <a:gd name="connsiteY36" fmla="*/ 934780 h 1030204"/>
                  <a:gd name="connsiteX37" fmla="*/ 1304010 w 3280995"/>
                  <a:gd name="connsiteY37" fmla="*/ 857627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94165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8350 w 3280995"/>
                  <a:gd name="connsiteY34" fmla="*/ 1000502 h 1030204"/>
                  <a:gd name="connsiteX35" fmla="*/ 1626750 w 3280995"/>
                  <a:gd name="connsiteY35" fmla="*/ 1030204 h 1030204"/>
                  <a:gd name="connsiteX36" fmla="*/ 1426883 w 3280995"/>
                  <a:gd name="connsiteY36" fmla="*/ 934780 h 1030204"/>
                  <a:gd name="connsiteX37" fmla="*/ 1304010 w 3280995"/>
                  <a:gd name="connsiteY37" fmla="*/ 875144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94165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846935 w 3280995"/>
                  <a:gd name="connsiteY33" fmla="*/ 960497 h 1030204"/>
                  <a:gd name="connsiteX34" fmla="*/ 1738350 w 3280995"/>
                  <a:gd name="connsiteY34" fmla="*/ 1000502 h 1030204"/>
                  <a:gd name="connsiteX35" fmla="*/ 1626750 w 3280995"/>
                  <a:gd name="connsiteY35" fmla="*/ 1030204 h 1030204"/>
                  <a:gd name="connsiteX36" fmla="*/ 1426883 w 3280995"/>
                  <a:gd name="connsiteY36" fmla="*/ 945291 h 1030204"/>
                  <a:gd name="connsiteX37" fmla="*/ 1304010 w 3280995"/>
                  <a:gd name="connsiteY37" fmla="*/ 875144 h 1030204"/>
                  <a:gd name="connsiteX38" fmla="*/ 1244003 w 3280995"/>
                  <a:gd name="connsiteY38" fmla="*/ 814765 h 1030204"/>
                  <a:gd name="connsiteX39" fmla="*/ 1201140 w 3280995"/>
                  <a:gd name="connsiteY39" fmla="*/ 743328 h 1030204"/>
                  <a:gd name="connsiteX40" fmla="*/ 1138275 w 3280995"/>
                  <a:gd name="connsiteY40" fmla="*/ 740470 h 1030204"/>
                  <a:gd name="connsiteX41" fmla="*/ 1078268 w 3280995"/>
                  <a:gd name="connsiteY41" fmla="*/ 720467 h 1030204"/>
                  <a:gd name="connsiteX42" fmla="*/ 932535 w 3280995"/>
                  <a:gd name="connsiteY42" fmla="*/ 609026 h 1030204"/>
                  <a:gd name="connsiteX43" fmla="*/ 829666 w 3280995"/>
                  <a:gd name="connsiteY43" fmla="*/ 597596 h 1030204"/>
                  <a:gd name="connsiteX44" fmla="*/ 712508 w 3280995"/>
                  <a:gd name="connsiteY44" fmla="*/ 634743 h 1030204"/>
                  <a:gd name="connsiteX45" fmla="*/ 563918 w 3280995"/>
                  <a:gd name="connsiteY45" fmla="*/ 606168 h 1030204"/>
                  <a:gd name="connsiteX46" fmla="*/ 469620 w 3280995"/>
                  <a:gd name="connsiteY46" fmla="*/ 557591 h 1030204"/>
                  <a:gd name="connsiteX47" fmla="*/ 366750 w 3280995"/>
                  <a:gd name="connsiteY47" fmla="*/ 486153 h 1030204"/>
                  <a:gd name="connsiteX48" fmla="*/ 309600 w 3280995"/>
                  <a:gd name="connsiteY48" fmla="*/ 394165 h 1030204"/>
                  <a:gd name="connsiteX49" fmla="*/ 278168 w 3280995"/>
                  <a:gd name="connsiteY49" fmla="*/ 306131 h 1030204"/>
                  <a:gd name="connsiteX50" fmla="*/ 149580 w 3280995"/>
                  <a:gd name="connsiteY50" fmla="*/ 266126 h 1030204"/>
                  <a:gd name="connsiteX51" fmla="*/ 33660 w 3280995"/>
                  <a:gd name="connsiteY51" fmla="*/ 304377 h 1030204"/>
                  <a:gd name="connsiteX52" fmla="*/ 0 w 3280995"/>
                  <a:gd name="connsiteY52" fmla="*/ 166834 h 1030204"/>
                  <a:gd name="connsiteX53" fmla="*/ 29430 w 3280995"/>
                  <a:gd name="connsiteY53"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66750 w 3280995"/>
                  <a:gd name="connsiteY4" fmla="*/ 106105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78168 w 3280995"/>
                  <a:gd name="connsiteY50" fmla="*/ 306131 h 1030204"/>
                  <a:gd name="connsiteX51" fmla="*/ 149580 w 3280995"/>
                  <a:gd name="connsiteY51" fmla="*/ 266126 h 1030204"/>
                  <a:gd name="connsiteX52" fmla="*/ 33660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78168 w 3280995"/>
                  <a:gd name="connsiteY50" fmla="*/ 306131 h 1030204"/>
                  <a:gd name="connsiteX51" fmla="*/ 149580 w 3280995"/>
                  <a:gd name="connsiteY51" fmla="*/ 266126 h 1030204"/>
                  <a:gd name="connsiteX52" fmla="*/ 33660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78168 w 3280995"/>
                  <a:gd name="connsiteY50" fmla="*/ 306131 h 1030204"/>
                  <a:gd name="connsiteX51" fmla="*/ 149580 w 3280995"/>
                  <a:gd name="connsiteY51" fmla="*/ 266126 h 1030204"/>
                  <a:gd name="connsiteX52" fmla="*/ 2952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78168 w 3280995"/>
                  <a:gd name="connsiteY50" fmla="*/ 306131 h 1030204"/>
                  <a:gd name="connsiteX51" fmla="*/ 146168 w 3280995"/>
                  <a:gd name="connsiteY51" fmla="*/ 262714 h 1030204"/>
                  <a:gd name="connsiteX52" fmla="*/ 2952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74756 w 3280995"/>
                  <a:gd name="connsiteY50" fmla="*/ 289071 h 1030204"/>
                  <a:gd name="connsiteX51" fmla="*/ 146168 w 3280995"/>
                  <a:gd name="connsiteY51" fmla="*/ 262714 h 1030204"/>
                  <a:gd name="connsiteX52" fmla="*/ 2952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61109 w 3280995"/>
                  <a:gd name="connsiteY50" fmla="*/ 295895 h 1030204"/>
                  <a:gd name="connsiteX51" fmla="*/ 146168 w 3280995"/>
                  <a:gd name="connsiteY51" fmla="*/ 262714 h 1030204"/>
                  <a:gd name="connsiteX52" fmla="*/ 2952 w 3280995"/>
                  <a:gd name="connsiteY52" fmla="*/ 304377 h 1030204"/>
                  <a:gd name="connsiteX53" fmla="*/ 0 w 3280995"/>
                  <a:gd name="connsiteY53" fmla="*/ 166834 h 1030204"/>
                  <a:gd name="connsiteX54" fmla="*/ 29430 w 3280995"/>
                  <a:gd name="connsiteY54" fmla="*/ 6207 h 1030204"/>
                  <a:gd name="connsiteX0" fmla="*/ 29430 w 3280995"/>
                  <a:gd name="connsiteY0" fmla="*/ 6207 h 1030204"/>
                  <a:gd name="connsiteX1" fmla="*/ 118148 w 3280995"/>
                  <a:gd name="connsiteY1" fmla="*/ 37525 h 1030204"/>
                  <a:gd name="connsiteX2" fmla="*/ 189585 w 3280995"/>
                  <a:gd name="connsiteY2" fmla="*/ 80387 h 1030204"/>
                  <a:gd name="connsiteX3" fmla="*/ 275310 w 3280995"/>
                  <a:gd name="connsiteY3" fmla="*/ 94675 h 1030204"/>
                  <a:gd name="connsiteX4" fmla="*/ 370162 w 3280995"/>
                  <a:gd name="connsiteY4" fmla="*/ 99282 h 1030204"/>
                  <a:gd name="connsiteX5" fmla="*/ 461048 w 3280995"/>
                  <a:gd name="connsiteY5" fmla="*/ 197545 h 1030204"/>
                  <a:gd name="connsiteX6" fmla="*/ 572490 w 3280995"/>
                  <a:gd name="connsiteY6" fmla="*/ 317560 h 1030204"/>
                  <a:gd name="connsiteX7" fmla="*/ 815378 w 3280995"/>
                  <a:gd name="connsiteY7" fmla="*/ 366137 h 1030204"/>
                  <a:gd name="connsiteX8" fmla="*/ 995400 w 3280995"/>
                  <a:gd name="connsiteY8" fmla="*/ 348992 h 1030204"/>
                  <a:gd name="connsiteX9" fmla="*/ 1052550 w 3280995"/>
                  <a:gd name="connsiteY9" fmla="*/ 366137 h 1030204"/>
                  <a:gd name="connsiteX10" fmla="*/ 1126845 w 3280995"/>
                  <a:gd name="connsiteY10" fmla="*/ 406142 h 1030204"/>
                  <a:gd name="connsiteX11" fmla="*/ 1215428 w 3280995"/>
                  <a:gd name="connsiteY11" fmla="*/ 529015 h 1030204"/>
                  <a:gd name="connsiteX12" fmla="*/ 1361160 w 3280995"/>
                  <a:gd name="connsiteY12" fmla="*/ 614740 h 1030204"/>
                  <a:gd name="connsiteX13" fmla="*/ 1498320 w 3280995"/>
                  <a:gd name="connsiteY13" fmla="*/ 709037 h 1030204"/>
                  <a:gd name="connsiteX14" fmla="*/ 1634581 w 3280995"/>
                  <a:gd name="connsiteY14" fmla="*/ 738267 h 1030204"/>
                  <a:gd name="connsiteX15" fmla="*/ 1844078 w 3280995"/>
                  <a:gd name="connsiteY15" fmla="*/ 637600 h 1030204"/>
                  <a:gd name="connsiteX16" fmla="*/ 2006955 w 3280995"/>
                  <a:gd name="connsiteY16" fmla="*/ 534730 h 1030204"/>
                  <a:gd name="connsiteX17" fmla="*/ 2329853 w 3280995"/>
                  <a:gd name="connsiteY17" fmla="*/ 346135 h 1030204"/>
                  <a:gd name="connsiteX18" fmla="*/ 2458440 w 3280995"/>
                  <a:gd name="connsiteY18" fmla="*/ 377567 h 1030204"/>
                  <a:gd name="connsiteX19" fmla="*/ 2644178 w 3280995"/>
                  <a:gd name="connsiteY19" fmla="*/ 326132 h 1030204"/>
                  <a:gd name="connsiteX20" fmla="*/ 2827058 w 3280995"/>
                  <a:gd name="connsiteY20" fmla="*/ 191830 h 1030204"/>
                  <a:gd name="connsiteX21" fmla="*/ 2924213 w 3280995"/>
                  <a:gd name="connsiteY21" fmla="*/ 103247 h 1030204"/>
                  <a:gd name="connsiteX22" fmla="*/ 3138525 w 3280995"/>
                  <a:gd name="connsiteY22" fmla="*/ 103247 h 1030204"/>
                  <a:gd name="connsiteX23" fmla="*/ 3259507 w 3280995"/>
                  <a:gd name="connsiteY23" fmla="*/ 41869 h 1030204"/>
                  <a:gd name="connsiteX24" fmla="*/ 3278137 w 3280995"/>
                  <a:gd name="connsiteY24" fmla="*/ 174664 h 1030204"/>
                  <a:gd name="connsiteX25" fmla="*/ 3280995 w 3280995"/>
                  <a:gd name="connsiteY25" fmla="*/ 298774 h 1030204"/>
                  <a:gd name="connsiteX26" fmla="*/ 2972790 w 3280995"/>
                  <a:gd name="connsiteY26" fmla="*/ 351850 h 1030204"/>
                  <a:gd name="connsiteX27" fmla="*/ 2864205 w 3280995"/>
                  <a:gd name="connsiteY27" fmla="*/ 471865 h 1030204"/>
                  <a:gd name="connsiteX28" fmla="*/ 2692755 w 3280995"/>
                  <a:gd name="connsiteY28" fmla="*/ 611882 h 1030204"/>
                  <a:gd name="connsiteX29" fmla="*/ 2469870 w 3280995"/>
                  <a:gd name="connsiteY29" fmla="*/ 626170 h 1030204"/>
                  <a:gd name="connsiteX30" fmla="*/ 2315565 w 3280995"/>
                  <a:gd name="connsiteY30" fmla="*/ 551875 h 1030204"/>
                  <a:gd name="connsiteX31" fmla="*/ 2192693 w 3280995"/>
                  <a:gd name="connsiteY31" fmla="*/ 709037 h 1030204"/>
                  <a:gd name="connsiteX32" fmla="*/ 2001240 w 3280995"/>
                  <a:gd name="connsiteY32" fmla="*/ 737612 h 1030204"/>
                  <a:gd name="connsiteX33" fmla="*/ 1935178 w 3280995"/>
                  <a:gd name="connsiteY33" fmla="*/ 842321 h 1030204"/>
                  <a:gd name="connsiteX34" fmla="*/ 1846935 w 3280995"/>
                  <a:gd name="connsiteY34" fmla="*/ 960497 h 1030204"/>
                  <a:gd name="connsiteX35" fmla="*/ 1738350 w 3280995"/>
                  <a:gd name="connsiteY35" fmla="*/ 1000502 h 1030204"/>
                  <a:gd name="connsiteX36" fmla="*/ 1626750 w 3280995"/>
                  <a:gd name="connsiteY36" fmla="*/ 1030204 h 1030204"/>
                  <a:gd name="connsiteX37" fmla="*/ 1426883 w 3280995"/>
                  <a:gd name="connsiteY37" fmla="*/ 945291 h 1030204"/>
                  <a:gd name="connsiteX38" fmla="*/ 1304010 w 3280995"/>
                  <a:gd name="connsiteY38" fmla="*/ 875144 h 1030204"/>
                  <a:gd name="connsiteX39" fmla="*/ 1244003 w 3280995"/>
                  <a:gd name="connsiteY39" fmla="*/ 814765 h 1030204"/>
                  <a:gd name="connsiteX40" fmla="*/ 1201140 w 3280995"/>
                  <a:gd name="connsiteY40" fmla="*/ 743328 h 1030204"/>
                  <a:gd name="connsiteX41" fmla="*/ 1138275 w 3280995"/>
                  <a:gd name="connsiteY41" fmla="*/ 740470 h 1030204"/>
                  <a:gd name="connsiteX42" fmla="*/ 1078268 w 3280995"/>
                  <a:gd name="connsiteY42" fmla="*/ 720467 h 1030204"/>
                  <a:gd name="connsiteX43" fmla="*/ 932535 w 3280995"/>
                  <a:gd name="connsiteY43" fmla="*/ 609026 h 1030204"/>
                  <a:gd name="connsiteX44" fmla="*/ 829666 w 3280995"/>
                  <a:gd name="connsiteY44" fmla="*/ 597596 h 1030204"/>
                  <a:gd name="connsiteX45" fmla="*/ 712508 w 3280995"/>
                  <a:gd name="connsiteY45" fmla="*/ 634743 h 1030204"/>
                  <a:gd name="connsiteX46" fmla="*/ 563918 w 3280995"/>
                  <a:gd name="connsiteY46" fmla="*/ 606168 h 1030204"/>
                  <a:gd name="connsiteX47" fmla="*/ 469620 w 3280995"/>
                  <a:gd name="connsiteY47" fmla="*/ 557591 h 1030204"/>
                  <a:gd name="connsiteX48" fmla="*/ 366750 w 3280995"/>
                  <a:gd name="connsiteY48" fmla="*/ 486153 h 1030204"/>
                  <a:gd name="connsiteX49" fmla="*/ 309600 w 3280995"/>
                  <a:gd name="connsiteY49" fmla="*/ 394165 h 1030204"/>
                  <a:gd name="connsiteX50" fmla="*/ 261109 w 3280995"/>
                  <a:gd name="connsiteY50" fmla="*/ 295895 h 1030204"/>
                  <a:gd name="connsiteX51" fmla="*/ 146168 w 3280995"/>
                  <a:gd name="connsiteY51" fmla="*/ 262714 h 1030204"/>
                  <a:gd name="connsiteX52" fmla="*/ 2952 w 3280995"/>
                  <a:gd name="connsiteY52" fmla="*/ 304377 h 1030204"/>
                  <a:gd name="connsiteX53" fmla="*/ 0 w 3280995"/>
                  <a:gd name="connsiteY53" fmla="*/ 166834 h 1030204"/>
                  <a:gd name="connsiteX54" fmla="*/ 29430 w 3280995"/>
                  <a:gd name="connsiteY54" fmla="*/ 6207 h 1030204"/>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4581 w 3280995"/>
                  <a:gd name="connsiteY14" fmla="*/ 717698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5565 w 3280995"/>
                  <a:gd name="connsiteY30" fmla="*/ 531306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17521 w 3280995"/>
                  <a:gd name="connsiteY14" fmla="*/ 751818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5565 w 3280995"/>
                  <a:gd name="connsiteY30" fmla="*/ 531306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17521 w 3280995"/>
                  <a:gd name="connsiteY14" fmla="*/ 751818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5565 w 3280995"/>
                  <a:gd name="connsiteY30" fmla="*/ 531306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5565 w 3280995"/>
                  <a:gd name="connsiteY30" fmla="*/ 531306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5565 w 3280995"/>
                  <a:gd name="connsiteY30" fmla="*/ 531306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69870 w 3280995"/>
                  <a:gd name="connsiteY29" fmla="*/ 605601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64205 w 3280995"/>
                  <a:gd name="connsiteY27" fmla="*/ 451296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91501 w 3280995"/>
                  <a:gd name="connsiteY27" fmla="*/ 447884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77853 w 3280995"/>
                  <a:gd name="connsiteY27" fmla="*/ 447884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2972790 w 3280995"/>
                  <a:gd name="connsiteY26" fmla="*/ 331281 h 1009635"/>
                  <a:gd name="connsiteX27" fmla="*/ 2877853 w 3280995"/>
                  <a:gd name="connsiteY27" fmla="*/ 447884 h 1009635"/>
                  <a:gd name="connsiteX28" fmla="*/ 2692755 w 3280995"/>
                  <a:gd name="connsiteY28" fmla="*/ 591313 h 1009635"/>
                  <a:gd name="connsiteX29" fmla="*/ 2497166 w 3280995"/>
                  <a:gd name="connsiteY29" fmla="*/ 602189 h 1009635"/>
                  <a:gd name="connsiteX30" fmla="*/ 2318977 w 3280995"/>
                  <a:gd name="connsiteY30" fmla="*/ 507422 h 1009635"/>
                  <a:gd name="connsiteX31" fmla="*/ 2192693 w 3280995"/>
                  <a:gd name="connsiteY31" fmla="*/ 688468 h 1009635"/>
                  <a:gd name="connsiteX32" fmla="*/ 2001240 w 3280995"/>
                  <a:gd name="connsiteY32" fmla="*/ 717043 h 1009635"/>
                  <a:gd name="connsiteX33" fmla="*/ 1935178 w 3280995"/>
                  <a:gd name="connsiteY33" fmla="*/ 821752 h 1009635"/>
                  <a:gd name="connsiteX34" fmla="*/ 1846935 w 3280995"/>
                  <a:gd name="connsiteY34" fmla="*/ 939928 h 1009635"/>
                  <a:gd name="connsiteX35" fmla="*/ 1738350 w 3280995"/>
                  <a:gd name="connsiteY35" fmla="*/ 979933 h 1009635"/>
                  <a:gd name="connsiteX36" fmla="*/ 1626750 w 3280995"/>
                  <a:gd name="connsiteY36" fmla="*/ 1009635 h 1009635"/>
                  <a:gd name="connsiteX37" fmla="*/ 1426883 w 3280995"/>
                  <a:gd name="connsiteY37" fmla="*/ 924722 h 1009635"/>
                  <a:gd name="connsiteX38" fmla="*/ 1304010 w 3280995"/>
                  <a:gd name="connsiteY38" fmla="*/ 854575 h 1009635"/>
                  <a:gd name="connsiteX39" fmla="*/ 1244003 w 3280995"/>
                  <a:gd name="connsiteY39" fmla="*/ 794196 h 1009635"/>
                  <a:gd name="connsiteX40" fmla="*/ 1201140 w 3280995"/>
                  <a:gd name="connsiteY40" fmla="*/ 722759 h 1009635"/>
                  <a:gd name="connsiteX41" fmla="*/ 1138275 w 3280995"/>
                  <a:gd name="connsiteY41" fmla="*/ 719901 h 1009635"/>
                  <a:gd name="connsiteX42" fmla="*/ 1078268 w 3280995"/>
                  <a:gd name="connsiteY42" fmla="*/ 699898 h 1009635"/>
                  <a:gd name="connsiteX43" fmla="*/ 932535 w 3280995"/>
                  <a:gd name="connsiteY43" fmla="*/ 588457 h 1009635"/>
                  <a:gd name="connsiteX44" fmla="*/ 829666 w 3280995"/>
                  <a:gd name="connsiteY44" fmla="*/ 577027 h 1009635"/>
                  <a:gd name="connsiteX45" fmla="*/ 712508 w 3280995"/>
                  <a:gd name="connsiteY45" fmla="*/ 614174 h 1009635"/>
                  <a:gd name="connsiteX46" fmla="*/ 563918 w 3280995"/>
                  <a:gd name="connsiteY46" fmla="*/ 585599 h 1009635"/>
                  <a:gd name="connsiteX47" fmla="*/ 469620 w 3280995"/>
                  <a:gd name="connsiteY47" fmla="*/ 537022 h 1009635"/>
                  <a:gd name="connsiteX48" fmla="*/ 366750 w 3280995"/>
                  <a:gd name="connsiteY48" fmla="*/ 465584 h 1009635"/>
                  <a:gd name="connsiteX49" fmla="*/ 309600 w 3280995"/>
                  <a:gd name="connsiteY49" fmla="*/ 373596 h 1009635"/>
                  <a:gd name="connsiteX50" fmla="*/ 261109 w 3280995"/>
                  <a:gd name="connsiteY50" fmla="*/ 275326 h 1009635"/>
                  <a:gd name="connsiteX51" fmla="*/ 146168 w 3280995"/>
                  <a:gd name="connsiteY51" fmla="*/ 242145 h 1009635"/>
                  <a:gd name="connsiteX52" fmla="*/ 2952 w 3280995"/>
                  <a:gd name="connsiteY52" fmla="*/ 283808 h 1009635"/>
                  <a:gd name="connsiteX53" fmla="*/ 0 w 3280995"/>
                  <a:gd name="connsiteY53" fmla="*/ 146265 h 1009635"/>
                  <a:gd name="connsiteX54" fmla="*/ 29430 w 3280995"/>
                  <a:gd name="connsiteY54" fmla="*/ 9522 h 1009635"/>
                  <a:gd name="connsiteX0" fmla="*/ 29430 w 3280995"/>
                  <a:gd name="connsiteY0" fmla="*/ 9522 h 1009635"/>
                  <a:gd name="connsiteX1" fmla="*/ 118148 w 3280995"/>
                  <a:gd name="connsiteY1" fmla="*/ 16956 h 1009635"/>
                  <a:gd name="connsiteX2" fmla="*/ 189585 w 3280995"/>
                  <a:gd name="connsiteY2" fmla="*/ 59818 h 1009635"/>
                  <a:gd name="connsiteX3" fmla="*/ 275310 w 3280995"/>
                  <a:gd name="connsiteY3" fmla="*/ 74106 h 1009635"/>
                  <a:gd name="connsiteX4" fmla="*/ 370162 w 3280995"/>
                  <a:gd name="connsiteY4" fmla="*/ 78713 h 1009635"/>
                  <a:gd name="connsiteX5" fmla="*/ 461048 w 3280995"/>
                  <a:gd name="connsiteY5" fmla="*/ 176976 h 1009635"/>
                  <a:gd name="connsiteX6" fmla="*/ 572490 w 3280995"/>
                  <a:gd name="connsiteY6" fmla="*/ 296991 h 1009635"/>
                  <a:gd name="connsiteX7" fmla="*/ 815378 w 3280995"/>
                  <a:gd name="connsiteY7" fmla="*/ 345568 h 1009635"/>
                  <a:gd name="connsiteX8" fmla="*/ 995400 w 3280995"/>
                  <a:gd name="connsiteY8" fmla="*/ 328423 h 1009635"/>
                  <a:gd name="connsiteX9" fmla="*/ 1052550 w 3280995"/>
                  <a:gd name="connsiteY9" fmla="*/ 345568 h 1009635"/>
                  <a:gd name="connsiteX10" fmla="*/ 1126845 w 3280995"/>
                  <a:gd name="connsiteY10" fmla="*/ 385573 h 1009635"/>
                  <a:gd name="connsiteX11" fmla="*/ 1215428 w 3280995"/>
                  <a:gd name="connsiteY11" fmla="*/ 508446 h 1009635"/>
                  <a:gd name="connsiteX12" fmla="*/ 1361160 w 3280995"/>
                  <a:gd name="connsiteY12" fmla="*/ 594171 h 1009635"/>
                  <a:gd name="connsiteX13" fmla="*/ 1498320 w 3280995"/>
                  <a:gd name="connsiteY13" fmla="*/ 688468 h 1009635"/>
                  <a:gd name="connsiteX14" fmla="*/ 1631169 w 3280995"/>
                  <a:gd name="connsiteY14" fmla="*/ 738170 h 1009635"/>
                  <a:gd name="connsiteX15" fmla="*/ 1844078 w 3280995"/>
                  <a:gd name="connsiteY15" fmla="*/ 617031 h 1009635"/>
                  <a:gd name="connsiteX16" fmla="*/ 2006955 w 3280995"/>
                  <a:gd name="connsiteY16" fmla="*/ 514161 h 1009635"/>
                  <a:gd name="connsiteX17" fmla="*/ 2329853 w 3280995"/>
                  <a:gd name="connsiteY17" fmla="*/ 325566 h 1009635"/>
                  <a:gd name="connsiteX18" fmla="*/ 2458440 w 3280995"/>
                  <a:gd name="connsiteY18" fmla="*/ 356998 h 1009635"/>
                  <a:gd name="connsiteX19" fmla="*/ 2644178 w 3280995"/>
                  <a:gd name="connsiteY19" fmla="*/ 305563 h 1009635"/>
                  <a:gd name="connsiteX20" fmla="*/ 2827058 w 3280995"/>
                  <a:gd name="connsiteY20" fmla="*/ 171261 h 1009635"/>
                  <a:gd name="connsiteX21" fmla="*/ 2924213 w 3280995"/>
                  <a:gd name="connsiteY21" fmla="*/ 82678 h 1009635"/>
                  <a:gd name="connsiteX22" fmla="*/ 3138525 w 3280995"/>
                  <a:gd name="connsiteY22" fmla="*/ 82678 h 1009635"/>
                  <a:gd name="connsiteX23" fmla="*/ 3259507 w 3280995"/>
                  <a:gd name="connsiteY23" fmla="*/ 21300 h 1009635"/>
                  <a:gd name="connsiteX24" fmla="*/ 3278137 w 3280995"/>
                  <a:gd name="connsiteY24" fmla="*/ 154095 h 1009635"/>
                  <a:gd name="connsiteX25" fmla="*/ 3280995 w 3280995"/>
                  <a:gd name="connsiteY25" fmla="*/ 278205 h 1009635"/>
                  <a:gd name="connsiteX26" fmla="*/ 3092125 w 3280995"/>
                  <a:gd name="connsiteY26" fmla="*/ 272788 h 1009635"/>
                  <a:gd name="connsiteX27" fmla="*/ 2972790 w 3280995"/>
                  <a:gd name="connsiteY27" fmla="*/ 331281 h 1009635"/>
                  <a:gd name="connsiteX28" fmla="*/ 2877853 w 3280995"/>
                  <a:gd name="connsiteY28" fmla="*/ 447884 h 1009635"/>
                  <a:gd name="connsiteX29" fmla="*/ 2692755 w 3280995"/>
                  <a:gd name="connsiteY29" fmla="*/ 591313 h 1009635"/>
                  <a:gd name="connsiteX30" fmla="*/ 2497166 w 3280995"/>
                  <a:gd name="connsiteY30" fmla="*/ 602189 h 1009635"/>
                  <a:gd name="connsiteX31" fmla="*/ 2318977 w 3280995"/>
                  <a:gd name="connsiteY31" fmla="*/ 507422 h 1009635"/>
                  <a:gd name="connsiteX32" fmla="*/ 2192693 w 3280995"/>
                  <a:gd name="connsiteY32" fmla="*/ 688468 h 1009635"/>
                  <a:gd name="connsiteX33" fmla="*/ 2001240 w 3280995"/>
                  <a:gd name="connsiteY33" fmla="*/ 717043 h 1009635"/>
                  <a:gd name="connsiteX34" fmla="*/ 1935178 w 3280995"/>
                  <a:gd name="connsiteY34" fmla="*/ 821752 h 1009635"/>
                  <a:gd name="connsiteX35" fmla="*/ 1846935 w 3280995"/>
                  <a:gd name="connsiteY35" fmla="*/ 939928 h 1009635"/>
                  <a:gd name="connsiteX36" fmla="*/ 1738350 w 3280995"/>
                  <a:gd name="connsiteY36" fmla="*/ 979933 h 1009635"/>
                  <a:gd name="connsiteX37" fmla="*/ 1626750 w 3280995"/>
                  <a:gd name="connsiteY37" fmla="*/ 1009635 h 1009635"/>
                  <a:gd name="connsiteX38" fmla="*/ 1426883 w 3280995"/>
                  <a:gd name="connsiteY38" fmla="*/ 924722 h 1009635"/>
                  <a:gd name="connsiteX39" fmla="*/ 1304010 w 3280995"/>
                  <a:gd name="connsiteY39" fmla="*/ 854575 h 1009635"/>
                  <a:gd name="connsiteX40" fmla="*/ 1244003 w 3280995"/>
                  <a:gd name="connsiteY40" fmla="*/ 794196 h 1009635"/>
                  <a:gd name="connsiteX41" fmla="*/ 1201140 w 3280995"/>
                  <a:gd name="connsiteY41" fmla="*/ 722759 h 1009635"/>
                  <a:gd name="connsiteX42" fmla="*/ 1138275 w 3280995"/>
                  <a:gd name="connsiteY42" fmla="*/ 719901 h 1009635"/>
                  <a:gd name="connsiteX43" fmla="*/ 1078268 w 3280995"/>
                  <a:gd name="connsiteY43" fmla="*/ 699898 h 1009635"/>
                  <a:gd name="connsiteX44" fmla="*/ 932535 w 3280995"/>
                  <a:gd name="connsiteY44" fmla="*/ 588457 h 1009635"/>
                  <a:gd name="connsiteX45" fmla="*/ 829666 w 3280995"/>
                  <a:gd name="connsiteY45" fmla="*/ 577027 h 1009635"/>
                  <a:gd name="connsiteX46" fmla="*/ 712508 w 3280995"/>
                  <a:gd name="connsiteY46" fmla="*/ 614174 h 1009635"/>
                  <a:gd name="connsiteX47" fmla="*/ 563918 w 3280995"/>
                  <a:gd name="connsiteY47" fmla="*/ 585599 h 1009635"/>
                  <a:gd name="connsiteX48" fmla="*/ 469620 w 3280995"/>
                  <a:gd name="connsiteY48" fmla="*/ 537022 h 1009635"/>
                  <a:gd name="connsiteX49" fmla="*/ 366750 w 3280995"/>
                  <a:gd name="connsiteY49" fmla="*/ 465584 h 1009635"/>
                  <a:gd name="connsiteX50" fmla="*/ 309600 w 3280995"/>
                  <a:gd name="connsiteY50" fmla="*/ 373596 h 1009635"/>
                  <a:gd name="connsiteX51" fmla="*/ 261109 w 3280995"/>
                  <a:gd name="connsiteY51" fmla="*/ 275326 h 1009635"/>
                  <a:gd name="connsiteX52" fmla="*/ 146168 w 3280995"/>
                  <a:gd name="connsiteY52" fmla="*/ 242145 h 1009635"/>
                  <a:gd name="connsiteX53" fmla="*/ 2952 w 3280995"/>
                  <a:gd name="connsiteY53" fmla="*/ 283808 h 1009635"/>
                  <a:gd name="connsiteX54" fmla="*/ 0 w 3280995"/>
                  <a:gd name="connsiteY54" fmla="*/ 146265 h 1009635"/>
                  <a:gd name="connsiteX55" fmla="*/ 29430 w 3280995"/>
                  <a:gd name="connsiteY55" fmla="*/ 9522 h 1009635"/>
                  <a:gd name="connsiteX0" fmla="*/ 29430 w 3283391"/>
                  <a:gd name="connsiteY0" fmla="*/ 9522 h 1009635"/>
                  <a:gd name="connsiteX1" fmla="*/ 118148 w 3283391"/>
                  <a:gd name="connsiteY1" fmla="*/ 16956 h 1009635"/>
                  <a:gd name="connsiteX2" fmla="*/ 189585 w 3283391"/>
                  <a:gd name="connsiteY2" fmla="*/ 59818 h 1009635"/>
                  <a:gd name="connsiteX3" fmla="*/ 275310 w 3283391"/>
                  <a:gd name="connsiteY3" fmla="*/ 74106 h 1009635"/>
                  <a:gd name="connsiteX4" fmla="*/ 370162 w 3283391"/>
                  <a:gd name="connsiteY4" fmla="*/ 78713 h 1009635"/>
                  <a:gd name="connsiteX5" fmla="*/ 461048 w 3283391"/>
                  <a:gd name="connsiteY5" fmla="*/ 176976 h 1009635"/>
                  <a:gd name="connsiteX6" fmla="*/ 572490 w 3283391"/>
                  <a:gd name="connsiteY6" fmla="*/ 296991 h 1009635"/>
                  <a:gd name="connsiteX7" fmla="*/ 815378 w 3283391"/>
                  <a:gd name="connsiteY7" fmla="*/ 345568 h 1009635"/>
                  <a:gd name="connsiteX8" fmla="*/ 995400 w 3283391"/>
                  <a:gd name="connsiteY8" fmla="*/ 328423 h 1009635"/>
                  <a:gd name="connsiteX9" fmla="*/ 1052550 w 3283391"/>
                  <a:gd name="connsiteY9" fmla="*/ 345568 h 1009635"/>
                  <a:gd name="connsiteX10" fmla="*/ 1126845 w 3283391"/>
                  <a:gd name="connsiteY10" fmla="*/ 385573 h 1009635"/>
                  <a:gd name="connsiteX11" fmla="*/ 1215428 w 3283391"/>
                  <a:gd name="connsiteY11" fmla="*/ 508446 h 1009635"/>
                  <a:gd name="connsiteX12" fmla="*/ 1361160 w 3283391"/>
                  <a:gd name="connsiteY12" fmla="*/ 594171 h 1009635"/>
                  <a:gd name="connsiteX13" fmla="*/ 1498320 w 3283391"/>
                  <a:gd name="connsiteY13" fmla="*/ 688468 h 1009635"/>
                  <a:gd name="connsiteX14" fmla="*/ 1631169 w 3283391"/>
                  <a:gd name="connsiteY14" fmla="*/ 738170 h 1009635"/>
                  <a:gd name="connsiteX15" fmla="*/ 1844078 w 3283391"/>
                  <a:gd name="connsiteY15" fmla="*/ 617031 h 1009635"/>
                  <a:gd name="connsiteX16" fmla="*/ 2006955 w 3283391"/>
                  <a:gd name="connsiteY16" fmla="*/ 514161 h 1009635"/>
                  <a:gd name="connsiteX17" fmla="*/ 2329853 w 3283391"/>
                  <a:gd name="connsiteY17" fmla="*/ 325566 h 1009635"/>
                  <a:gd name="connsiteX18" fmla="*/ 2458440 w 3283391"/>
                  <a:gd name="connsiteY18" fmla="*/ 356998 h 1009635"/>
                  <a:gd name="connsiteX19" fmla="*/ 2644178 w 3283391"/>
                  <a:gd name="connsiteY19" fmla="*/ 305563 h 1009635"/>
                  <a:gd name="connsiteX20" fmla="*/ 2827058 w 3283391"/>
                  <a:gd name="connsiteY20" fmla="*/ 171261 h 1009635"/>
                  <a:gd name="connsiteX21" fmla="*/ 2924213 w 3283391"/>
                  <a:gd name="connsiteY21" fmla="*/ 82678 h 1009635"/>
                  <a:gd name="connsiteX22" fmla="*/ 3138525 w 3283391"/>
                  <a:gd name="connsiteY22" fmla="*/ 82678 h 1009635"/>
                  <a:gd name="connsiteX23" fmla="*/ 3283391 w 3283391"/>
                  <a:gd name="connsiteY23" fmla="*/ 11064 h 1009635"/>
                  <a:gd name="connsiteX24" fmla="*/ 3278137 w 3283391"/>
                  <a:gd name="connsiteY24" fmla="*/ 154095 h 1009635"/>
                  <a:gd name="connsiteX25" fmla="*/ 3280995 w 3283391"/>
                  <a:gd name="connsiteY25" fmla="*/ 278205 h 1009635"/>
                  <a:gd name="connsiteX26" fmla="*/ 3092125 w 3283391"/>
                  <a:gd name="connsiteY26" fmla="*/ 272788 h 1009635"/>
                  <a:gd name="connsiteX27" fmla="*/ 2972790 w 3283391"/>
                  <a:gd name="connsiteY27" fmla="*/ 331281 h 1009635"/>
                  <a:gd name="connsiteX28" fmla="*/ 2877853 w 3283391"/>
                  <a:gd name="connsiteY28" fmla="*/ 447884 h 1009635"/>
                  <a:gd name="connsiteX29" fmla="*/ 2692755 w 3283391"/>
                  <a:gd name="connsiteY29" fmla="*/ 591313 h 1009635"/>
                  <a:gd name="connsiteX30" fmla="*/ 2497166 w 3283391"/>
                  <a:gd name="connsiteY30" fmla="*/ 602189 h 1009635"/>
                  <a:gd name="connsiteX31" fmla="*/ 2318977 w 3283391"/>
                  <a:gd name="connsiteY31" fmla="*/ 507422 h 1009635"/>
                  <a:gd name="connsiteX32" fmla="*/ 2192693 w 3283391"/>
                  <a:gd name="connsiteY32" fmla="*/ 688468 h 1009635"/>
                  <a:gd name="connsiteX33" fmla="*/ 2001240 w 3283391"/>
                  <a:gd name="connsiteY33" fmla="*/ 717043 h 1009635"/>
                  <a:gd name="connsiteX34" fmla="*/ 1935178 w 3283391"/>
                  <a:gd name="connsiteY34" fmla="*/ 821752 h 1009635"/>
                  <a:gd name="connsiteX35" fmla="*/ 1846935 w 3283391"/>
                  <a:gd name="connsiteY35" fmla="*/ 939928 h 1009635"/>
                  <a:gd name="connsiteX36" fmla="*/ 1738350 w 3283391"/>
                  <a:gd name="connsiteY36" fmla="*/ 979933 h 1009635"/>
                  <a:gd name="connsiteX37" fmla="*/ 1626750 w 3283391"/>
                  <a:gd name="connsiteY37" fmla="*/ 1009635 h 1009635"/>
                  <a:gd name="connsiteX38" fmla="*/ 1426883 w 3283391"/>
                  <a:gd name="connsiteY38" fmla="*/ 924722 h 1009635"/>
                  <a:gd name="connsiteX39" fmla="*/ 1304010 w 3283391"/>
                  <a:gd name="connsiteY39" fmla="*/ 854575 h 1009635"/>
                  <a:gd name="connsiteX40" fmla="*/ 1244003 w 3283391"/>
                  <a:gd name="connsiteY40" fmla="*/ 794196 h 1009635"/>
                  <a:gd name="connsiteX41" fmla="*/ 1201140 w 3283391"/>
                  <a:gd name="connsiteY41" fmla="*/ 722759 h 1009635"/>
                  <a:gd name="connsiteX42" fmla="*/ 1138275 w 3283391"/>
                  <a:gd name="connsiteY42" fmla="*/ 719901 h 1009635"/>
                  <a:gd name="connsiteX43" fmla="*/ 1078268 w 3283391"/>
                  <a:gd name="connsiteY43" fmla="*/ 699898 h 1009635"/>
                  <a:gd name="connsiteX44" fmla="*/ 932535 w 3283391"/>
                  <a:gd name="connsiteY44" fmla="*/ 588457 h 1009635"/>
                  <a:gd name="connsiteX45" fmla="*/ 829666 w 3283391"/>
                  <a:gd name="connsiteY45" fmla="*/ 577027 h 1009635"/>
                  <a:gd name="connsiteX46" fmla="*/ 712508 w 3283391"/>
                  <a:gd name="connsiteY46" fmla="*/ 614174 h 1009635"/>
                  <a:gd name="connsiteX47" fmla="*/ 563918 w 3283391"/>
                  <a:gd name="connsiteY47" fmla="*/ 585599 h 1009635"/>
                  <a:gd name="connsiteX48" fmla="*/ 469620 w 3283391"/>
                  <a:gd name="connsiteY48" fmla="*/ 537022 h 1009635"/>
                  <a:gd name="connsiteX49" fmla="*/ 366750 w 3283391"/>
                  <a:gd name="connsiteY49" fmla="*/ 465584 h 1009635"/>
                  <a:gd name="connsiteX50" fmla="*/ 309600 w 3283391"/>
                  <a:gd name="connsiteY50" fmla="*/ 373596 h 1009635"/>
                  <a:gd name="connsiteX51" fmla="*/ 261109 w 3283391"/>
                  <a:gd name="connsiteY51" fmla="*/ 275326 h 1009635"/>
                  <a:gd name="connsiteX52" fmla="*/ 146168 w 3283391"/>
                  <a:gd name="connsiteY52" fmla="*/ 242145 h 1009635"/>
                  <a:gd name="connsiteX53" fmla="*/ 2952 w 3283391"/>
                  <a:gd name="connsiteY53" fmla="*/ 283808 h 1009635"/>
                  <a:gd name="connsiteX54" fmla="*/ 0 w 3283391"/>
                  <a:gd name="connsiteY54" fmla="*/ 146265 h 1009635"/>
                  <a:gd name="connsiteX55" fmla="*/ 29430 w 3283391"/>
                  <a:gd name="connsiteY55"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24213 w 3291836"/>
                  <a:gd name="connsiteY21" fmla="*/ 82678 h 1009635"/>
                  <a:gd name="connsiteX22" fmla="*/ 3138525 w 3291836"/>
                  <a:gd name="connsiteY22" fmla="*/ 82678 h 1009635"/>
                  <a:gd name="connsiteX23" fmla="*/ 3283391 w 3291836"/>
                  <a:gd name="connsiteY23" fmla="*/ 11064 h 1009635"/>
                  <a:gd name="connsiteX24" fmla="*/ 3291785 w 3291836"/>
                  <a:gd name="connsiteY24" fmla="*/ 154095 h 1009635"/>
                  <a:gd name="connsiteX25" fmla="*/ 3280995 w 3291836"/>
                  <a:gd name="connsiteY25" fmla="*/ 278205 h 1009635"/>
                  <a:gd name="connsiteX26" fmla="*/ 3092125 w 3291836"/>
                  <a:gd name="connsiteY26" fmla="*/ 272788 h 1009635"/>
                  <a:gd name="connsiteX27" fmla="*/ 2972790 w 3291836"/>
                  <a:gd name="connsiteY27" fmla="*/ 331281 h 1009635"/>
                  <a:gd name="connsiteX28" fmla="*/ 2877853 w 3291836"/>
                  <a:gd name="connsiteY28" fmla="*/ 447884 h 1009635"/>
                  <a:gd name="connsiteX29" fmla="*/ 2692755 w 3291836"/>
                  <a:gd name="connsiteY29" fmla="*/ 591313 h 1009635"/>
                  <a:gd name="connsiteX30" fmla="*/ 2497166 w 3291836"/>
                  <a:gd name="connsiteY30" fmla="*/ 602189 h 1009635"/>
                  <a:gd name="connsiteX31" fmla="*/ 2318977 w 3291836"/>
                  <a:gd name="connsiteY31" fmla="*/ 507422 h 1009635"/>
                  <a:gd name="connsiteX32" fmla="*/ 2192693 w 3291836"/>
                  <a:gd name="connsiteY32" fmla="*/ 688468 h 1009635"/>
                  <a:gd name="connsiteX33" fmla="*/ 2001240 w 3291836"/>
                  <a:gd name="connsiteY33" fmla="*/ 717043 h 1009635"/>
                  <a:gd name="connsiteX34" fmla="*/ 1935178 w 3291836"/>
                  <a:gd name="connsiteY34" fmla="*/ 821752 h 1009635"/>
                  <a:gd name="connsiteX35" fmla="*/ 1846935 w 3291836"/>
                  <a:gd name="connsiteY35" fmla="*/ 939928 h 1009635"/>
                  <a:gd name="connsiteX36" fmla="*/ 1738350 w 3291836"/>
                  <a:gd name="connsiteY36" fmla="*/ 979933 h 1009635"/>
                  <a:gd name="connsiteX37" fmla="*/ 1626750 w 3291836"/>
                  <a:gd name="connsiteY37" fmla="*/ 1009635 h 1009635"/>
                  <a:gd name="connsiteX38" fmla="*/ 1426883 w 3291836"/>
                  <a:gd name="connsiteY38" fmla="*/ 924722 h 1009635"/>
                  <a:gd name="connsiteX39" fmla="*/ 1304010 w 3291836"/>
                  <a:gd name="connsiteY39" fmla="*/ 854575 h 1009635"/>
                  <a:gd name="connsiteX40" fmla="*/ 1244003 w 3291836"/>
                  <a:gd name="connsiteY40" fmla="*/ 794196 h 1009635"/>
                  <a:gd name="connsiteX41" fmla="*/ 1201140 w 3291836"/>
                  <a:gd name="connsiteY41" fmla="*/ 722759 h 1009635"/>
                  <a:gd name="connsiteX42" fmla="*/ 1138275 w 3291836"/>
                  <a:gd name="connsiteY42" fmla="*/ 719901 h 1009635"/>
                  <a:gd name="connsiteX43" fmla="*/ 1078268 w 3291836"/>
                  <a:gd name="connsiteY43" fmla="*/ 699898 h 1009635"/>
                  <a:gd name="connsiteX44" fmla="*/ 932535 w 3291836"/>
                  <a:gd name="connsiteY44" fmla="*/ 588457 h 1009635"/>
                  <a:gd name="connsiteX45" fmla="*/ 829666 w 3291836"/>
                  <a:gd name="connsiteY45" fmla="*/ 577027 h 1009635"/>
                  <a:gd name="connsiteX46" fmla="*/ 712508 w 3291836"/>
                  <a:gd name="connsiteY46" fmla="*/ 614174 h 1009635"/>
                  <a:gd name="connsiteX47" fmla="*/ 563918 w 3291836"/>
                  <a:gd name="connsiteY47" fmla="*/ 585599 h 1009635"/>
                  <a:gd name="connsiteX48" fmla="*/ 469620 w 3291836"/>
                  <a:gd name="connsiteY48" fmla="*/ 537022 h 1009635"/>
                  <a:gd name="connsiteX49" fmla="*/ 366750 w 3291836"/>
                  <a:gd name="connsiteY49" fmla="*/ 465584 h 1009635"/>
                  <a:gd name="connsiteX50" fmla="*/ 309600 w 3291836"/>
                  <a:gd name="connsiteY50" fmla="*/ 373596 h 1009635"/>
                  <a:gd name="connsiteX51" fmla="*/ 261109 w 3291836"/>
                  <a:gd name="connsiteY51" fmla="*/ 275326 h 1009635"/>
                  <a:gd name="connsiteX52" fmla="*/ 146168 w 3291836"/>
                  <a:gd name="connsiteY52" fmla="*/ 242145 h 1009635"/>
                  <a:gd name="connsiteX53" fmla="*/ 2952 w 3291836"/>
                  <a:gd name="connsiteY53" fmla="*/ 283808 h 1009635"/>
                  <a:gd name="connsiteX54" fmla="*/ 0 w 3291836"/>
                  <a:gd name="connsiteY54" fmla="*/ 146265 h 1009635"/>
                  <a:gd name="connsiteX55" fmla="*/ 29430 w 3291836"/>
                  <a:gd name="connsiteY55"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24213 w 3291836"/>
                  <a:gd name="connsiteY21" fmla="*/ 82678 h 1009635"/>
                  <a:gd name="connsiteX22" fmla="*/ 3107818 w 3291836"/>
                  <a:gd name="connsiteY22" fmla="*/ 72442 h 1009635"/>
                  <a:gd name="connsiteX23" fmla="*/ 3283391 w 3291836"/>
                  <a:gd name="connsiteY23" fmla="*/ 11064 h 1009635"/>
                  <a:gd name="connsiteX24" fmla="*/ 3291785 w 3291836"/>
                  <a:gd name="connsiteY24" fmla="*/ 154095 h 1009635"/>
                  <a:gd name="connsiteX25" fmla="*/ 3280995 w 3291836"/>
                  <a:gd name="connsiteY25" fmla="*/ 278205 h 1009635"/>
                  <a:gd name="connsiteX26" fmla="*/ 3092125 w 3291836"/>
                  <a:gd name="connsiteY26" fmla="*/ 272788 h 1009635"/>
                  <a:gd name="connsiteX27" fmla="*/ 2972790 w 3291836"/>
                  <a:gd name="connsiteY27" fmla="*/ 331281 h 1009635"/>
                  <a:gd name="connsiteX28" fmla="*/ 2877853 w 3291836"/>
                  <a:gd name="connsiteY28" fmla="*/ 447884 h 1009635"/>
                  <a:gd name="connsiteX29" fmla="*/ 2692755 w 3291836"/>
                  <a:gd name="connsiteY29" fmla="*/ 591313 h 1009635"/>
                  <a:gd name="connsiteX30" fmla="*/ 2497166 w 3291836"/>
                  <a:gd name="connsiteY30" fmla="*/ 602189 h 1009635"/>
                  <a:gd name="connsiteX31" fmla="*/ 2318977 w 3291836"/>
                  <a:gd name="connsiteY31" fmla="*/ 507422 h 1009635"/>
                  <a:gd name="connsiteX32" fmla="*/ 2192693 w 3291836"/>
                  <a:gd name="connsiteY32" fmla="*/ 688468 h 1009635"/>
                  <a:gd name="connsiteX33" fmla="*/ 2001240 w 3291836"/>
                  <a:gd name="connsiteY33" fmla="*/ 717043 h 1009635"/>
                  <a:gd name="connsiteX34" fmla="*/ 1935178 w 3291836"/>
                  <a:gd name="connsiteY34" fmla="*/ 821752 h 1009635"/>
                  <a:gd name="connsiteX35" fmla="*/ 1846935 w 3291836"/>
                  <a:gd name="connsiteY35" fmla="*/ 939928 h 1009635"/>
                  <a:gd name="connsiteX36" fmla="*/ 1738350 w 3291836"/>
                  <a:gd name="connsiteY36" fmla="*/ 979933 h 1009635"/>
                  <a:gd name="connsiteX37" fmla="*/ 1626750 w 3291836"/>
                  <a:gd name="connsiteY37" fmla="*/ 1009635 h 1009635"/>
                  <a:gd name="connsiteX38" fmla="*/ 1426883 w 3291836"/>
                  <a:gd name="connsiteY38" fmla="*/ 924722 h 1009635"/>
                  <a:gd name="connsiteX39" fmla="*/ 1304010 w 3291836"/>
                  <a:gd name="connsiteY39" fmla="*/ 854575 h 1009635"/>
                  <a:gd name="connsiteX40" fmla="*/ 1244003 w 3291836"/>
                  <a:gd name="connsiteY40" fmla="*/ 794196 h 1009635"/>
                  <a:gd name="connsiteX41" fmla="*/ 1201140 w 3291836"/>
                  <a:gd name="connsiteY41" fmla="*/ 722759 h 1009635"/>
                  <a:gd name="connsiteX42" fmla="*/ 1138275 w 3291836"/>
                  <a:gd name="connsiteY42" fmla="*/ 719901 h 1009635"/>
                  <a:gd name="connsiteX43" fmla="*/ 1078268 w 3291836"/>
                  <a:gd name="connsiteY43" fmla="*/ 699898 h 1009635"/>
                  <a:gd name="connsiteX44" fmla="*/ 932535 w 3291836"/>
                  <a:gd name="connsiteY44" fmla="*/ 588457 h 1009635"/>
                  <a:gd name="connsiteX45" fmla="*/ 829666 w 3291836"/>
                  <a:gd name="connsiteY45" fmla="*/ 577027 h 1009635"/>
                  <a:gd name="connsiteX46" fmla="*/ 712508 w 3291836"/>
                  <a:gd name="connsiteY46" fmla="*/ 614174 h 1009635"/>
                  <a:gd name="connsiteX47" fmla="*/ 563918 w 3291836"/>
                  <a:gd name="connsiteY47" fmla="*/ 585599 h 1009635"/>
                  <a:gd name="connsiteX48" fmla="*/ 469620 w 3291836"/>
                  <a:gd name="connsiteY48" fmla="*/ 537022 h 1009635"/>
                  <a:gd name="connsiteX49" fmla="*/ 366750 w 3291836"/>
                  <a:gd name="connsiteY49" fmla="*/ 465584 h 1009635"/>
                  <a:gd name="connsiteX50" fmla="*/ 309600 w 3291836"/>
                  <a:gd name="connsiteY50" fmla="*/ 373596 h 1009635"/>
                  <a:gd name="connsiteX51" fmla="*/ 261109 w 3291836"/>
                  <a:gd name="connsiteY51" fmla="*/ 275326 h 1009635"/>
                  <a:gd name="connsiteX52" fmla="*/ 146168 w 3291836"/>
                  <a:gd name="connsiteY52" fmla="*/ 242145 h 1009635"/>
                  <a:gd name="connsiteX53" fmla="*/ 2952 w 3291836"/>
                  <a:gd name="connsiteY53" fmla="*/ 283808 h 1009635"/>
                  <a:gd name="connsiteX54" fmla="*/ 0 w 3291836"/>
                  <a:gd name="connsiteY54" fmla="*/ 146265 h 1009635"/>
                  <a:gd name="connsiteX55" fmla="*/ 29430 w 3291836"/>
                  <a:gd name="connsiteY55"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24213 w 3291836"/>
                  <a:gd name="connsiteY21" fmla="*/ 82678 h 1009635"/>
                  <a:gd name="connsiteX22" fmla="*/ 3107818 w 3291836"/>
                  <a:gd name="connsiteY22" fmla="*/ 72442 h 1009635"/>
                  <a:gd name="connsiteX23" fmla="*/ 3283391 w 3291836"/>
                  <a:gd name="connsiteY23" fmla="*/ 11064 h 1009635"/>
                  <a:gd name="connsiteX24" fmla="*/ 3291785 w 3291836"/>
                  <a:gd name="connsiteY24" fmla="*/ 154095 h 1009635"/>
                  <a:gd name="connsiteX25" fmla="*/ 3280995 w 3291836"/>
                  <a:gd name="connsiteY25" fmla="*/ 278205 h 1009635"/>
                  <a:gd name="connsiteX26" fmla="*/ 3092125 w 3291836"/>
                  <a:gd name="connsiteY26" fmla="*/ 272788 h 1009635"/>
                  <a:gd name="connsiteX27" fmla="*/ 2972790 w 3291836"/>
                  <a:gd name="connsiteY27" fmla="*/ 331281 h 1009635"/>
                  <a:gd name="connsiteX28" fmla="*/ 2877853 w 3291836"/>
                  <a:gd name="connsiteY28" fmla="*/ 447884 h 1009635"/>
                  <a:gd name="connsiteX29" fmla="*/ 2692755 w 3291836"/>
                  <a:gd name="connsiteY29" fmla="*/ 591313 h 1009635"/>
                  <a:gd name="connsiteX30" fmla="*/ 2497166 w 3291836"/>
                  <a:gd name="connsiteY30" fmla="*/ 602189 h 1009635"/>
                  <a:gd name="connsiteX31" fmla="*/ 2318977 w 3291836"/>
                  <a:gd name="connsiteY31" fmla="*/ 507422 h 1009635"/>
                  <a:gd name="connsiteX32" fmla="*/ 2192693 w 3291836"/>
                  <a:gd name="connsiteY32" fmla="*/ 688468 h 1009635"/>
                  <a:gd name="connsiteX33" fmla="*/ 2001240 w 3291836"/>
                  <a:gd name="connsiteY33" fmla="*/ 717043 h 1009635"/>
                  <a:gd name="connsiteX34" fmla="*/ 1935178 w 3291836"/>
                  <a:gd name="connsiteY34" fmla="*/ 821752 h 1009635"/>
                  <a:gd name="connsiteX35" fmla="*/ 1846935 w 3291836"/>
                  <a:gd name="connsiteY35" fmla="*/ 939928 h 1009635"/>
                  <a:gd name="connsiteX36" fmla="*/ 1738350 w 3291836"/>
                  <a:gd name="connsiteY36" fmla="*/ 979933 h 1009635"/>
                  <a:gd name="connsiteX37" fmla="*/ 1626750 w 3291836"/>
                  <a:gd name="connsiteY37" fmla="*/ 1009635 h 1009635"/>
                  <a:gd name="connsiteX38" fmla="*/ 1426883 w 3291836"/>
                  <a:gd name="connsiteY38" fmla="*/ 924722 h 1009635"/>
                  <a:gd name="connsiteX39" fmla="*/ 1304010 w 3291836"/>
                  <a:gd name="connsiteY39" fmla="*/ 854575 h 1009635"/>
                  <a:gd name="connsiteX40" fmla="*/ 1244003 w 3291836"/>
                  <a:gd name="connsiteY40" fmla="*/ 794196 h 1009635"/>
                  <a:gd name="connsiteX41" fmla="*/ 1201140 w 3291836"/>
                  <a:gd name="connsiteY41" fmla="*/ 722759 h 1009635"/>
                  <a:gd name="connsiteX42" fmla="*/ 1138275 w 3291836"/>
                  <a:gd name="connsiteY42" fmla="*/ 719901 h 1009635"/>
                  <a:gd name="connsiteX43" fmla="*/ 1078268 w 3291836"/>
                  <a:gd name="connsiteY43" fmla="*/ 699898 h 1009635"/>
                  <a:gd name="connsiteX44" fmla="*/ 932535 w 3291836"/>
                  <a:gd name="connsiteY44" fmla="*/ 588457 h 1009635"/>
                  <a:gd name="connsiteX45" fmla="*/ 829666 w 3291836"/>
                  <a:gd name="connsiteY45" fmla="*/ 577027 h 1009635"/>
                  <a:gd name="connsiteX46" fmla="*/ 712508 w 3291836"/>
                  <a:gd name="connsiteY46" fmla="*/ 614174 h 1009635"/>
                  <a:gd name="connsiteX47" fmla="*/ 563918 w 3291836"/>
                  <a:gd name="connsiteY47" fmla="*/ 585599 h 1009635"/>
                  <a:gd name="connsiteX48" fmla="*/ 469620 w 3291836"/>
                  <a:gd name="connsiteY48" fmla="*/ 537022 h 1009635"/>
                  <a:gd name="connsiteX49" fmla="*/ 366750 w 3291836"/>
                  <a:gd name="connsiteY49" fmla="*/ 465584 h 1009635"/>
                  <a:gd name="connsiteX50" fmla="*/ 309600 w 3291836"/>
                  <a:gd name="connsiteY50" fmla="*/ 373596 h 1009635"/>
                  <a:gd name="connsiteX51" fmla="*/ 261109 w 3291836"/>
                  <a:gd name="connsiteY51" fmla="*/ 275326 h 1009635"/>
                  <a:gd name="connsiteX52" fmla="*/ 146168 w 3291836"/>
                  <a:gd name="connsiteY52" fmla="*/ 242145 h 1009635"/>
                  <a:gd name="connsiteX53" fmla="*/ 2952 w 3291836"/>
                  <a:gd name="connsiteY53" fmla="*/ 283808 h 1009635"/>
                  <a:gd name="connsiteX54" fmla="*/ 0 w 3291836"/>
                  <a:gd name="connsiteY54" fmla="*/ 146265 h 1009635"/>
                  <a:gd name="connsiteX55" fmla="*/ 29430 w 3291836"/>
                  <a:gd name="connsiteY55"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34449 w 3291836"/>
                  <a:gd name="connsiteY21" fmla="*/ 86090 h 1009635"/>
                  <a:gd name="connsiteX22" fmla="*/ 3107818 w 3291836"/>
                  <a:gd name="connsiteY22" fmla="*/ 72442 h 1009635"/>
                  <a:gd name="connsiteX23" fmla="*/ 3283391 w 3291836"/>
                  <a:gd name="connsiteY23" fmla="*/ 11064 h 1009635"/>
                  <a:gd name="connsiteX24" fmla="*/ 3291785 w 3291836"/>
                  <a:gd name="connsiteY24" fmla="*/ 154095 h 1009635"/>
                  <a:gd name="connsiteX25" fmla="*/ 3280995 w 3291836"/>
                  <a:gd name="connsiteY25" fmla="*/ 278205 h 1009635"/>
                  <a:gd name="connsiteX26" fmla="*/ 3092125 w 3291836"/>
                  <a:gd name="connsiteY26" fmla="*/ 272788 h 1009635"/>
                  <a:gd name="connsiteX27" fmla="*/ 2972790 w 3291836"/>
                  <a:gd name="connsiteY27" fmla="*/ 331281 h 1009635"/>
                  <a:gd name="connsiteX28" fmla="*/ 2877853 w 3291836"/>
                  <a:gd name="connsiteY28" fmla="*/ 447884 h 1009635"/>
                  <a:gd name="connsiteX29" fmla="*/ 2692755 w 3291836"/>
                  <a:gd name="connsiteY29" fmla="*/ 591313 h 1009635"/>
                  <a:gd name="connsiteX30" fmla="*/ 2497166 w 3291836"/>
                  <a:gd name="connsiteY30" fmla="*/ 602189 h 1009635"/>
                  <a:gd name="connsiteX31" fmla="*/ 2318977 w 3291836"/>
                  <a:gd name="connsiteY31" fmla="*/ 507422 h 1009635"/>
                  <a:gd name="connsiteX32" fmla="*/ 2192693 w 3291836"/>
                  <a:gd name="connsiteY32" fmla="*/ 688468 h 1009635"/>
                  <a:gd name="connsiteX33" fmla="*/ 2001240 w 3291836"/>
                  <a:gd name="connsiteY33" fmla="*/ 717043 h 1009635"/>
                  <a:gd name="connsiteX34" fmla="*/ 1935178 w 3291836"/>
                  <a:gd name="connsiteY34" fmla="*/ 821752 h 1009635"/>
                  <a:gd name="connsiteX35" fmla="*/ 1846935 w 3291836"/>
                  <a:gd name="connsiteY35" fmla="*/ 939928 h 1009635"/>
                  <a:gd name="connsiteX36" fmla="*/ 1738350 w 3291836"/>
                  <a:gd name="connsiteY36" fmla="*/ 979933 h 1009635"/>
                  <a:gd name="connsiteX37" fmla="*/ 1626750 w 3291836"/>
                  <a:gd name="connsiteY37" fmla="*/ 1009635 h 1009635"/>
                  <a:gd name="connsiteX38" fmla="*/ 1426883 w 3291836"/>
                  <a:gd name="connsiteY38" fmla="*/ 924722 h 1009635"/>
                  <a:gd name="connsiteX39" fmla="*/ 1304010 w 3291836"/>
                  <a:gd name="connsiteY39" fmla="*/ 854575 h 1009635"/>
                  <a:gd name="connsiteX40" fmla="*/ 1244003 w 3291836"/>
                  <a:gd name="connsiteY40" fmla="*/ 794196 h 1009635"/>
                  <a:gd name="connsiteX41" fmla="*/ 1201140 w 3291836"/>
                  <a:gd name="connsiteY41" fmla="*/ 722759 h 1009635"/>
                  <a:gd name="connsiteX42" fmla="*/ 1138275 w 3291836"/>
                  <a:gd name="connsiteY42" fmla="*/ 719901 h 1009635"/>
                  <a:gd name="connsiteX43" fmla="*/ 1078268 w 3291836"/>
                  <a:gd name="connsiteY43" fmla="*/ 699898 h 1009635"/>
                  <a:gd name="connsiteX44" fmla="*/ 932535 w 3291836"/>
                  <a:gd name="connsiteY44" fmla="*/ 588457 h 1009635"/>
                  <a:gd name="connsiteX45" fmla="*/ 829666 w 3291836"/>
                  <a:gd name="connsiteY45" fmla="*/ 577027 h 1009635"/>
                  <a:gd name="connsiteX46" fmla="*/ 712508 w 3291836"/>
                  <a:gd name="connsiteY46" fmla="*/ 614174 h 1009635"/>
                  <a:gd name="connsiteX47" fmla="*/ 563918 w 3291836"/>
                  <a:gd name="connsiteY47" fmla="*/ 585599 h 1009635"/>
                  <a:gd name="connsiteX48" fmla="*/ 469620 w 3291836"/>
                  <a:gd name="connsiteY48" fmla="*/ 537022 h 1009635"/>
                  <a:gd name="connsiteX49" fmla="*/ 366750 w 3291836"/>
                  <a:gd name="connsiteY49" fmla="*/ 465584 h 1009635"/>
                  <a:gd name="connsiteX50" fmla="*/ 309600 w 3291836"/>
                  <a:gd name="connsiteY50" fmla="*/ 373596 h 1009635"/>
                  <a:gd name="connsiteX51" fmla="*/ 261109 w 3291836"/>
                  <a:gd name="connsiteY51" fmla="*/ 275326 h 1009635"/>
                  <a:gd name="connsiteX52" fmla="*/ 146168 w 3291836"/>
                  <a:gd name="connsiteY52" fmla="*/ 242145 h 1009635"/>
                  <a:gd name="connsiteX53" fmla="*/ 2952 w 3291836"/>
                  <a:gd name="connsiteY53" fmla="*/ 283808 h 1009635"/>
                  <a:gd name="connsiteX54" fmla="*/ 0 w 3291836"/>
                  <a:gd name="connsiteY54" fmla="*/ 146265 h 1009635"/>
                  <a:gd name="connsiteX55" fmla="*/ 29430 w 3291836"/>
                  <a:gd name="connsiteY55"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34449 w 3291836"/>
                  <a:gd name="connsiteY21" fmla="*/ 86090 h 1009635"/>
                  <a:gd name="connsiteX22" fmla="*/ 3107818 w 3291836"/>
                  <a:gd name="connsiteY22" fmla="*/ 72442 h 1009635"/>
                  <a:gd name="connsiteX23" fmla="*/ 3211542 w 3291836"/>
                  <a:gd name="connsiteY23" fmla="*/ 44188 h 1009635"/>
                  <a:gd name="connsiteX24" fmla="*/ 3283391 w 3291836"/>
                  <a:gd name="connsiteY24" fmla="*/ 11064 h 1009635"/>
                  <a:gd name="connsiteX25" fmla="*/ 3291785 w 3291836"/>
                  <a:gd name="connsiteY25" fmla="*/ 154095 h 1009635"/>
                  <a:gd name="connsiteX26" fmla="*/ 3280995 w 3291836"/>
                  <a:gd name="connsiteY26" fmla="*/ 278205 h 1009635"/>
                  <a:gd name="connsiteX27" fmla="*/ 3092125 w 3291836"/>
                  <a:gd name="connsiteY27" fmla="*/ 272788 h 1009635"/>
                  <a:gd name="connsiteX28" fmla="*/ 2972790 w 3291836"/>
                  <a:gd name="connsiteY28" fmla="*/ 331281 h 1009635"/>
                  <a:gd name="connsiteX29" fmla="*/ 2877853 w 3291836"/>
                  <a:gd name="connsiteY29" fmla="*/ 447884 h 1009635"/>
                  <a:gd name="connsiteX30" fmla="*/ 2692755 w 3291836"/>
                  <a:gd name="connsiteY30" fmla="*/ 591313 h 1009635"/>
                  <a:gd name="connsiteX31" fmla="*/ 2497166 w 3291836"/>
                  <a:gd name="connsiteY31" fmla="*/ 602189 h 1009635"/>
                  <a:gd name="connsiteX32" fmla="*/ 2318977 w 3291836"/>
                  <a:gd name="connsiteY32" fmla="*/ 507422 h 1009635"/>
                  <a:gd name="connsiteX33" fmla="*/ 2192693 w 3291836"/>
                  <a:gd name="connsiteY33" fmla="*/ 688468 h 1009635"/>
                  <a:gd name="connsiteX34" fmla="*/ 2001240 w 3291836"/>
                  <a:gd name="connsiteY34" fmla="*/ 717043 h 1009635"/>
                  <a:gd name="connsiteX35" fmla="*/ 1935178 w 3291836"/>
                  <a:gd name="connsiteY35" fmla="*/ 821752 h 1009635"/>
                  <a:gd name="connsiteX36" fmla="*/ 1846935 w 3291836"/>
                  <a:gd name="connsiteY36" fmla="*/ 939928 h 1009635"/>
                  <a:gd name="connsiteX37" fmla="*/ 1738350 w 3291836"/>
                  <a:gd name="connsiteY37" fmla="*/ 979933 h 1009635"/>
                  <a:gd name="connsiteX38" fmla="*/ 1626750 w 3291836"/>
                  <a:gd name="connsiteY38" fmla="*/ 1009635 h 1009635"/>
                  <a:gd name="connsiteX39" fmla="*/ 1426883 w 3291836"/>
                  <a:gd name="connsiteY39" fmla="*/ 924722 h 1009635"/>
                  <a:gd name="connsiteX40" fmla="*/ 1304010 w 3291836"/>
                  <a:gd name="connsiteY40" fmla="*/ 854575 h 1009635"/>
                  <a:gd name="connsiteX41" fmla="*/ 1244003 w 3291836"/>
                  <a:gd name="connsiteY41" fmla="*/ 794196 h 1009635"/>
                  <a:gd name="connsiteX42" fmla="*/ 1201140 w 3291836"/>
                  <a:gd name="connsiteY42" fmla="*/ 722759 h 1009635"/>
                  <a:gd name="connsiteX43" fmla="*/ 1138275 w 3291836"/>
                  <a:gd name="connsiteY43" fmla="*/ 719901 h 1009635"/>
                  <a:gd name="connsiteX44" fmla="*/ 1078268 w 3291836"/>
                  <a:gd name="connsiteY44" fmla="*/ 699898 h 1009635"/>
                  <a:gd name="connsiteX45" fmla="*/ 932535 w 3291836"/>
                  <a:gd name="connsiteY45" fmla="*/ 588457 h 1009635"/>
                  <a:gd name="connsiteX46" fmla="*/ 829666 w 3291836"/>
                  <a:gd name="connsiteY46" fmla="*/ 577027 h 1009635"/>
                  <a:gd name="connsiteX47" fmla="*/ 712508 w 3291836"/>
                  <a:gd name="connsiteY47" fmla="*/ 614174 h 1009635"/>
                  <a:gd name="connsiteX48" fmla="*/ 563918 w 3291836"/>
                  <a:gd name="connsiteY48" fmla="*/ 585599 h 1009635"/>
                  <a:gd name="connsiteX49" fmla="*/ 469620 w 3291836"/>
                  <a:gd name="connsiteY49" fmla="*/ 537022 h 1009635"/>
                  <a:gd name="connsiteX50" fmla="*/ 366750 w 3291836"/>
                  <a:gd name="connsiteY50" fmla="*/ 465584 h 1009635"/>
                  <a:gd name="connsiteX51" fmla="*/ 309600 w 3291836"/>
                  <a:gd name="connsiteY51" fmla="*/ 373596 h 1009635"/>
                  <a:gd name="connsiteX52" fmla="*/ 261109 w 3291836"/>
                  <a:gd name="connsiteY52" fmla="*/ 275326 h 1009635"/>
                  <a:gd name="connsiteX53" fmla="*/ 146168 w 3291836"/>
                  <a:gd name="connsiteY53" fmla="*/ 242145 h 1009635"/>
                  <a:gd name="connsiteX54" fmla="*/ 2952 w 3291836"/>
                  <a:gd name="connsiteY54" fmla="*/ 283808 h 1009635"/>
                  <a:gd name="connsiteX55" fmla="*/ 0 w 3291836"/>
                  <a:gd name="connsiteY55" fmla="*/ 146265 h 1009635"/>
                  <a:gd name="connsiteX56" fmla="*/ 29430 w 3291836"/>
                  <a:gd name="connsiteY56"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29853 w 3291836"/>
                  <a:gd name="connsiteY17" fmla="*/ 325566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34449 w 3291836"/>
                  <a:gd name="connsiteY21" fmla="*/ 86090 h 1009635"/>
                  <a:gd name="connsiteX22" fmla="*/ 3044357 w 3291836"/>
                  <a:gd name="connsiteY22" fmla="*/ 61248 h 1009635"/>
                  <a:gd name="connsiteX23" fmla="*/ 3107818 w 3291836"/>
                  <a:gd name="connsiteY23" fmla="*/ 72442 h 1009635"/>
                  <a:gd name="connsiteX24" fmla="*/ 3211542 w 3291836"/>
                  <a:gd name="connsiteY24" fmla="*/ 44188 h 1009635"/>
                  <a:gd name="connsiteX25" fmla="*/ 3283391 w 3291836"/>
                  <a:gd name="connsiteY25" fmla="*/ 11064 h 1009635"/>
                  <a:gd name="connsiteX26" fmla="*/ 3291785 w 3291836"/>
                  <a:gd name="connsiteY26" fmla="*/ 154095 h 1009635"/>
                  <a:gd name="connsiteX27" fmla="*/ 3280995 w 3291836"/>
                  <a:gd name="connsiteY27" fmla="*/ 278205 h 1009635"/>
                  <a:gd name="connsiteX28" fmla="*/ 3092125 w 3291836"/>
                  <a:gd name="connsiteY28" fmla="*/ 272788 h 1009635"/>
                  <a:gd name="connsiteX29" fmla="*/ 2972790 w 3291836"/>
                  <a:gd name="connsiteY29" fmla="*/ 331281 h 1009635"/>
                  <a:gd name="connsiteX30" fmla="*/ 2877853 w 3291836"/>
                  <a:gd name="connsiteY30" fmla="*/ 447884 h 1009635"/>
                  <a:gd name="connsiteX31" fmla="*/ 2692755 w 3291836"/>
                  <a:gd name="connsiteY31" fmla="*/ 591313 h 1009635"/>
                  <a:gd name="connsiteX32" fmla="*/ 2497166 w 3291836"/>
                  <a:gd name="connsiteY32" fmla="*/ 602189 h 1009635"/>
                  <a:gd name="connsiteX33" fmla="*/ 2318977 w 3291836"/>
                  <a:gd name="connsiteY33" fmla="*/ 507422 h 1009635"/>
                  <a:gd name="connsiteX34" fmla="*/ 2192693 w 3291836"/>
                  <a:gd name="connsiteY34" fmla="*/ 688468 h 1009635"/>
                  <a:gd name="connsiteX35" fmla="*/ 2001240 w 3291836"/>
                  <a:gd name="connsiteY35" fmla="*/ 717043 h 1009635"/>
                  <a:gd name="connsiteX36" fmla="*/ 1935178 w 3291836"/>
                  <a:gd name="connsiteY36" fmla="*/ 821752 h 1009635"/>
                  <a:gd name="connsiteX37" fmla="*/ 1846935 w 3291836"/>
                  <a:gd name="connsiteY37" fmla="*/ 939928 h 1009635"/>
                  <a:gd name="connsiteX38" fmla="*/ 1738350 w 3291836"/>
                  <a:gd name="connsiteY38" fmla="*/ 979933 h 1009635"/>
                  <a:gd name="connsiteX39" fmla="*/ 1626750 w 3291836"/>
                  <a:gd name="connsiteY39" fmla="*/ 1009635 h 1009635"/>
                  <a:gd name="connsiteX40" fmla="*/ 1426883 w 3291836"/>
                  <a:gd name="connsiteY40" fmla="*/ 924722 h 1009635"/>
                  <a:gd name="connsiteX41" fmla="*/ 1304010 w 3291836"/>
                  <a:gd name="connsiteY41" fmla="*/ 854575 h 1009635"/>
                  <a:gd name="connsiteX42" fmla="*/ 1244003 w 3291836"/>
                  <a:gd name="connsiteY42" fmla="*/ 794196 h 1009635"/>
                  <a:gd name="connsiteX43" fmla="*/ 1201140 w 3291836"/>
                  <a:gd name="connsiteY43" fmla="*/ 722759 h 1009635"/>
                  <a:gd name="connsiteX44" fmla="*/ 1138275 w 3291836"/>
                  <a:gd name="connsiteY44" fmla="*/ 719901 h 1009635"/>
                  <a:gd name="connsiteX45" fmla="*/ 1078268 w 3291836"/>
                  <a:gd name="connsiteY45" fmla="*/ 699898 h 1009635"/>
                  <a:gd name="connsiteX46" fmla="*/ 932535 w 3291836"/>
                  <a:gd name="connsiteY46" fmla="*/ 588457 h 1009635"/>
                  <a:gd name="connsiteX47" fmla="*/ 829666 w 3291836"/>
                  <a:gd name="connsiteY47" fmla="*/ 577027 h 1009635"/>
                  <a:gd name="connsiteX48" fmla="*/ 712508 w 3291836"/>
                  <a:gd name="connsiteY48" fmla="*/ 614174 h 1009635"/>
                  <a:gd name="connsiteX49" fmla="*/ 563918 w 3291836"/>
                  <a:gd name="connsiteY49" fmla="*/ 585599 h 1009635"/>
                  <a:gd name="connsiteX50" fmla="*/ 469620 w 3291836"/>
                  <a:gd name="connsiteY50" fmla="*/ 537022 h 1009635"/>
                  <a:gd name="connsiteX51" fmla="*/ 366750 w 3291836"/>
                  <a:gd name="connsiteY51" fmla="*/ 465584 h 1009635"/>
                  <a:gd name="connsiteX52" fmla="*/ 309600 w 3291836"/>
                  <a:gd name="connsiteY52" fmla="*/ 373596 h 1009635"/>
                  <a:gd name="connsiteX53" fmla="*/ 261109 w 3291836"/>
                  <a:gd name="connsiteY53" fmla="*/ 275326 h 1009635"/>
                  <a:gd name="connsiteX54" fmla="*/ 146168 w 3291836"/>
                  <a:gd name="connsiteY54" fmla="*/ 242145 h 1009635"/>
                  <a:gd name="connsiteX55" fmla="*/ 2952 w 3291836"/>
                  <a:gd name="connsiteY55" fmla="*/ 283808 h 1009635"/>
                  <a:gd name="connsiteX56" fmla="*/ 0 w 3291836"/>
                  <a:gd name="connsiteY56" fmla="*/ 146265 h 1009635"/>
                  <a:gd name="connsiteX57" fmla="*/ 29430 w 3291836"/>
                  <a:gd name="connsiteY57"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40088 w 3291836"/>
                  <a:gd name="connsiteY17" fmla="*/ 308507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34449 w 3291836"/>
                  <a:gd name="connsiteY21" fmla="*/ 86090 h 1009635"/>
                  <a:gd name="connsiteX22" fmla="*/ 3044357 w 3291836"/>
                  <a:gd name="connsiteY22" fmla="*/ 61248 h 1009635"/>
                  <a:gd name="connsiteX23" fmla="*/ 3107818 w 3291836"/>
                  <a:gd name="connsiteY23" fmla="*/ 72442 h 1009635"/>
                  <a:gd name="connsiteX24" fmla="*/ 3211542 w 3291836"/>
                  <a:gd name="connsiteY24" fmla="*/ 44188 h 1009635"/>
                  <a:gd name="connsiteX25" fmla="*/ 3283391 w 3291836"/>
                  <a:gd name="connsiteY25" fmla="*/ 11064 h 1009635"/>
                  <a:gd name="connsiteX26" fmla="*/ 3291785 w 3291836"/>
                  <a:gd name="connsiteY26" fmla="*/ 154095 h 1009635"/>
                  <a:gd name="connsiteX27" fmla="*/ 3280995 w 3291836"/>
                  <a:gd name="connsiteY27" fmla="*/ 278205 h 1009635"/>
                  <a:gd name="connsiteX28" fmla="*/ 3092125 w 3291836"/>
                  <a:gd name="connsiteY28" fmla="*/ 272788 h 1009635"/>
                  <a:gd name="connsiteX29" fmla="*/ 2972790 w 3291836"/>
                  <a:gd name="connsiteY29" fmla="*/ 331281 h 1009635"/>
                  <a:gd name="connsiteX30" fmla="*/ 2877853 w 3291836"/>
                  <a:gd name="connsiteY30" fmla="*/ 447884 h 1009635"/>
                  <a:gd name="connsiteX31" fmla="*/ 2692755 w 3291836"/>
                  <a:gd name="connsiteY31" fmla="*/ 591313 h 1009635"/>
                  <a:gd name="connsiteX32" fmla="*/ 2497166 w 3291836"/>
                  <a:gd name="connsiteY32" fmla="*/ 602189 h 1009635"/>
                  <a:gd name="connsiteX33" fmla="*/ 2318977 w 3291836"/>
                  <a:gd name="connsiteY33" fmla="*/ 507422 h 1009635"/>
                  <a:gd name="connsiteX34" fmla="*/ 2192693 w 3291836"/>
                  <a:gd name="connsiteY34" fmla="*/ 688468 h 1009635"/>
                  <a:gd name="connsiteX35" fmla="*/ 2001240 w 3291836"/>
                  <a:gd name="connsiteY35" fmla="*/ 717043 h 1009635"/>
                  <a:gd name="connsiteX36" fmla="*/ 1935178 w 3291836"/>
                  <a:gd name="connsiteY36" fmla="*/ 821752 h 1009635"/>
                  <a:gd name="connsiteX37" fmla="*/ 1846935 w 3291836"/>
                  <a:gd name="connsiteY37" fmla="*/ 939928 h 1009635"/>
                  <a:gd name="connsiteX38" fmla="*/ 1738350 w 3291836"/>
                  <a:gd name="connsiteY38" fmla="*/ 979933 h 1009635"/>
                  <a:gd name="connsiteX39" fmla="*/ 1626750 w 3291836"/>
                  <a:gd name="connsiteY39" fmla="*/ 1009635 h 1009635"/>
                  <a:gd name="connsiteX40" fmla="*/ 1426883 w 3291836"/>
                  <a:gd name="connsiteY40" fmla="*/ 924722 h 1009635"/>
                  <a:gd name="connsiteX41" fmla="*/ 1304010 w 3291836"/>
                  <a:gd name="connsiteY41" fmla="*/ 854575 h 1009635"/>
                  <a:gd name="connsiteX42" fmla="*/ 1244003 w 3291836"/>
                  <a:gd name="connsiteY42" fmla="*/ 794196 h 1009635"/>
                  <a:gd name="connsiteX43" fmla="*/ 1201140 w 3291836"/>
                  <a:gd name="connsiteY43" fmla="*/ 722759 h 1009635"/>
                  <a:gd name="connsiteX44" fmla="*/ 1138275 w 3291836"/>
                  <a:gd name="connsiteY44" fmla="*/ 719901 h 1009635"/>
                  <a:gd name="connsiteX45" fmla="*/ 1078268 w 3291836"/>
                  <a:gd name="connsiteY45" fmla="*/ 699898 h 1009635"/>
                  <a:gd name="connsiteX46" fmla="*/ 932535 w 3291836"/>
                  <a:gd name="connsiteY46" fmla="*/ 588457 h 1009635"/>
                  <a:gd name="connsiteX47" fmla="*/ 829666 w 3291836"/>
                  <a:gd name="connsiteY47" fmla="*/ 577027 h 1009635"/>
                  <a:gd name="connsiteX48" fmla="*/ 712508 w 3291836"/>
                  <a:gd name="connsiteY48" fmla="*/ 614174 h 1009635"/>
                  <a:gd name="connsiteX49" fmla="*/ 563918 w 3291836"/>
                  <a:gd name="connsiteY49" fmla="*/ 585599 h 1009635"/>
                  <a:gd name="connsiteX50" fmla="*/ 469620 w 3291836"/>
                  <a:gd name="connsiteY50" fmla="*/ 537022 h 1009635"/>
                  <a:gd name="connsiteX51" fmla="*/ 366750 w 3291836"/>
                  <a:gd name="connsiteY51" fmla="*/ 465584 h 1009635"/>
                  <a:gd name="connsiteX52" fmla="*/ 309600 w 3291836"/>
                  <a:gd name="connsiteY52" fmla="*/ 373596 h 1009635"/>
                  <a:gd name="connsiteX53" fmla="*/ 261109 w 3291836"/>
                  <a:gd name="connsiteY53" fmla="*/ 275326 h 1009635"/>
                  <a:gd name="connsiteX54" fmla="*/ 146168 w 3291836"/>
                  <a:gd name="connsiteY54" fmla="*/ 242145 h 1009635"/>
                  <a:gd name="connsiteX55" fmla="*/ 2952 w 3291836"/>
                  <a:gd name="connsiteY55" fmla="*/ 283808 h 1009635"/>
                  <a:gd name="connsiteX56" fmla="*/ 0 w 3291836"/>
                  <a:gd name="connsiteY56" fmla="*/ 146265 h 1009635"/>
                  <a:gd name="connsiteX57" fmla="*/ 29430 w 3291836"/>
                  <a:gd name="connsiteY57"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340088 w 3291836"/>
                  <a:gd name="connsiteY17" fmla="*/ 308507 h 1009635"/>
                  <a:gd name="connsiteX18" fmla="*/ 2458440 w 3291836"/>
                  <a:gd name="connsiteY18" fmla="*/ 356998 h 1009635"/>
                  <a:gd name="connsiteX19" fmla="*/ 2644178 w 3291836"/>
                  <a:gd name="connsiteY19" fmla="*/ 305563 h 1009635"/>
                  <a:gd name="connsiteX20" fmla="*/ 2827058 w 3291836"/>
                  <a:gd name="connsiteY20" fmla="*/ 171261 h 1009635"/>
                  <a:gd name="connsiteX21" fmla="*/ 2934449 w 3291836"/>
                  <a:gd name="connsiteY21" fmla="*/ 86090 h 1009635"/>
                  <a:gd name="connsiteX22" fmla="*/ 3044357 w 3291836"/>
                  <a:gd name="connsiteY22" fmla="*/ 61248 h 1009635"/>
                  <a:gd name="connsiteX23" fmla="*/ 3107818 w 3291836"/>
                  <a:gd name="connsiteY23" fmla="*/ 72442 h 1009635"/>
                  <a:gd name="connsiteX24" fmla="*/ 3211542 w 3291836"/>
                  <a:gd name="connsiteY24" fmla="*/ 44188 h 1009635"/>
                  <a:gd name="connsiteX25" fmla="*/ 3283391 w 3291836"/>
                  <a:gd name="connsiteY25" fmla="*/ 11064 h 1009635"/>
                  <a:gd name="connsiteX26" fmla="*/ 3291785 w 3291836"/>
                  <a:gd name="connsiteY26" fmla="*/ 154095 h 1009635"/>
                  <a:gd name="connsiteX27" fmla="*/ 3280995 w 3291836"/>
                  <a:gd name="connsiteY27" fmla="*/ 278205 h 1009635"/>
                  <a:gd name="connsiteX28" fmla="*/ 3092125 w 3291836"/>
                  <a:gd name="connsiteY28" fmla="*/ 272788 h 1009635"/>
                  <a:gd name="connsiteX29" fmla="*/ 2972790 w 3291836"/>
                  <a:gd name="connsiteY29" fmla="*/ 331281 h 1009635"/>
                  <a:gd name="connsiteX30" fmla="*/ 2877853 w 3291836"/>
                  <a:gd name="connsiteY30" fmla="*/ 447884 h 1009635"/>
                  <a:gd name="connsiteX31" fmla="*/ 2692755 w 3291836"/>
                  <a:gd name="connsiteY31" fmla="*/ 591313 h 1009635"/>
                  <a:gd name="connsiteX32" fmla="*/ 2497166 w 3291836"/>
                  <a:gd name="connsiteY32" fmla="*/ 602189 h 1009635"/>
                  <a:gd name="connsiteX33" fmla="*/ 2318977 w 3291836"/>
                  <a:gd name="connsiteY33" fmla="*/ 507422 h 1009635"/>
                  <a:gd name="connsiteX34" fmla="*/ 2192693 w 3291836"/>
                  <a:gd name="connsiteY34" fmla="*/ 688468 h 1009635"/>
                  <a:gd name="connsiteX35" fmla="*/ 2001240 w 3291836"/>
                  <a:gd name="connsiteY35" fmla="*/ 717043 h 1009635"/>
                  <a:gd name="connsiteX36" fmla="*/ 1935178 w 3291836"/>
                  <a:gd name="connsiteY36" fmla="*/ 821752 h 1009635"/>
                  <a:gd name="connsiteX37" fmla="*/ 1846935 w 3291836"/>
                  <a:gd name="connsiteY37" fmla="*/ 939928 h 1009635"/>
                  <a:gd name="connsiteX38" fmla="*/ 1738350 w 3291836"/>
                  <a:gd name="connsiteY38" fmla="*/ 979933 h 1009635"/>
                  <a:gd name="connsiteX39" fmla="*/ 1626750 w 3291836"/>
                  <a:gd name="connsiteY39" fmla="*/ 1009635 h 1009635"/>
                  <a:gd name="connsiteX40" fmla="*/ 1426883 w 3291836"/>
                  <a:gd name="connsiteY40" fmla="*/ 924722 h 1009635"/>
                  <a:gd name="connsiteX41" fmla="*/ 1304010 w 3291836"/>
                  <a:gd name="connsiteY41" fmla="*/ 854575 h 1009635"/>
                  <a:gd name="connsiteX42" fmla="*/ 1244003 w 3291836"/>
                  <a:gd name="connsiteY42" fmla="*/ 794196 h 1009635"/>
                  <a:gd name="connsiteX43" fmla="*/ 1201140 w 3291836"/>
                  <a:gd name="connsiteY43" fmla="*/ 722759 h 1009635"/>
                  <a:gd name="connsiteX44" fmla="*/ 1138275 w 3291836"/>
                  <a:gd name="connsiteY44" fmla="*/ 719901 h 1009635"/>
                  <a:gd name="connsiteX45" fmla="*/ 1078268 w 3291836"/>
                  <a:gd name="connsiteY45" fmla="*/ 699898 h 1009635"/>
                  <a:gd name="connsiteX46" fmla="*/ 932535 w 3291836"/>
                  <a:gd name="connsiteY46" fmla="*/ 588457 h 1009635"/>
                  <a:gd name="connsiteX47" fmla="*/ 829666 w 3291836"/>
                  <a:gd name="connsiteY47" fmla="*/ 577027 h 1009635"/>
                  <a:gd name="connsiteX48" fmla="*/ 712508 w 3291836"/>
                  <a:gd name="connsiteY48" fmla="*/ 614174 h 1009635"/>
                  <a:gd name="connsiteX49" fmla="*/ 563918 w 3291836"/>
                  <a:gd name="connsiteY49" fmla="*/ 585599 h 1009635"/>
                  <a:gd name="connsiteX50" fmla="*/ 469620 w 3291836"/>
                  <a:gd name="connsiteY50" fmla="*/ 537022 h 1009635"/>
                  <a:gd name="connsiteX51" fmla="*/ 366750 w 3291836"/>
                  <a:gd name="connsiteY51" fmla="*/ 465584 h 1009635"/>
                  <a:gd name="connsiteX52" fmla="*/ 309600 w 3291836"/>
                  <a:gd name="connsiteY52" fmla="*/ 373596 h 1009635"/>
                  <a:gd name="connsiteX53" fmla="*/ 261109 w 3291836"/>
                  <a:gd name="connsiteY53" fmla="*/ 275326 h 1009635"/>
                  <a:gd name="connsiteX54" fmla="*/ 146168 w 3291836"/>
                  <a:gd name="connsiteY54" fmla="*/ 242145 h 1009635"/>
                  <a:gd name="connsiteX55" fmla="*/ 2952 w 3291836"/>
                  <a:gd name="connsiteY55" fmla="*/ 283808 h 1009635"/>
                  <a:gd name="connsiteX56" fmla="*/ 0 w 3291836"/>
                  <a:gd name="connsiteY56" fmla="*/ 146265 h 1009635"/>
                  <a:gd name="connsiteX57" fmla="*/ 29430 w 3291836"/>
                  <a:gd name="connsiteY57"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94784 w 3291836"/>
                  <a:gd name="connsiteY17" fmla="*/ 395618 h 1009635"/>
                  <a:gd name="connsiteX18" fmla="*/ 2340088 w 3291836"/>
                  <a:gd name="connsiteY18" fmla="*/ 308507 h 1009635"/>
                  <a:gd name="connsiteX19" fmla="*/ 2458440 w 3291836"/>
                  <a:gd name="connsiteY19" fmla="*/ 356998 h 1009635"/>
                  <a:gd name="connsiteX20" fmla="*/ 2644178 w 3291836"/>
                  <a:gd name="connsiteY20" fmla="*/ 305563 h 1009635"/>
                  <a:gd name="connsiteX21" fmla="*/ 2827058 w 3291836"/>
                  <a:gd name="connsiteY21" fmla="*/ 171261 h 1009635"/>
                  <a:gd name="connsiteX22" fmla="*/ 2934449 w 3291836"/>
                  <a:gd name="connsiteY22" fmla="*/ 86090 h 1009635"/>
                  <a:gd name="connsiteX23" fmla="*/ 3044357 w 3291836"/>
                  <a:gd name="connsiteY23" fmla="*/ 61248 h 1009635"/>
                  <a:gd name="connsiteX24" fmla="*/ 3107818 w 3291836"/>
                  <a:gd name="connsiteY24" fmla="*/ 72442 h 1009635"/>
                  <a:gd name="connsiteX25" fmla="*/ 3211542 w 3291836"/>
                  <a:gd name="connsiteY25" fmla="*/ 44188 h 1009635"/>
                  <a:gd name="connsiteX26" fmla="*/ 3283391 w 3291836"/>
                  <a:gd name="connsiteY26" fmla="*/ 11064 h 1009635"/>
                  <a:gd name="connsiteX27" fmla="*/ 3291785 w 3291836"/>
                  <a:gd name="connsiteY27" fmla="*/ 154095 h 1009635"/>
                  <a:gd name="connsiteX28" fmla="*/ 3280995 w 3291836"/>
                  <a:gd name="connsiteY28" fmla="*/ 278205 h 1009635"/>
                  <a:gd name="connsiteX29" fmla="*/ 3092125 w 3291836"/>
                  <a:gd name="connsiteY29" fmla="*/ 272788 h 1009635"/>
                  <a:gd name="connsiteX30" fmla="*/ 2972790 w 3291836"/>
                  <a:gd name="connsiteY30" fmla="*/ 331281 h 1009635"/>
                  <a:gd name="connsiteX31" fmla="*/ 2877853 w 3291836"/>
                  <a:gd name="connsiteY31" fmla="*/ 447884 h 1009635"/>
                  <a:gd name="connsiteX32" fmla="*/ 2692755 w 3291836"/>
                  <a:gd name="connsiteY32" fmla="*/ 591313 h 1009635"/>
                  <a:gd name="connsiteX33" fmla="*/ 2497166 w 3291836"/>
                  <a:gd name="connsiteY33" fmla="*/ 602189 h 1009635"/>
                  <a:gd name="connsiteX34" fmla="*/ 2318977 w 3291836"/>
                  <a:gd name="connsiteY34" fmla="*/ 507422 h 1009635"/>
                  <a:gd name="connsiteX35" fmla="*/ 2192693 w 3291836"/>
                  <a:gd name="connsiteY35" fmla="*/ 688468 h 1009635"/>
                  <a:gd name="connsiteX36" fmla="*/ 2001240 w 3291836"/>
                  <a:gd name="connsiteY36" fmla="*/ 717043 h 1009635"/>
                  <a:gd name="connsiteX37" fmla="*/ 1935178 w 3291836"/>
                  <a:gd name="connsiteY37" fmla="*/ 821752 h 1009635"/>
                  <a:gd name="connsiteX38" fmla="*/ 1846935 w 3291836"/>
                  <a:gd name="connsiteY38" fmla="*/ 939928 h 1009635"/>
                  <a:gd name="connsiteX39" fmla="*/ 1738350 w 3291836"/>
                  <a:gd name="connsiteY39" fmla="*/ 979933 h 1009635"/>
                  <a:gd name="connsiteX40" fmla="*/ 1626750 w 3291836"/>
                  <a:gd name="connsiteY40" fmla="*/ 1009635 h 1009635"/>
                  <a:gd name="connsiteX41" fmla="*/ 1426883 w 3291836"/>
                  <a:gd name="connsiteY41" fmla="*/ 924722 h 1009635"/>
                  <a:gd name="connsiteX42" fmla="*/ 1304010 w 3291836"/>
                  <a:gd name="connsiteY42" fmla="*/ 854575 h 1009635"/>
                  <a:gd name="connsiteX43" fmla="*/ 1244003 w 3291836"/>
                  <a:gd name="connsiteY43" fmla="*/ 794196 h 1009635"/>
                  <a:gd name="connsiteX44" fmla="*/ 1201140 w 3291836"/>
                  <a:gd name="connsiteY44" fmla="*/ 722759 h 1009635"/>
                  <a:gd name="connsiteX45" fmla="*/ 1138275 w 3291836"/>
                  <a:gd name="connsiteY45" fmla="*/ 719901 h 1009635"/>
                  <a:gd name="connsiteX46" fmla="*/ 1078268 w 3291836"/>
                  <a:gd name="connsiteY46" fmla="*/ 699898 h 1009635"/>
                  <a:gd name="connsiteX47" fmla="*/ 932535 w 3291836"/>
                  <a:gd name="connsiteY47" fmla="*/ 588457 h 1009635"/>
                  <a:gd name="connsiteX48" fmla="*/ 829666 w 3291836"/>
                  <a:gd name="connsiteY48" fmla="*/ 577027 h 1009635"/>
                  <a:gd name="connsiteX49" fmla="*/ 712508 w 3291836"/>
                  <a:gd name="connsiteY49" fmla="*/ 614174 h 1009635"/>
                  <a:gd name="connsiteX50" fmla="*/ 563918 w 3291836"/>
                  <a:gd name="connsiteY50" fmla="*/ 585599 h 1009635"/>
                  <a:gd name="connsiteX51" fmla="*/ 469620 w 3291836"/>
                  <a:gd name="connsiteY51" fmla="*/ 537022 h 1009635"/>
                  <a:gd name="connsiteX52" fmla="*/ 366750 w 3291836"/>
                  <a:gd name="connsiteY52" fmla="*/ 465584 h 1009635"/>
                  <a:gd name="connsiteX53" fmla="*/ 309600 w 3291836"/>
                  <a:gd name="connsiteY53" fmla="*/ 373596 h 1009635"/>
                  <a:gd name="connsiteX54" fmla="*/ 261109 w 3291836"/>
                  <a:gd name="connsiteY54" fmla="*/ 275326 h 1009635"/>
                  <a:gd name="connsiteX55" fmla="*/ 146168 w 3291836"/>
                  <a:gd name="connsiteY55" fmla="*/ 242145 h 1009635"/>
                  <a:gd name="connsiteX56" fmla="*/ 2952 w 3291836"/>
                  <a:gd name="connsiteY56" fmla="*/ 283808 h 1009635"/>
                  <a:gd name="connsiteX57" fmla="*/ 0 w 3291836"/>
                  <a:gd name="connsiteY57" fmla="*/ 146265 h 1009635"/>
                  <a:gd name="connsiteX58" fmla="*/ 29430 w 3291836"/>
                  <a:gd name="connsiteY58"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4784 w 3291836"/>
                  <a:gd name="connsiteY18" fmla="*/ 395618 h 1009635"/>
                  <a:gd name="connsiteX19" fmla="*/ 2340088 w 3291836"/>
                  <a:gd name="connsiteY19" fmla="*/ 308507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11542 w 3291836"/>
                  <a:gd name="connsiteY26" fmla="*/ 44188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32535 w 3291836"/>
                  <a:gd name="connsiteY48" fmla="*/ 588457 h 1009635"/>
                  <a:gd name="connsiteX49" fmla="*/ 829666 w 3291836"/>
                  <a:gd name="connsiteY49" fmla="*/ 577027 h 1009635"/>
                  <a:gd name="connsiteX50" fmla="*/ 712508 w 3291836"/>
                  <a:gd name="connsiteY50" fmla="*/ 614174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40088 w 3291836"/>
                  <a:gd name="connsiteY19" fmla="*/ 308507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11542 w 3291836"/>
                  <a:gd name="connsiteY26" fmla="*/ 44188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32535 w 3291836"/>
                  <a:gd name="connsiteY48" fmla="*/ 588457 h 1009635"/>
                  <a:gd name="connsiteX49" fmla="*/ 829666 w 3291836"/>
                  <a:gd name="connsiteY49" fmla="*/ 577027 h 1009635"/>
                  <a:gd name="connsiteX50" fmla="*/ 712508 w 3291836"/>
                  <a:gd name="connsiteY50" fmla="*/ 614174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11542 w 3291836"/>
                  <a:gd name="connsiteY26" fmla="*/ 44188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32535 w 3291836"/>
                  <a:gd name="connsiteY48" fmla="*/ 588457 h 1009635"/>
                  <a:gd name="connsiteX49" fmla="*/ 829666 w 3291836"/>
                  <a:gd name="connsiteY49" fmla="*/ 577027 h 1009635"/>
                  <a:gd name="connsiteX50" fmla="*/ 712508 w 3291836"/>
                  <a:gd name="connsiteY50" fmla="*/ 614174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25190 w 3291836"/>
                  <a:gd name="connsiteY26" fmla="*/ 51012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32535 w 3291836"/>
                  <a:gd name="connsiteY48" fmla="*/ 588457 h 1009635"/>
                  <a:gd name="connsiteX49" fmla="*/ 829666 w 3291836"/>
                  <a:gd name="connsiteY49" fmla="*/ 577027 h 1009635"/>
                  <a:gd name="connsiteX50" fmla="*/ 712508 w 3291836"/>
                  <a:gd name="connsiteY50" fmla="*/ 614174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25190 w 3291836"/>
                  <a:gd name="connsiteY26" fmla="*/ 51012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898416 w 3291836"/>
                  <a:gd name="connsiteY48" fmla="*/ 561161 h 1009635"/>
                  <a:gd name="connsiteX49" fmla="*/ 829666 w 3291836"/>
                  <a:gd name="connsiteY49" fmla="*/ 577027 h 1009635"/>
                  <a:gd name="connsiteX50" fmla="*/ 712508 w 3291836"/>
                  <a:gd name="connsiteY50" fmla="*/ 614174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25190 w 3291836"/>
                  <a:gd name="connsiteY26" fmla="*/ 51012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898416 w 3291836"/>
                  <a:gd name="connsiteY48" fmla="*/ 561161 h 1009635"/>
                  <a:gd name="connsiteX49" fmla="*/ 829666 w 3291836"/>
                  <a:gd name="connsiteY49" fmla="*/ 577027 h 1009635"/>
                  <a:gd name="connsiteX50" fmla="*/ 695448 w 3291836"/>
                  <a:gd name="connsiteY50" fmla="*/ 617586 h 1009635"/>
                  <a:gd name="connsiteX51" fmla="*/ 563918 w 3291836"/>
                  <a:gd name="connsiteY51" fmla="*/ 585599 h 1009635"/>
                  <a:gd name="connsiteX52" fmla="*/ 469620 w 3291836"/>
                  <a:gd name="connsiteY52" fmla="*/ 537022 h 1009635"/>
                  <a:gd name="connsiteX53" fmla="*/ 366750 w 3291836"/>
                  <a:gd name="connsiteY53" fmla="*/ 465584 h 1009635"/>
                  <a:gd name="connsiteX54" fmla="*/ 309600 w 3291836"/>
                  <a:gd name="connsiteY54" fmla="*/ 373596 h 1009635"/>
                  <a:gd name="connsiteX55" fmla="*/ 261109 w 3291836"/>
                  <a:gd name="connsiteY55" fmla="*/ 275326 h 1009635"/>
                  <a:gd name="connsiteX56" fmla="*/ 146168 w 3291836"/>
                  <a:gd name="connsiteY56" fmla="*/ 242145 h 1009635"/>
                  <a:gd name="connsiteX57" fmla="*/ 2952 w 3291836"/>
                  <a:gd name="connsiteY57" fmla="*/ 283808 h 1009635"/>
                  <a:gd name="connsiteX58" fmla="*/ 0 w 3291836"/>
                  <a:gd name="connsiteY58" fmla="*/ 146265 h 1009635"/>
                  <a:gd name="connsiteX59" fmla="*/ 29430 w 3291836"/>
                  <a:gd name="connsiteY59"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25190 w 3291836"/>
                  <a:gd name="connsiteY26" fmla="*/ 51012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26750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90369 w 3291836"/>
                  <a:gd name="connsiteY48" fmla="*/ 627630 h 1009635"/>
                  <a:gd name="connsiteX49" fmla="*/ 898416 w 3291836"/>
                  <a:gd name="connsiteY49" fmla="*/ 561161 h 1009635"/>
                  <a:gd name="connsiteX50" fmla="*/ 829666 w 3291836"/>
                  <a:gd name="connsiteY50" fmla="*/ 577027 h 1009635"/>
                  <a:gd name="connsiteX51" fmla="*/ 695448 w 3291836"/>
                  <a:gd name="connsiteY51" fmla="*/ 617586 h 1009635"/>
                  <a:gd name="connsiteX52" fmla="*/ 563918 w 3291836"/>
                  <a:gd name="connsiteY52" fmla="*/ 585599 h 1009635"/>
                  <a:gd name="connsiteX53" fmla="*/ 469620 w 3291836"/>
                  <a:gd name="connsiteY53" fmla="*/ 537022 h 1009635"/>
                  <a:gd name="connsiteX54" fmla="*/ 366750 w 3291836"/>
                  <a:gd name="connsiteY54" fmla="*/ 465584 h 1009635"/>
                  <a:gd name="connsiteX55" fmla="*/ 309600 w 3291836"/>
                  <a:gd name="connsiteY55" fmla="*/ 373596 h 1009635"/>
                  <a:gd name="connsiteX56" fmla="*/ 261109 w 3291836"/>
                  <a:gd name="connsiteY56" fmla="*/ 275326 h 1009635"/>
                  <a:gd name="connsiteX57" fmla="*/ 146168 w 3291836"/>
                  <a:gd name="connsiteY57" fmla="*/ 242145 h 1009635"/>
                  <a:gd name="connsiteX58" fmla="*/ 2952 w 3291836"/>
                  <a:gd name="connsiteY58" fmla="*/ 283808 h 1009635"/>
                  <a:gd name="connsiteX59" fmla="*/ 0 w 3291836"/>
                  <a:gd name="connsiteY59" fmla="*/ 146265 h 1009635"/>
                  <a:gd name="connsiteX60" fmla="*/ 29430 w 3291836"/>
                  <a:gd name="connsiteY60" fmla="*/ 9522 h 1009635"/>
                  <a:gd name="connsiteX0" fmla="*/ 29430 w 3291836"/>
                  <a:gd name="connsiteY0" fmla="*/ 9522 h 1009635"/>
                  <a:gd name="connsiteX1" fmla="*/ 118148 w 3291836"/>
                  <a:gd name="connsiteY1" fmla="*/ 16956 h 1009635"/>
                  <a:gd name="connsiteX2" fmla="*/ 189585 w 3291836"/>
                  <a:gd name="connsiteY2" fmla="*/ 59818 h 1009635"/>
                  <a:gd name="connsiteX3" fmla="*/ 275310 w 3291836"/>
                  <a:gd name="connsiteY3" fmla="*/ 74106 h 1009635"/>
                  <a:gd name="connsiteX4" fmla="*/ 370162 w 3291836"/>
                  <a:gd name="connsiteY4" fmla="*/ 78713 h 1009635"/>
                  <a:gd name="connsiteX5" fmla="*/ 461048 w 3291836"/>
                  <a:gd name="connsiteY5" fmla="*/ 176976 h 1009635"/>
                  <a:gd name="connsiteX6" fmla="*/ 572490 w 3291836"/>
                  <a:gd name="connsiteY6" fmla="*/ 296991 h 1009635"/>
                  <a:gd name="connsiteX7" fmla="*/ 815378 w 3291836"/>
                  <a:gd name="connsiteY7" fmla="*/ 345568 h 1009635"/>
                  <a:gd name="connsiteX8" fmla="*/ 995400 w 3291836"/>
                  <a:gd name="connsiteY8" fmla="*/ 328423 h 1009635"/>
                  <a:gd name="connsiteX9" fmla="*/ 1052550 w 3291836"/>
                  <a:gd name="connsiteY9" fmla="*/ 345568 h 1009635"/>
                  <a:gd name="connsiteX10" fmla="*/ 1126845 w 3291836"/>
                  <a:gd name="connsiteY10" fmla="*/ 385573 h 1009635"/>
                  <a:gd name="connsiteX11" fmla="*/ 1215428 w 3291836"/>
                  <a:gd name="connsiteY11" fmla="*/ 508446 h 1009635"/>
                  <a:gd name="connsiteX12" fmla="*/ 1361160 w 3291836"/>
                  <a:gd name="connsiteY12" fmla="*/ 594171 h 1009635"/>
                  <a:gd name="connsiteX13" fmla="*/ 1498320 w 3291836"/>
                  <a:gd name="connsiteY13" fmla="*/ 688468 h 1009635"/>
                  <a:gd name="connsiteX14" fmla="*/ 1631169 w 3291836"/>
                  <a:gd name="connsiteY14" fmla="*/ 738170 h 1009635"/>
                  <a:gd name="connsiteX15" fmla="*/ 1844078 w 3291836"/>
                  <a:gd name="connsiteY15" fmla="*/ 617031 h 1009635"/>
                  <a:gd name="connsiteX16" fmla="*/ 2006955 w 3291836"/>
                  <a:gd name="connsiteY16" fmla="*/ 514161 h 1009635"/>
                  <a:gd name="connsiteX17" fmla="*/ 2123133 w 3291836"/>
                  <a:gd name="connsiteY17" fmla="*/ 467269 h 1009635"/>
                  <a:gd name="connsiteX18" fmla="*/ 2198196 w 3291836"/>
                  <a:gd name="connsiteY18" fmla="*/ 405854 h 1009635"/>
                  <a:gd name="connsiteX19" fmla="*/ 2326441 w 3291836"/>
                  <a:gd name="connsiteY19" fmla="*/ 311919 h 1009635"/>
                  <a:gd name="connsiteX20" fmla="*/ 2458440 w 3291836"/>
                  <a:gd name="connsiteY20" fmla="*/ 356998 h 1009635"/>
                  <a:gd name="connsiteX21" fmla="*/ 2644178 w 3291836"/>
                  <a:gd name="connsiteY21" fmla="*/ 305563 h 1009635"/>
                  <a:gd name="connsiteX22" fmla="*/ 2827058 w 3291836"/>
                  <a:gd name="connsiteY22" fmla="*/ 171261 h 1009635"/>
                  <a:gd name="connsiteX23" fmla="*/ 2934449 w 3291836"/>
                  <a:gd name="connsiteY23" fmla="*/ 86090 h 1009635"/>
                  <a:gd name="connsiteX24" fmla="*/ 3044357 w 3291836"/>
                  <a:gd name="connsiteY24" fmla="*/ 61248 h 1009635"/>
                  <a:gd name="connsiteX25" fmla="*/ 3107818 w 3291836"/>
                  <a:gd name="connsiteY25" fmla="*/ 72442 h 1009635"/>
                  <a:gd name="connsiteX26" fmla="*/ 3225190 w 3291836"/>
                  <a:gd name="connsiteY26" fmla="*/ 51012 h 1009635"/>
                  <a:gd name="connsiteX27" fmla="*/ 3283391 w 3291836"/>
                  <a:gd name="connsiteY27" fmla="*/ 11064 h 1009635"/>
                  <a:gd name="connsiteX28" fmla="*/ 3291785 w 3291836"/>
                  <a:gd name="connsiteY28" fmla="*/ 154095 h 1009635"/>
                  <a:gd name="connsiteX29" fmla="*/ 3280995 w 3291836"/>
                  <a:gd name="connsiteY29" fmla="*/ 278205 h 1009635"/>
                  <a:gd name="connsiteX30" fmla="*/ 3092125 w 3291836"/>
                  <a:gd name="connsiteY30" fmla="*/ 272788 h 1009635"/>
                  <a:gd name="connsiteX31" fmla="*/ 2972790 w 3291836"/>
                  <a:gd name="connsiteY31" fmla="*/ 331281 h 1009635"/>
                  <a:gd name="connsiteX32" fmla="*/ 2877853 w 3291836"/>
                  <a:gd name="connsiteY32" fmla="*/ 447884 h 1009635"/>
                  <a:gd name="connsiteX33" fmla="*/ 2692755 w 3291836"/>
                  <a:gd name="connsiteY33" fmla="*/ 591313 h 1009635"/>
                  <a:gd name="connsiteX34" fmla="*/ 2497166 w 3291836"/>
                  <a:gd name="connsiteY34" fmla="*/ 602189 h 1009635"/>
                  <a:gd name="connsiteX35" fmla="*/ 2318977 w 3291836"/>
                  <a:gd name="connsiteY35" fmla="*/ 507422 h 1009635"/>
                  <a:gd name="connsiteX36" fmla="*/ 2192693 w 3291836"/>
                  <a:gd name="connsiteY36" fmla="*/ 688468 h 1009635"/>
                  <a:gd name="connsiteX37" fmla="*/ 2001240 w 3291836"/>
                  <a:gd name="connsiteY37" fmla="*/ 717043 h 1009635"/>
                  <a:gd name="connsiteX38" fmla="*/ 1935178 w 3291836"/>
                  <a:gd name="connsiteY38" fmla="*/ 821752 h 1009635"/>
                  <a:gd name="connsiteX39" fmla="*/ 1846935 w 3291836"/>
                  <a:gd name="connsiteY39" fmla="*/ 939928 h 1009635"/>
                  <a:gd name="connsiteX40" fmla="*/ 1738350 w 3291836"/>
                  <a:gd name="connsiteY40" fmla="*/ 979933 h 1009635"/>
                  <a:gd name="connsiteX41" fmla="*/ 1616514 w 3291836"/>
                  <a:gd name="connsiteY41" fmla="*/ 1009635 h 1009635"/>
                  <a:gd name="connsiteX42" fmla="*/ 1426883 w 3291836"/>
                  <a:gd name="connsiteY42" fmla="*/ 924722 h 1009635"/>
                  <a:gd name="connsiteX43" fmla="*/ 1304010 w 3291836"/>
                  <a:gd name="connsiteY43" fmla="*/ 854575 h 1009635"/>
                  <a:gd name="connsiteX44" fmla="*/ 1244003 w 3291836"/>
                  <a:gd name="connsiteY44" fmla="*/ 794196 h 1009635"/>
                  <a:gd name="connsiteX45" fmla="*/ 1201140 w 3291836"/>
                  <a:gd name="connsiteY45" fmla="*/ 722759 h 1009635"/>
                  <a:gd name="connsiteX46" fmla="*/ 1138275 w 3291836"/>
                  <a:gd name="connsiteY46" fmla="*/ 719901 h 1009635"/>
                  <a:gd name="connsiteX47" fmla="*/ 1078268 w 3291836"/>
                  <a:gd name="connsiteY47" fmla="*/ 699898 h 1009635"/>
                  <a:gd name="connsiteX48" fmla="*/ 990369 w 3291836"/>
                  <a:gd name="connsiteY48" fmla="*/ 627630 h 1009635"/>
                  <a:gd name="connsiteX49" fmla="*/ 898416 w 3291836"/>
                  <a:gd name="connsiteY49" fmla="*/ 561161 h 1009635"/>
                  <a:gd name="connsiteX50" fmla="*/ 829666 w 3291836"/>
                  <a:gd name="connsiteY50" fmla="*/ 577027 h 1009635"/>
                  <a:gd name="connsiteX51" fmla="*/ 695448 w 3291836"/>
                  <a:gd name="connsiteY51" fmla="*/ 617586 h 1009635"/>
                  <a:gd name="connsiteX52" fmla="*/ 563918 w 3291836"/>
                  <a:gd name="connsiteY52" fmla="*/ 585599 h 1009635"/>
                  <a:gd name="connsiteX53" fmla="*/ 469620 w 3291836"/>
                  <a:gd name="connsiteY53" fmla="*/ 537022 h 1009635"/>
                  <a:gd name="connsiteX54" fmla="*/ 366750 w 3291836"/>
                  <a:gd name="connsiteY54" fmla="*/ 465584 h 1009635"/>
                  <a:gd name="connsiteX55" fmla="*/ 309600 w 3291836"/>
                  <a:gd name="connsiteY55" fmla="*/ 373596 h 1009635"/>
                  <a:gd name="connsiteX56" fmla="*/ 261109 w 3291836"/>
                  <a:gd name="connsiteY56" fmla="*/ 275326 h 1009635"/>
                  <a:gd name="connsiteX57" fmla="*/ 146168 w 3291836"/>
                  <a:gd name="connsiteY57" fmla="*/ 242145 h 1009635"/>
                  <a:gd name="connsiteX58" fmla="*/ 2952 w 3291836"/>
                  <a:gd name="connsiteY58" fmla="*/ 283808 h 1009635"/>
                  <a:gd name="connsiteX59" fmla="*/ 0 w 3291836"/>
                  <a:gd name="connsiteY59" fmla="*/ 146265 h 1009635"/>
                  <a:gd name="connsiteX60" fmla="*/ 29430 w 3291836"/>
                  <a:gd name="connsiteY60" fmla="*/ 9522 h 1009635"/>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31169 w 3291836"/>
                  <a:gd name="connsiteY14" fmla="*/ 738170 h 1016459"/>
                  <a:gd name="connsiteX15" fmla="*/ 1844078 w 3291836"/>
                  <a:gd name="connsiteY15" fmla="*/ 617031 h 1016459"/>
                  <a:gd name="connsiteX16" fmla="*/ 2006955 w 3291836"/>
                  <a:gd name="connsiteY16" fmla="*/ 514161 h 1016459"/>
                  <a:gd name="connsiteX17" fmla="*/ 2123133 w 3291836"/>
                  <a:gd name="connsiteY17" fmla="*/ 467269 h 1016459"/>
                  <a:gd name="connsiteX18" fmla="*/ 2198196 w 3291836"/>
                  <a:gd name="connsiteY18" fmla="*/ 405854 h 1016459"/>
                  <a:gd name="connsiteX19" fmla="*/ 2326441 w 3291836"/>
                  <a:gd name="connsiteY19" fmla="*/ 311919 h 1016459"/>
                  <a:gd name="connsiteX20" fmla="*/ 2458440 w 3291836"/>
                  <a:gd name="connsiteY20" fmla="*/ 356998 h 1016459"/>
                  <a:gd name="connsiteX21" fmla="*/ 2644178 w 3291836"/>
                  <a:gd name="connsiteY21" fmla="*/ 305563 h 1016459"/>
                  <a:gd name="connsiteX22" fmla="*/ 2827058 w 3291836"/>
                  <a:gd name="connsiteY22" fmla="*/ 171261 h 1016459"/>
                  <a:gd name="connsiteX23" fmla="*/ 2934449 w 3291836"/>
                  <a:gd name="connsiteY23" fmla="*/ 86090 h 1016459"/>
                  <a:gd name="connsiteX24" fmla="*/ 3044357 w 3291836"/>
                  <a:gd name="connsiteY24" fmla="*/ 61248 h 1016459"/>
                  <a:gd name="connsiteX25" fmla="*/ 3107818 w 3291836"/>
                  <a:gd name="connsiteY25" fmla="*/ 72442 h 1016459"/>
                  <a:gd name="connsiteX26" fmla="*/ 3225190 w 3291836"/>
                  <a:gd name="connsiteY26" fmla="*/ 51012 h 1016459"/>
                  <a:gd name="connsiteX27" fmla="*/ 3283391 w 3291836"/>
                  <a:gd name="connsiteY27" fmla="*/ 11064 h 1016459"/>
                  <a:gd name="connsiteX28" fmla="*/ 3291785 w 3291836"/>
                  <a:gd name="connsiteY28" fmla="*/ 154095 h 1016459"/>
                  <a:gd name="connsiteX29" fmla="*/ 3280995 w 3291836"/>
                  <a:gd name="connsiteY29" fmla="*/ 278205 h 1016459"/>
                  <a:gd name="connsiteX30" fmla="*/ 3092125 w 3291836"/>
                  <a:gd name="connsiteY30" fmla="*/ 272788 h 1016459"/>
                  <a:gd name="connsiteX31" fmla="*/ 2972790 w 3291836"/>
                  <a:gd name="connsiteY31" fmla="*/ 331281 h 1016459"/>
                  <a:gd name="connsiteX32" fmla="*/ 2877853 w 3291836"/>
                  <a:gd name="connsiteY32" fmla="*/ 447884 h 1016459"/>
                  <a:gd name="connsiteX33" fmla="*/ 2692755 w 3291836"/>
                  <a:gd name="connsiteY33" fmla="*/ 591313 h 1016459"/>
                  <a:gd name="connsiteX34" fmla="*/ 2497166 w 3291836"/>
                  <a:gd name="connsiteY34" fmla="*/ 602189 h 1016459"/>
                  <a:gd name="connsiteX35" fmla="*/ 2318977 w 3291836"/>
                  <a:gd name="connsiteY35" fmla="*/ 507422 h 1016459"/>
                  <a:gd name="connsiteX36" fmla="*/ 2192693 w 3291836"/>
                  <a:gd name="connsiteY36" fmla="*/ 688468 h 1016459"/>
                  <a:gd name="connsiteX37" fmla="*/ 2001240 w 3291836"/>
                  <a:gd name="connsiteY37" fmla="*/ 717043 h 1016459"/>
                  <a:gd name="connsiteX38" fmla="*/ 1935178 w 3291836"/>
                  <a:gd name="connsiteY38" fmla="*/ 821752 h 1016459"/>
                  <a:gd name="connsiteX39" fmla="*/ 1846935 w 3291836"/>
                  <a:gd name="connsiteY39" fmla="*/ 939928 h 1016459"/>
                  <a:gd name="connsiteX40" fmla="*/ 1738350 w 3291836"/>
                  <a:gd name="connsiteY40" fmla="*/ 979933 h 1016459"/>
                  <a:gd name="connsiteX41" fmla="*/ 1630162 w 3291836"/>
                  <a:gd name="connsiteY41" fmla="*/ 1016459 h 1016459"/>
                  <a:gd name="connsiteX42" fmla="*/ 1426883 w 3291836"/>
                  <a:gd name="connsiteY42" fmla="*/ 924722 h 1016459"/>
                  <a:gd name="connsiteX43" fmla="*/ 1304010 w 3291836"/>
                  <a:gd name="connsiteY43" fmla="*/ 854575 h 1016459"/>
                  <a:gd name="connsiteX44" fmla="*/ 1244003 w 3291836"/>
                  <a:gd name="connsiteY44" fmla="*/ 794196 h 1016459"/>
                  <a:gd name="connsiteX45" fmla="*/ 1201140 w 3291836"/>
                  <a:gd name="connsiteY45" fmla="*/ 722759 h 1016459"/>
                  <a:gd name="connsiteX46" fmla="*/ 1138275 w 3291836"/>
                  <a:gd name="connsiteY46" fmla="*/ 719901 h 1016459"/>
                  <a:gd name="connsiteX47" fmla="*/ 1078268 w 3291836"/>
                  <a:gd name="connsiteY47" fmla="*/ 699898 h 1016459"/>
                  <a:gd name="connsiteX48" fmla="*/ 990369 w 3291836"/>
                  <a:gd name="connsiteY48" fmla="*/ 627630 h 1016459"/>
                  <a:gd name="connsiteX49" fmla="*/ 898416 w 3291836"/>
                  <a:gd name="connsiteY49" fmla="*/ 561161 h 1016459"/>
                  <a:gd name="connsiteX50" fmla="*/ 829666 w 3291836"/>
                  <a:gd name="connsiteY50" fmla="*/ 577027 h 1016459"/>
                  <a:gd name="connsiteX51" fmla="*/ 695448 w 3291836"/>
                  <a:gd name="connsiteY51" fmla="*/ 617586 h 1016459"/>
                  <a:gd name="connsiteX52" fmla="*/ 563918 w 3291836"/>
                  <a:gd name="connsiteY52" fmla="*/ 585599 h 1016459"/>
                  <a:gd name="connsiteX53" fmla="*/ 469620 w 3291836"/>
                  <a:gd name="connsiteY53" fmla="*/ 537022 h 1016459"/>
                  <a:gd name="connsiteX54" fmla="*/ 366750 w 3291836"/>
                  <a:gd name="connsiteY54" fmla="*/ 465584 h 1016459"/>
                  <a:gd name="connsiteX55" fmla="*/ 309600 w 3291836"/>
                  <a:gd name="connsiteY55" fmla="*/ 373596 h 1016459"/>
                  <a:gd name="connsiteX56" fmla="*/ 261109 w 3291836"/>
                  <a:gd name="connsiteY56" fmla="*/ 275326 h 1016459"/>
                  <a:gd name="connsiteX57" fmla="*/ 146168 w 3291836"/>
                  <a:gd name="connsiteY57" fmla="*/ 242145 h 1016459"/>
                  <a:gd name="connsiteX58" fmla="*/ 2952 w 3291836"/>
                  <a:gd name="connsiteY58" fmla="*/ 283808 h 1016459"/>
                  <a:gd name="connsiteX59" fmla="*/ 0 w 3291836"/>
                  <a:gd name="connsiteY59" fmla="*/ 146265 h 1016459"/>
                  <a:gd name="connsiteX60" fmla="*/ 29430 w 3291836"/>
                  <a:gd name="connsiteY60"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31169 w 3291836"/>
                  <a:gd name="connsiteY14" fmla="*/ 738170 h 1016459"/>
                  <a:gd name="connsiteX15" fmla="*/ 1713700 w 3291836"/>
                  <a:gd name="connsiteY15" fmla="*/ 685633 h 1016459"/>
                  <a:gd name="connsiteX16" fmla="*/ 1844078 w 3291836"/>
                  <a:gd name="connsiteY16" fmla="*/ 617031 h 1016459"/>
                  <a:gd name="connsiteX17" fmla="*/ 2006955 w 3291836"/>
                  <a:gd name="connsiteY17" fmla="*/ 514161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58440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01140 w 3291836"/>
                  <a:gd name="connsiteY46" fmla="*/ 722759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31169 w 3291836"/>
                  <a:gd name="connsiteY14" fmla="*/ 738170 h 1016459"/>
                  <a:gd name="connsiteX15" fmla="*/ 1713700 w 3291836"/>
                  <a:gd name="connsiteY15" fmla="*/ 685633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58440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01140 w 3291836"/>
                  <a:gd name="connsiteY46" fmla="*/ 722759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31169 w 3291836"/>
                  <a:gd name="connsiteY14" fmla="*/ 738170 h 1016459"/>
                  <a:gd name="connsiteX15" fmla="*/ 1713700 w 3291836"/>
                  <a:gd name="connsiteY15" fmla="*/ 685633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01140 w 3291836"/>
                  <a:gd name="connsiteY46" fmla="*/ 722759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31169 w 3291836"/>
                  <a:gd name="connsiteY14" fmla="*/ 738170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01140 w 3291836"/>
                  <a:gd name="connsiteY46" fmla="*/ 722759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24345 w 3291836"/>
                  <a:gd name="connsiteY14" fmla="*/ 758642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01140 w 3291836"/>
                  <a:gd name="connsiteY46" fmla="*/ 722759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24345 w 3291836"/>
                  <a:gd name="connsiteY14" fmla="*/ 758642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10937 w 3291836"/>
                  <a:gd name="connsiteY46" fmla="*/ 712962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24345 w 3291836"/>
                  <a:gd name="connsiteY14" fmla="*/ 758642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10937 w 3291836"/>
                  <a:gd name="connsiteY46" fmla="*/ 712962 h 1016459"/>
                  <a:gd name="connsiteX47" fmla="*/ 1138275 w 3291836"/>
                  <a:gd name="connsiteY47" fmla="*/ 719901 h 1016459"/>
                  <a:gd name="connsiteX48" fmla="*/ 1078268 w 3291836"/>
                  <a:gd name="connsiteY48" fmla="*/ 699898 h 1016459"/>
                  <a:gd name="connsiteX49" fmla="*/ 990369 w 3291836"/>
                  <a:gd name="connsiteY49" fmla="*/ 627630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24345 w 3291836"/>
                  <a:gd name="connsiteY14" fmla="*/ 758642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79933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10937 w 3291836"/>
                  <a:gd name="connsiteY46" fmla="*/ 712962 h 1016459"/>
                  <a:gd name="connsiteX47" fmla="*/ 1138275 w 3291836"/>
                  <a:gd name="connsiteY47" fmla="*/ 719901 h 1016459"/>
                  <a:gd name="connsiteX48" fmla="*/ 1078268 w 3291836"/>
                  <a:gd name="connsiteY48" fmla="*/ 699898 h 1016459"/>
                  <a:gd name="connsiteX49" fmla="*/ 990369 w 3291836"/>
                  <a:gd name="connsiteY49" fmla="*/ 608035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 name="connsiteX0" fmla="*/ 29430 w 3291836"/>
                  <a:gd name="connsiteY0" fmla="*/ 9522 h 1016459"/>
                  <a:gd name="connsiteX1" fmla="*/ 118148 w 3291836"/>
                  <a:gd name="connsiteY1" fmla="*/ 16956 h 1016459"/>
                  <a:gd name="connsiteX2" fmla="*/ 189585 w 3291836"/>
                  <a:gd name="connsiteY2" fmla="*/ 59818 h 1016459"/>
                  <a:gd name="connsiteX3" fmla="*/ 275310 w 3291836"/>
                  <a:gd name="connsiteY3" fmla="*/ 74106 h 1016459"/>
                  <a:gd name="connsiteX4" fmla="*/ 370162 w 3291836"/>
                  <a:gd name="connsiteY4" fmla="*/ 78713 h 1016459"/>
                  <a:gd name="connsiteX5" fmla="*/ 461048 w 3291836"/>
                  <a:gd name="connsiteY5" fmla="*/ 176976 h 1016459"/>
                  <a:gd name="connsiteX6" fmla="*/ 572490 w 3291836"/>
                  <a:gd name="connsiteY6" fmla="*/ 296991 h 1016459"/>
                  <a:gd name="connsiteX7" fmla="*/ 815378 w 3291836"/>
                  <a:gd name="connsiteY7" fmla="*/ 345568 h 1016459"/>
                  <a:gd name="connsiteX8" fmla="*/ 995400 w 3291836"/>
                  <a:gd name="connsiteY8" fmla="*/ 328423 h 1016459"/>
                  <a:gd name="connsiteX9" fmla="*/ 1052550 w 3291836"/>
                  <a:gd name="connsiteY9" fmla="*/ 345568 h 1016459"/>
                  <a:gd name="connsiteX10" fmla="*/ 1126845 w 3291836"/>
                  <a:gd name="connsiteY10" fmla="*/ 385573 h 1016459"/>
                  <a:gd name="connsiteX11" fmla="*/ 1215428 w 3291836"/>
                  <a:gd name="connsiteY11" fmla="*/ 508446 h 1016459"/>
                  <a:gd name="connsiteX12" fmla="*/ 1361160 w 3291836"/>
                  <a:gd name="connsiteY12" fmla="*/ 594171 h 1016459"/>
                  <a:gd name="connsiteX13" fmla="*/ 1498320 w 3291836"/>
                  <a:gd name="connsiteY13" fmla="*/ 688468 h 1016459"/>
                  <a:gd name="connsiteX14" fmla="*/ 1624345 w 3291836"/>
                  <a:gd name="connsiteY14" fmla="*/ 758642 h 1016459"/>
                  <a:gd name="connsiteX15" fmla="*/ 1676168 w 3291836"/>
                  <a:gd name="connsiteY15" fmla="*/ 699280 h 1016459"/>
                  <a:gd name="connsiteX16" fmla="*/ 1844078 w 3291836"/>
                  <a:gd name="connsiteY16" fmla="*/ 617031 h 1016459"/>
                  <a:gd name="connsiteX17" fmla="*/ 2003543 w 3291836"/>
                  <a:gd name="connsiteY17" fmla="*/ 510749 h 1016459"/>
                  <a:gd name="connsiteX18" fmla="*/ 2123133 w 3291836"/>
                  <a:gd name="connsiteY18" fmla="*/ 467269 h 1016459"/>
                  <a:gd name="connsiteX19" fmla="*/ 2198196 w 3291836"/>
                  <a:gd name="connsiteY19" fmla="*/ 405854 h 1016459"/>
                  <a:gd name="connsiteX20" fmla="*/ 2326441 w 3291836"/>
                  <a:gd name="connsiteY20" fmla="*/ 311919 h 1016459"/>
                  <a:gd name="connsiteX21" fmla="*/ 2461852 w 3291836"/>
                  <a:gd name="connsiteY21" fmla="*/ 356998 h 1016459"/>
                  <a:gd name="connsiteX22" fmla="*/ 2644178 w 3291836"/>
                  <a:gd name="connsiteY22" fmla="*/ 305563 h 1016459"/>
                  <a:gd name="connsiteX23" fmla="*/ 2827058 w 3291836"/>
                  <a:gd name="connsiteY23" fmla="*/ 171261 h 1016459"/>
                  <a:gd name="connsiteX24" fmla="*/ 2934449 w 3291836"/>
                  <a:gd name="connsiteY24" fmla="*/ 86090 h 1016459"/>
                  <a:gd name="connsiteX25" fmla="*/ 3044357 w 3291836"/>
                  <a:gd name="connsiteY25" fmla="*/ 61248 h 1016459"/>
                  <a:gd name="connsiteX26" fmla="*/ 3107818 w 3291836"/>
                  <a:gd name="connsiteY26" fmla="*/ 72442 h 1016459"/>
                  <a:gd name="connsiteX27" fmla="*/ 3225190 w 3291836"/>
                  <a:gd name="connsiteY27" fmla="*/ 51012 h 1016459"/>
                  <a:gd name="connsiteX28" fmla="*/ 3283391 w 3291836"/>
                  <a:gd name="connsiteY28" fmla="*/ 11064 h 1016459"/>
                  <a:gd name="connsiteX29" fmla="*/ 3291785 w 3291836"/>
                  <a:gd name="connsiteY29" fmla="*/ 154095 h 1016459"/>
                  <a:gd name="connsiteX30" fmla="*/ 3280995 w 3291836"/>
                  <a:gd name="connsiteY30" fmla="*/ 278205 h 1016459"/>
                  <a:gd name="connsiteX31" fmla="*/ 3092125 w 3291836"/>
                  <a:gd name="connsiteY31" fmla="*/ 272788 h 1016459"/>
                  <a:gd name="connsiteX32" fmla="*/ 2972790 w 3291836"/>
                  <a:gd name="connsiteY32" fmla="*/ 331281 h 1016459"/>
                  <a:gd name="connsiteX33" fmla="*/ 2877853 w 3291836"/>
                  <a:gd name="connsiteY33" fmla="*/ 447884 h 1016459"/>
                  <a:gd name="connsiteX34" fmla="*/ 2692755 w 3291836"/>
                  <a:gd name="connsiteY34" fmla="*/ 591313 h 1016459"/>
                  <a:gd name="connsiteX35" fmla="*/ 2497166 w 3291836"/>
                  <a:gd name="connsiteY35" fmla="*/ 602189 h 1016459"/>
                  <a:gd name="connsiteX36" fmla="*/ 2318977 w 3291836"/>
                  <a:gd name="connsiteY36" fmla="*/ 507422 h 1016459"/>
                  <a:gd name="connsiteX37" fmla="*/ 2192693 w 3291836"/>
                  <a:gd name="connsiteY37" fmla="*/ 688468 h 1016459"/>
                  <a:gd name="connsiteX38" fmla="*/ 2001240 w 3291836"/>
                  <a:gd name="connsiteY38" fmla="*/ 717043 h 1016459"/>
                  <a:gd name="connsiteX39" fmla="*/ 1935178 w 3291836"/>
                  <a:gd name="connsiteY39" fmla="*/ 821752 h 1016459"/>
                  <a:gd name="connsiteX40" fmla="*/ 1846935 w 3291836"/>
                  <a:gd name="connsiteY40" fmla="*/ 939928 h 1016459"/>
                  <a:gd name="connsiteX41" fmla="*/ 1738350 w 3291836"/>
                  <a:gd name="connsiteY41" fmla="*/ 983199 h 1016459"/>
                  <a:gd name="connsiteX42" fmla="*/ 1630162 w 3291836"/>
                  <a:gd name="connsiteY42" fmla="*/ 1016459 h 1016459"/>
                  <a:gd name="connsiteX43" fmla="*/ 1426883 w 3291836"/>
                  <a:gd name="connsiteY43" fmla="*/ 924722 h 1016459"/>
                  <a:gd name="connsiteX44" fmla="*/ 1304010 w 3291836"/>
                  <a:gd name="connsiteY44" fmla="*/ 854575 h 1016459"/>
                  <a:gd name="connsiteX45" fmla="*/ 1244003 w 3291836"/>
                  <a:gd name="connsiteY45" fmla="*/ 794196 h 1016459"/>
                  <a:gd name="connsiteX46" fmla="*/ 1210937 w 3291836"/>
                  <a:gd name="connsiteY46" fmla="*/ 712962 h 1016459"/>
                  <a:gd name="connsiteX47" fmla="*/ 1138275 w 3291836"/>
                  <a:gd name="connsiteY47" fmla="*/ 719901 h 1016459"/>
                  <a:gd name="connsiteX48" fmla="*/ 1078268 w 3291836"/>
                  <a:gd name="connsiteY48" fmla="*/ 699898 h 1016459"/>
                  <a:gd name="connsiteX49" fmla="*/ 990369 w 3291836"/>
                  <a:gd name="connsiteY49" fmla="*/ 608035 h 1016459"/>
                  <a:gd name="connsiteX50" fmla="*/ 898416 w 3291836"/>
                  <a:gd name="connsiteY50" fmla="*/ 561161 h 1016459"/>
                  <a:gd name="connsiteX51" fmla="*/ 829666 w 3291836"/>
                  <a:gd name="connsiteY51" fmla="*/ 577027 h 1016459"/>
                  <a:gd name="connsiteX52" fmla="*/ 695448 w 3291836"/>
                  <a:gd name="connsiteY52" fmla="*/ 617586 h 1016459"/>
                  <a:gd name="connsiteX53" fmla="*/ 563918 w 3291836"/>
                  <a:gd name="connsiteY53" fmla="*/ 585599 h 1016459"/>
                  <a:gd name="connsiteX54" fmla="*/ 469620 w 3291836"/>
                  <a:gd name="connsiteY54" fmla="*/ 537022 h 1016459"/>
                  <a:gd name="connsiteX55" fmla="*/ 366750 w 3291836"/>
                  <a:gd name="connsiteY55" fmla="*/ 465584 h 1016459"/>
                  <a:gd name="connsiteX56" fmla="*/ 309600 w 3291836"/>
                  <a:gd name="connsiteY56" fmla="*/ 373596 h 1016459"/>
                  <a:gd name="connsiteX57" fmla="*/ 261109 w 3291836"/>
                  <a:gd name="connsiteY57" fmla="*/ 275326 h 1016459"/>
                  <a:gd name="connsiteX58" fmla="*/ 146168 w 3291836"/>
                  <a:gd name="connsiteY58" fmla="*/ 242145 h 1016459"/>
                  <a:gd name="connsiteX59" fmla="*/ 2952 w 3291836"/>
                  <a:gd name="connsiteY59" fmla="*/ 283808 h 1016459"/>
                  <a:gd name="connsiteX60" fmla="*/ 0 w 3291836"/>
                  <a:gd name="connsiteY60" fmla="*/ 146265 h 1016459"/>
                  <a:gd name="connsiteX61" fmla="*/ 29430 w 3291836"/>
                  <a:gd name="connsiteY61" fmla="*/ 9522 h 10164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Lst>
                <a:rect l="l" t="t" r="r" b="b"/>
                <a:pathLst>
                  <a:path w="3291836" h="1016459">
                    <a:moveTo>
                      <a:pt x="29430" y="9522"/>
                    </a:moveTo>
                    <a:cubicBezTo>
                      <a:pt x="48169" y="-12029"/>
                      <a:pt x="91456" y="8573"/>
                      <a:pt x="118148" y="16956"/>
                    </a:cubicBezTo>
                    <a:cubicBezTo>
                      <a:pt x="144840" y="25339"/>
                      <a:pt x="161963" y="52198"/>
                      <a:pt x="189585" y="59818"/>
                    </a:cubicBezTo>
                    <a:cubicBezTo>
                      <a:pt x="217207" y="67438"/>
                      <a:pt x="245214" y="70957"/>
                      <a:pt x="275310" y="74106"/>
                    </a:cubicBezTo>
                    <a:cubicBezTo>
                      <a:pt x="305406" y="77255"/>
                      <a:pt x="339206" y="61568"/>
                      <a:pt x="370162" y="78713"/>
                    </a:cubicBezTo>
                    <a:cubicBezTo>
                      <a:pt x="401118" y="95858"/>
                      <a:pt x="427327" y="140596"/>
                      <a:pt x="461048" y="176976"/>
                    </a:cubicBezTo>
                    <a:cubicBezTo>
                      <a:pt x="494769" y="213356"/>
                      <a:pt x="513435" y="268892"/>
                      <a:pt x="572490" y="296991"/>
                    </a:cubicBezTo>
                    <a:cubicBezTo>
                      <a:pt x="647261" y="335567"/>
                      <a:pt x="735368" y="337472"/>
                      <a:pt x="815378" y="345568"/>
                    </a:cubicBezTo>
                    <a:cubicBezTo>
                      <a:pt x="884910" y="353188"/>
                      <a:pt x="955871" y="328423"/>
                      <a:pt x="995400" y="328423"/>
                    </a:cubicBezTo>
                    <a:cubicBezTo>
                      <a:pt x="1034929" y="328423"/>
                      <a:pt x="1029690" y="338424"/>
                      <a:pt x="1052550" y="345568"/>
                    </a:cubicBezTo>
                    <a:cubicBezTo>
                      <a:pt x="1075410" y="352712"/>
                      <a:pt x="1045108" y="355015"/>
                      <a:pt x="1126845" y="385573"/>
                    </a:cubicBezTo>
                    <a:cubicBezTo>
                      <a:pt x="1208582" y="416131"/>
                      <a:pt x="1176376" y="473680"/>
                      <a:pt x="1215428" y="508446"/>
                    </a:cubicBezTo>
                    <a:cubicBezTo>
                      <a:pt x="1254480" y="543212"/>
                      <a:pt x="1317345" y="562262"/>
                      <a:pt x="1361160" y="594171"/>
                    </a:cubicBezTo>
                    <a:cubicBezTo>
                      <a:pt x="1408785" y="619888"/>
                      <a:pt x="1450695" y="662751"/>
                      <a:pt x="1498320" y="688468"/>
                    </a:cubicBezTo>
                    <a:cubicBezTo>
                      <a:pt x="1556251" y="728919"/>
                      <a:pt x="1580062" y="742075"/>
                      <a:pt x="1624345" y="758642"/>
                    </a:cubicBezTo>
                    <a:cubicBezTo>
                      <a:pt x="1662516" y="758170"/>
                      <a:pt x="1640683" y="719470"/>
                      <a:pt x="1676168" y="699280"/>
                    </a:cubicBezTo>
                    <a:cubicBezTo>
                      <a:pt x="1711653" y="679090"/>
                      <a:pt x="1789516" y="648453"/>
                      <a:pt x="1844078" y="617031"/>
                    </a:cubicBezTo>
                    <a:cubicBezTo>
                      <a:pt x="1898641" y="585609"/>
                      <a:pt x="1961014" y="537415"/>
                      <a:pt x="2003543" y="510749"/>
                    </a:cubicBezTo>
                    <a:cubicBezTo>
                      <a:pt x="2046072" y="484083"/>
                      <a:pt x="2091828" y="487026"/>
                      <a:pt x="2123133" y="467269"/>
                    </a:cubicBezTo>
                    <a:cubicBezTo>
                      <a:pt x="2154438" y="447512"/>
                      <a:pt x="2158056" y="430608"/>
                      <a:pt x="2198196" y="405854"/>
                    </a:cubicBezTo>
                    <a:cubicBezTo>
                      <a:pt x="2238336" y="381100"/>
                      <a:pt x="2281361" y="318356"/>
                      <a:pt x="2326441" y="311919"/>
                    </a:cubicBezTo>
                    <a:cubicBezTo>
                      <a:pt x="2422167" y="327160"/>
                      <a:pt x="2408896" y="358057"/>
                      <a:pt x="2461852" y="356998"/>
                    </a:cubicBezTo>
                    <a:cubicBezTo>
                      <a:pt x="2514808" y="355939"/>
                      <a:pt x="2583310" y="336519"/>
                      <a:pt x="2644178" y="305563"/>
                    </a:cubicBezTo>
                    <a:cubicBezTo>
                      <a:pt x="2705046" y="274607"/>
                      <a:pt x="2778680" y="207840"/>
                      <a:pt x="2827058" y="171261"/>
                    </a:cubicBezTo>
                    <a:cubicBezTo>
                      <a:pt x="2875436" y="134682"/>
                      <a:pt x="2898233" y="104426"/>
                      <a:pt x="2934449" y="86090"/>
                    </a:cubicBezTo>
                    <a:cubicBezTo>
                      <a:pt x="2970666" y="67755"/>
                      <a:pt x="3015462" y="63523"/>
                      <a:pt x="3044357" y="61248"/>
                    </a:cubicBezTo>
                    <a:cubicBezTo>
                      <a:pt x="3073252" y="58973"/>
                      <a:pt x="3077679" y="74148"/>
                      <a:pt x="3107818" y="72442"/>
                    </a:cubicBezTo>
                    <a:cubicBezTo>
                      <a:pt x="3137957" y="70736"/>
                      <a:pt x="3195928" y="61242"/>
                      <a:pt x="3225190" y="51012"/>
                    </a:cubicBezTo>
                    <a:cubicBezTo>
                      <a:pt x="3254452" y="40782"/>
                      <a:pt x="3268880" y="-10097"/>
                      <a:pt x="3283391" y="11064"/>
                    </a:cubicBezTo>
                    <a:cubicBezTo>
                      <a:pt x="3283391" y="68664"/>
                      <a:pt x="3291785" y="96495"/>
                      <a:pt x="3291785" y="154095"/>
                    </a:cubicBezTo>
                    <a:cubicBezTo>
                      <a:pt x="3292738" y="195465"/>
                      <a:pt x="3280042" y="236835"/>
                      <a:pt x="3280995" y="278205"/>
                    </a:cubicBezTo>
                    <a:cubicBezTo>
                      <a:pt x="3249993" y="302536"/>
                      <a:pt x="3143492" y="263942"/>
                      <a:pt x="3092125" y="272788"/>
                    </a:cubicBezTo>
                    <a:cubicBezTo>
                      <a:pt x="3040758" y="281634"/>
                      <a:pt x="3008502" y="306648"/>
                      <a:pt x="2972790" y="331281"/>
                    </a:cubicBezTo>
                    <a:cubicBezTo>
                      <a:pt x="2932611" y="403461"/>
                      <a:pt x="2924526" y="404545"/>
                      <a:pt x="2877853" y="447884"/>
                    </a:cubicBezTo>
                    <a:cubicBezTo>
                      <a:pt x="2831181" y="491223"/>
                      <a:pt x="2756203" y="565596"/>
                      <a:pt x="2692755" y="591313"/>
                    </a:cubicBezTo>
                    <a:cubicBezTo>
                      <a:pt x="2629307" y="617031"/>
                      <a:pt x="2559462" y="616171"/>
                      <a:pt x="2497166" y="602189"/>
                    </a:cubicBezTo>
                    <a:cubicBezTo>
                      <a:pt x="2434870" y="588207"/>
                      <a:pt x="2365095" y="515270"/>
                      <a:pt x="2318977" y="507422"/>
                    </a:cubicBezTo>
                    <a:cubicBezTo>
                      <a:pt x="2255064" y="612072"/>
                      <a:pt x="2245649" y="653531"/>
                      <a:pt x="2192693" y="688468"/>
                    </a:cubicBezTo>
                    <a:cubicBezTo>
                      <a:pt x="2139737" y="723405"/>
                      <a:pt x="2046495" y="695413"/>
                      <a:pt x="2001240" y="717043"/>
                    </a:cubicBezTo>
                    <a:cubicBezTo>
                      <a:pt x="1955985" y="738673"/>
                      <a:pt x="1960896" y="784605"/>
                      <a:pt x="1935178" y="821752"/>
                    </a:cubicBezTo>
                    <a:cubicBezTo>
                      <a:pt x="1909461" y="858900"/>
                      <a:pt x="1877404" y="912981"/>
                      <a:pt x="1846935" y="939928"/>
                    </a:cubicBezTo>
                    <a:cubicBezTo>
                      <a:pt x="1806930" y="949453"/>
                      <a:pt x="1778355" y="973674"/>
                      <a:pt x="1738350" y="983199"/>
                    </a:cubicBezTo>
                    <a:lnTo>
                      <a:pt x="1630162" y="1016459"/>
                    </a:lnTo>
                    <a:cubicBezTo>
                      <a:pt x="1546409" y="1001970"/>
                      <a:pt x="1497818" y="972535"/>
                      <a:pt x="1426883" y="924722"/>
                    </a:cubicBezTo>
                    <a:cubicBezTo>
                      <a:pt x="1374522" y="893102"/>
                      <a:pt x="1341634" y="886484"/>
                      <a:pt x="1304010" y="854575"/>
                    </a:cubicBezTo>
                    <a:cubicBezTo>
                      <a:pt x="1276864" y="834096"/>
                      <a:pt x="1259515" y="817798"/>
                      <a:pt x="1244003" y="794196"/>
                    </a:cubicBezTo>
                    <a:cubicBezTo>
                      <a:pt x="1228491" y="770594"/>
                      <a:pt x="1228558" y="725344"/>
                      <a:pt x="1210937" y="712962"/>
                    </a:cubicBezTo>
                    <a:cubicBezTo>
                      <a:pt x="1193316" y="700580"/>
                      <a:pt x="1160386" y="722078"/>
                      <a:pt x="1138275" y="719901"/>
                    </a:cubicBezTo>
                    <a:cubicBezTo>
                      <a:pt x="1116164" y="717724"/>
                      <a:pt x="1102919" y="718542"/>
                      <a:pt x="1078268" y="699898"/>
                    </a:cubicBezTo>
                    <a:cubicBezTo>
                      <a:pt x="1053617" y="681254"/>
                      <a:pt x="1020344" y="631158"/>
                      <a:pt x="990369" y="608035"/>
                    </a:cubicBezTo>
                    <a:cubicBezTo>
                      <a:pt x="960394" y="584912"/>
                      <a:pt x="925200" y="569595"/>
                      <a:pt x="898416" y="561161"/>
                    </a:cubicBezTo>
                    <a:cubicBezTo>
                      <a:pt x="819384" y="548591"/>
                      <a:pt x="863494" y="567623"/>
                      <a:pt x="829666" y="577027"/>
                    </a:cubicBezTo>
                    <a:cubicBezTo>
                      <a:pt x="795838" y="586431"/>
                      <a:pt x="739263" y="612824"/>
                      <a:pt x="695448" y="617586"/>
                    </a:cubicBezTo>
                    <a:cubicBezTo>
                      <a:pt x="633536" y="613776"/>
                      <a:pt x="601556" y="599026"/>
                      <a:pt x="563918" y="585599"/>
                    </a:cubicBezTo>
                    <a:cubicBezTo>
                      <a:pt x="526280" y="572172"/>
                      <a:pt x="502005" y="553691"/>
                      <a:pt x="469620" y="537022"/>
                    </a:cubicBezTo>
                    <a:cubicBezTo>
                      <a:pt x="436391" y="519920"/>
                      <a:pt x="393420" y="497493"/>
                      <a:pt x="366750" y="465584"/>
                    </a:cubicBezTo>
                    <a:cubicBezTo>
                      <a:pt x="340080" y="433675"/>
                      <a:pt x="327207" y="405306"/>
                      <a:pt x="309600" y="373596"/>
                    </a:cubicBezTo>
                    <a:cubicBezTo>
                      <a:pt x="291993" y="341886"/>
                      <a:pt x="285874" y="291995"/>
                      <a:pt x="261109" y="275326"/>
                    </a:cubicBezTo>
                    <a:cubicBezTo>
                      <a:pt x="215389" y="274373"/>
                      <a:pt x="191888" y="243098"/>
                      <a:pt x="146168" y="242145"/>
                    </a:cubicBezTo>
                    <a:lnTo>
                      <a:pt x="2952" y="283808"/>
                    </a:lnTo>
                    <a:cubicBezTo>
                      <a:pt x="2952" y="234608"/>
                      <a:pt x="0" y="195465"/>
                      <a:pt x="0" y="146265"/>
                    </a:cubicBezTo>
                    <a:lnTo>
                      <a:pt x="29430" y="9522"/>
                    </a:lnTo>
                    <a:close/>
                  </a:path>
                </a:pathLst>
              </a:custGeom>
              <a:solidFill>
                <a:srgbClr val="85D6FF">
                  <a:alpha val="67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2" name="Lyserødt felt VE">
                <a:extLst>
                  <a:ext uri="{FF2B5EF4-FFF2-40B4-BE49-F238E27FC236}">
                    <a16:creationId xmlns:a16="http://schemas.microsoft.com/office/drawing/2014/main" id="{E0C1355B-1D29-4725-9D94-DEE889C9C035}"/>
                  </a:ext>
                </a:extLst>
              </p:cNvPr>
              <p:cNvSpPr/>
              <p:nvPr/>
            </p:nvSpPr>
            <p:spPr>
              <a:xfrm>
                <a:off x="2961324" y="3912286"/>
                <a:ext cx="450546" cy="974142"/>
              </a:xfrm>
              <a:custGeom>
                <a:avLst/>
                <a:gdLst>
                  <a:gd name="connsiteX0" fmla="*/ 439200 w 493200"/>
                  <a:gd name="connsiteY0" fmla="*/ 1184400 h 1184400"/>
                  <a:gd name="connsiteX1" fmla="*/ 493200 w 493200"/>
                  <a:gd name="connsiteY1" fmla="*/ 234000 h 1184400"/>
                  <a:gd name="connsiteX2" fmla="*/ 0 w 493200"/>
                  <a:gd name="connsiteY2" fmla="*/ 0 h 1184400"/>
                  <a:gd name="connsiteX3" fmla="*/ 439200 w 493200"/>
                  <a:gd name="connsiteY3"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111600 w 493200"/>
                  <a:gd name="connsiteY3" fmla="*/ 640800 h 1184400"/>
                  <a:gd name="connsiteX4" fmla="*/ 439200 w 493200"/>
                  <a:gd name="connsiteY4" fmla="*/ 1184400 h 1184400"/>
                  <a:gd name="connsiteX0" fmla="*/ 469822 w 523822"/>
                  <a:gd name="connsiteY0" fmla="*/ 1184400 h 1184400"/>
                  <a:gd name="connsiteX1" fmla="*/ 523822 w 523822"/>
                  <a:gd name="connsiteY1" fmla="*/ 234000 h 1184400"/>
                  <a:gd name="connsiteX2" fmla="*/ 30622 w 523822"/>
                  <a:gd name="connsiteY2" fmla="*/ 0 h 1184400"/>
                  <a:gd name="connsiteX3" fmla="*/ 55822 w 523822"/>
                  <a:gd name="connsiteY3" fmla="*/ 284400 h 1184400"/>
                  <a:gd name="connsiteX4" fmla="*/ 142222 w 523822"/>
                  <a:gd name="connsiteY4" fmla="*/ 640800 h 1184400"/>
                  <a:gd name="connsiteX5" fmla="*/ 469822 w 523822"/>
                  <a:gd name="connsiteY5" fmla="*/ 1184400 h 1184400"/>
                  <a:gd name="connsiteX0" fmla="*/ 469822 w 523822"/>
                  <a:gd name="connsiteY0" fmla="*/ 1184400 h 1184400"/>
                  <a:gd name="connsiteX1" fmla="*/ 523822 w 523822"/>
                  <a:gd name="connsiteY1" fmla="*/ 234000 h 1184400"/>
                  <a:gd name="connsiteX2" fmla="*/ 30622 w 523822"/>
                  <a:gd name="connsiteY2" fmla="*/ 0 h 1184400"/>
                  <a:gd name="connsiteX3" fmla="*/ 55822 w 523822"/>
                  <a:gd name="connsiteY3" fmla="*/ 284400 h 1184400"/>
                  <a:gd name="connsiteX4" fmla="*/ 142222 w 523822"/>
                  <a:gd name="connsiteY4" fmla="*/ 640800 h 1184400"/>
                  <a:gd name="connsiteX5" fmla="*/ 268222 w 523822"/>
                  <a:gd name="connsiteY5" fmla="*/ 928800 h 1184400"/>
                  <a:gd name="connsiteX6" fmla="*/ 469822 w 523822"/>
                  <a:gd name="connsiteY6" fmla="*/ 1184400 h 1184400"/>
                  <a:gd name="connsiteX0" fmla="*/ 440501 w 494501"/>
                  <a:gd name="connsiteY0" fmla="*/ 1184400 h 1184400"/>
                  <a:gd name="connsiteX1" fmla="*/ 494501 w 494501"/>
                  <a:gd name="connsiteY1" fmla="*/ 234000 h 1184400"/>
                  <a:gd name="connsiteX2" fmla="*/ 1301 w 494501"/>
                  <a:gd name="connsiteY2" fmla="*/ 0 h 1184400"/>
                  <a:gd name="connsiteX3" fmla="*/ 26501 w 494501"/>
                  <a:gd name="connsiteY3" fmla="*/ 284400 h 1184400"/>
                  <a:gd name="connsiteX4" fmla="*/ 112901 w 494501"/>
                  <a:gd name="connsiteY4" fmla="*/ 640800 h 1184400"/>
                  <a:gd name="connsiteX5" fmla="*/ 238901 w 494501"/>
                  <a:gd name="connsiteY5" fmla="*/ 928800 h 1184400"/>
                  <a:gd name="connsiteX6" fmla="*/ 440501 w 494501"/>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04064 w 493200"/>
                  <a:gd name="connsiteY4" fmla="*/ 643312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0176 w 493200"/>
                  <a:gd name="connsiteY3" fmla="*/ 284400 h 1184400"/>
                  <a:gd name="connsiteX4" fmla="*/ 104064 w 493200"/>
                  <a:gd name="connsiteY4" fmla="*/ 643312 h 1184400"/>
                  <a:gd name="connsiteX5" fmla="*/ 237600 w 493200"/>
                  <a:gd name="connsiteY5" fmla="*/ 928800 h 1184400"/>
                  <a:gd name="connsiteX6" fmla="*/ 439200 w 493200"/>
                  <a:gd name="connsiteY6" fmla="*/ 1184400 h 1184400"/>
                  <a:gd name="connsiteX0" fmla="*/ 476283 w 530283"/>
                  <a:gd name="connsiteY0" fmla="*/ 1185064 h 1185064"/>
                  <a:gd name="connsiteX1" fmla="*/ 530283 w 530283"/>
                  <a:gd name="connsiteY1" fmla="*/ 234664 h 1185064"/>
                  <a:gd name="connsiteX2" fmla="*/ 37083 w 530283"/>
                  <a:gd name="connsiteY2" fmla="*/ 664 h 1185064"/>
                  <a:gd name="connsiteX3" fmla="*/ 36607 w 530283"/>
                  <a:gd name="connsiteY3" fmla="*/ 166027 h 1185064"/>
                  <a:gd name="connsiteX4" fmla="*/ 57259 w 530283"/>
                  <a:gd name="connsiteY4" fmla="*/ 285064 h 1185064"/>
                  <a:gd name="connsiteX5" fmla="*/ 141147 w 530283"/>
                  <a:gd name="connsiteY5" fmla="*/ 643976 h 1185064"/>
                  <a:gd name="connsiteX6" fmla="*/ 274683 w 530283"/>
                  <a:gd name="connsiteY6" fmla="*/ 929464 h 1185064"/>
                  <a:gd name="connsiteX7" fmla="*/ 476283 w 530283"/>
                  <a:gd name="connsiteY7" fmla="*/ 1185064 h 1185064"/>
                  <a:gd name="connsiteX0" fmla="*/ 476283 w 530283"/>
                  <a:gd name="connsiteY0" fmla="*/ 1185064 h 1185064"/>
                  <a:gd name="connsiteX1" fmla="*/ 530283 w 530283"/>
                  <a:gd name="connsiteY1" fmla="*/ 234664 h 1185064"/>
                  <a:gd name="connsiteX2" fmla="*/ 37083 w 530283"/>
                  <a:gd name="connsiteY2" fmla="*/ 664 h 1185064"/>
                  <a:gd name="connsiteX3" fmla="*/ 36607 w 530283"/>
                  <a:gd name="connsiteY3" fmla="*/ 166027 h 1185064"/>
                  <a:gd name="connsiteX4" fmla="*/ 57259 w 530283"/>
                  <a:gd name="connsiteY4" fmla="*/ 285064 h 1185064"/>
                  <a:gd name="connsiteX5" fmla="*/ 89362 w 530283"/>
                  <a:gd name="connsiteY5" fmla="*/ 459941 h 1185064"/>
                  <a:gd name="connsiteX6" fmla="*/ 141147 w 530283"/>
                  <a:gd name="connsiteY6" fmla="*/ 643976 h 1185064"/>
                  <a:gd name="connsiteX7" fmla="*/ 274683 w 530283"/>
                  <a:gd name="connsiteY7" fmla="*/ 929464 h 1185064"/>
                  <a:gd name="connsiteX8" fmla="*/ 476283 w 530283"/>
                  <a:gd name="connsiteY8" fmla="*/ 1185064 h 1185064"/>
                  <a:gd name="connsiteX0" fmla="*/ 476283 w 530283"/>
                  <a:gd name="connsiteY0" fmla="*/ 1185064 h 1185064"/>
                  <a:gd name="connsiteX1" fmla="*/ 530283 w 530283"/>
                  <a:gd name="connsiteY1" fmla="*/ 234664 h 1185064"/>
                  <a:gd name="connsiteX2" fmla="*/ 37083 w 530283"/>
                  <a:gd name="connsiteY2" fmla="*/ 664 h 1185064"/>
                  <a:gd name="connsiteX3" fmla="*/ 36607 w 530283"/>
                  <a:gd name="connsiteY3" fmla="*/ 166027 h 1185064"/>
                  <a:gd name="connsiteX4" fmla="*/ 57259 w 530283"/>
                  <a:gd name="connsiteY4" fmla="*/ 285064 h 1185064"/>
                  <a:gd name="connsiteX5" fmla="*/ 89362 w 530283"/>
                  <a:gd name="connsiteY5" fmla="*/ 459941 h 1185064"/>
                  <a:gd name="connsiteX6" fmla="*/ 141147 w 530283"/>
                  <a:gd name="connsiteY6" fmla="*/ 643976 h 1185064"/>
                  <a:gd name="connsiteX7" fmla="*/ 194870 w 530283"/>
                  <a:gd name="connsiteY7" fmla="*/ 781488 h 1185064"/>
                  <a:gd name="connsiteX8" fmla="*/ 274683 w 530283"/>
                  <a:gd name="connsiteY8" fmla="*/ 929464 h 1185064"/>
                  <a:gd name="connsiteX9" fmla="*/ 476283 w 530283"/>
                  <a:gd name="connsiteY9" fmla="*/ 1185064 h 1185064"/>
                  <a:gd name="connsiteX0" fmla="*/ 476283 w 530283"/>
                  <a:gd name="connsiteY0" fmla="*/ 1185064 h 1227450"/>
                  <a:gd name="connsiteX1" fmla="*/ 530283 w 530283"/>
                  <a:gd name="connsiteY1" fmla="*/ 234664 h 1227450"/>
                  <a:gd name="connsiteX2" fmla="*/ 37083 w 530283"/>
                  <a:gd name="connsiteY2" fmla="*/ 664 h 1227450"/>
                  <a:gd name="connsiteX3" fmla="*/ 36607 w 530283"/>
                  <a:gd name="connsiteY3" fmla="*/ 166027 h 1227450"/>
                  <a:gd name="connsiteX4" fmla="*/ 57259 w 530283"/>
                  <a:gd name="connsiteY4" fmla="*/ 285064 h 1227450"/>
                  <a:gd name="connsiteX5" fmla="*/ 89362 w 530283"/>
                  <a:gd name="connsiteY5" fmla="*/ 459941 h 1227450"/>
                  <a:gd name="connsiteX6" fmla="*/ 141147 w 530283"/>
                  <a:gd name="connsiteY6" fmla="*/ 643976 h 1227450"/>
                  <a:gd name="connsiteX7" fmla="*/ 194870 w 530283"/>
                  <a:gd name="connsiteY7" fmla="*/ 781488 h 1227450"/>
                  <a:gd name="connsiteX8" fmla="*/ 274683 w 530283"/>
                  <a:gd name="connsiteY8" fmla="*/ 929464 h 1227450"/>
                  <a:gd name="connsiteX9" fmla="*/ 355643 w 530283"/>
                  <a:gd name="connsiteY9" fmla="*/ 1050282 h 1227450"/>
                  <a:gd name="connsiteX10" fmla="*/ 476283 w 530283"/>
                  <a:gd name="connsiteY10" fmla="*/ 1185064 h 1227450"/>
                  <a:gd name="connsiteX0" fmla="*/ 476283 w 530283"/>
                  <a:gd name="connsiteY0" fmla="*/ 1185064 h 1185064"/>
                  <a:gd name="connsiteX1" fmla="*/ 530283 w 530283"/>
                  <a:gd name="connsiteY1" fmla="*/ 234664 h 1185064"/>
                  <a:gd name="connsiteX2" fmla="*/ 37083 w 530283"/>
                  <a:gd name="connsiteY2" fmla="*/ 664 h 1185064"/>
                  <a:gd name="connsiteX3" fmla="*/ 36607 w 530283"/>
                  <a:gd name="connsiteY3" fmla="*/ 166027 h 1185064"/>
                  <a:gd name="connsiteX4" fmla="*/ 57259 w 530283"/>
                  <a:gd name="connsiteY4" fmla="*/ 285064 h 1185064"/>
                  <a:gd name="connsiteX5" fmla="*/ 89362 w 530283"/>
                  <a:gd name="connsiteY5" fmla="*/ 459941 h 1185064"/>
                  <a:gd name="connsiteX6" fmla="*/ 141147 w 530283"/>
                  <a:gd name="connsiteY6" fmla="*/ 643976 h 1185064"/>
                  <a:gd name="connsiteX7" fmla="*/ 194870 w 530283"/>
                  <a:gd name="connsiteY7" fmla="*/ 781488 h 1185064"/>
                  <a:gd name="connsiteX8" fmla="*/ 274683 w 530283"/>
                  <a:gd name="connsiteY8" fmla="*/ 929464 h 1185064"/>
                  <a:gd name="connsiteX9" fmla="*/ 355643 w 530283"/>
                  <a:gd name="connsiteY9" fmla="*/ 1050282 h 1185064"/>
                  <a:gd name="connsiteX10" fmla="*/ 476283 w 530283"/>
                  <a:gd name="connsiteY10" fmla="*/ 1185064 h 1185064"/>
                  <a:gd name="connsiteX0" fmla="*/ 442045 w 496045"/>
                  <a:gd name="connsiteY0" fmla="*/ 1184400 h 1184400"/>
                  <a:gd name="connsiteX1" fmla="*/ 496045 w 496045"/>
                  <a:gd name="connsiteY1" fmla="*/ 234000 h 1184400"/>
                  <a:gd name="connsiteX2" fmla="*/ 2845 w 496045"/>
                  <a:gd name="connsiteY2" fmla="*/ 0 h 1184400"/>
                  <a:gd name="connsiteX3" fmla="*/ 2369 w 496045"/>
                  <a:gd name="connsiteY3" fmla="*/ 165363 h 1184400"/>
                  <a:gd name="connsiteX4" fmla="*/ 23021 w 496045"/>
                  <a:gd name="connsiteY4" fmla="*/ 284400 h 1184400"/>
                  <a:gd name="connsiteX5" fmla="*/ 55124 w 496045"/>
                  <a:gd name="connsiteY5" fmla="*/ 459277 h 1184400"/>
                  <a:gd name="connsiteX6" fmla="*/ 106909 w 496045"/>
                  <a:gd name="connsiteY6" fmla="*/ 643312 h 1184400"/>
                  <a:gd name="connsiteX7" fmla="*/ 160632 w 496045"/>
                  <a:gd name="connsiteY7" fmla="*/ 780824 h 1184400"/>
                  <a:gd name="connsiteX8" fmla="*/ 240445 w 496045"/>
                  <a:gd name="connsiteY8" fmla="*/ 928800 h 1184400"/>
                  <a:gd name="connsiteX9" fmla="*/ 321405 w 496045"/>
                  <a:gd name="connsiteY9" fmla="*/ 1049618 h 1184400"/>
                  <a:gd name="connsiteX10" fmla="*/ 442045 w 496045"/>
                  <a:gd name="connsiteY10" fmla="*/ 1184400 h 1184400"/>
                  <a:gd name="connsiteX0" fmla="*/ 471064 w 525064"/>
                  <a:gd name="connsiteY0" fmla="*/ 1236952 h 1236952"/>
                  <a:gd name="connsiteX1" fmla="*/ 525064 w 525064"/>
                  <a:gd name="connsiteY1" fmla="*/ 286552 h 1236952"/>
                  <a:gd name="connsiteX2" fmla="*/ 333 w 525064"/>
                  <a:gd name="connsiteY2" fmla="*/ 0 h 1236952"/>
                  <a:gd name="connsiteX3" fmla="*/ 31388 w 525064"/>
                  <a:gd name="connsiteY3" fmla="*/ 217915 h 1236952"/>
                  <a:gd name="connsiteX4" fmla="*/ 52040 w 525064"/>
                  <a:gd name="connsiteY4" fmla="*/ 336952 h 1236952"/>
                  <a:gd name="connsiteX5" fmla="*/ 84143 w 525064"/>
                  <a:gd name="connsiteY5" fmla="*/ 511829 h 1236952"/>
                  <a:gd name="connsiteX6" fmla="*/ 135928 w 525064"/>
                  <a:gd name="connsiteY6" fmla="*/ 695864 h 1236952"/>
                  <a:gd name="connsiteX7" fmla="*/ 189651 w 525064"/>
                  <a:gd name="connsiteY7" fmla="*/ 833376 h 1236952"/>
                  <a:gd name="connsiteX8" fmla="*/ 269464 w 525064"/>
                  <a:gd name="connsiteY8" fmla="*/ 981352 h 1236952"/>
                  <a:gd name="connsiteX9" fmla="*/ 350424 w 525064"/>
                  <a:gd name="connsiteY9" fmla="*/ 1102170 h 1236952"/>
                  <a:gd name="connsiteX10" fmla="*/ 471064 w 525064"/>
                  <a:gd name="connsiteY10" fmla="*/ 1236952 h 1236952"/>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35928 w 525064"/>
                  <a:gd name="connsiteY6" fmla="*/ 695864 h 1128345"/>
                  <a:gd name="connsiteX7" fmla="*/ 189651 w 525064"/>
                  <a:gd name="connsiteY7" fmla="*/ 833376 h 1128345"/>
                  <a:gd name="connsiteX8" fmla="*/ 269464 w 525064"/>
                  <a:gd name="connsiteY8" fmla="*/ 981352 h 1128345"/>
                  <a:gd name="connsiteX9" fmla="*/ 350424 w 525064"/>
                  <a:gd name="connsiteY9" fmla="*/ 1102170 h 1128345"/>
                  <a:gd name="connsiteX10" fmla="*/ 485078 w 525064"/>
                  <a:gd name="connsiteY10" fmla="*/ 1128345 h 1128345"/>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56949 w 525064"/>
                  <a:gd name="connsiteY6" fmla="*/ 625795 h 1128345"/>
                  <a:gd name="connsiteX7" fmla="*/ 189651 w 525064"/>
                  <a:gd name="connsiteY7" fmla="*/ 833376 h 1128345"/>
                  <a:gd name="connsiteX8" fmla="*/ 269464 w 525064"/>
                  <a:gd name="connsiteY8" fmla="*/ 981352 h 1128345"/>
                  <a:gd name="connsiteX9" fmla="*/ 350424 w 525064"/>
                  <a:gd name="connsiteY9" fmla="*/ 1102170 h 1128345"/>
                  <a:gd name="connsiteX10" fmla="*/ 485078 w 525064"/>
                  <a:gd name="connsiteY10" fmla="*/ 1128345 h 1128345"/>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56949 w 525064"/>
                  <a:gd name="connsiteY6" fmla="*/ 625795 h 1128345"/>
                  <a:gd name="connsiteX7" fmla="*/ 189651 w 525064"/>
                  <a:gd name="connsiteY7" fmla="*/ 833376 h 1128345"/>
                  <a:gd name="connsiteX8" fmla="*/ 269464 w 525064"/>
                  <a:gd name="connsiteY8" fmla="*/ 981352 h 1128345"/>
                  <a:gd name="connsiteX9" fmla="*/ 374948 w 525064"/>
                  <a:gd name="connsiteY9" fmla="*/ 1011080 h 1128345"/>
                  <a:gd name="connsiteX10" fmla="*/ 485078 w 525064"/>
                  <a:gd name="connsiteY10" fmla="*/ 1128345 h 1128345"/>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56949 w 525064"/>
                  <a:gd name="connsiteY6" fmla="*/ 625795 h 1128345"/>
                  <a:gd name="connsiteX7" fmla="*/ 189651 w 525064"/>
                  <a:gd name="connsiteY7" fmla="*/ 833376 h 1128345"/>
                  <a:gd name="connsiteX8" fmla="*/ 325519 w 525064"/>
                  <a:gd name="connsiteY8" fmla="*/ 935808 h 1128345"/>
                  <a:gd name="connsiteX9" fmla="*/ 374948 w 525064"/>
                  <a:gd name="connsiteY9" fmla="*/ 1011080 h 1128345"/>
                  <a:gd name="connsiteX10" fmla="*/ 485078 w 525064"/>
                  <a:gd name="connsiteY10" fmla="*/ 1128345 h 1128345"/>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56949 w 525064"/>
                  <a:gd name="connsiteY6" fmla="*/ 625795 h 1128345"/>
                  <a:gd name="connsiteX7" fmla="*/ 242203 w 525064"/>
                  <a:gd name="connsiteY7" fmla="*/ 819363 h 1128345"/>
                  <a:gd name="connsiteX8" fmla="*/ 325519 w 525064"/>
                  <a:gd name="connsiteY8" fmla="*/ 935808 h 1128345"/>
                  <a:gd name="connsiteX9" fmla="*/ 374948 w 525064"/>
                  <a:gd name="connsiteY9" fmla="*/ 1011080 h 1128345"/>
                  <a:gd name="connsiteX10" fmla="*/ 485078 w 525064"/>
                  <a:gd name="connsiteY10" fmla="*/ 1128345 h 1128345"/>
                  <a:gd name="connsiteX0" fmla="*/ 485078 w 525064"/>
                  <a:gd name="connsiteY0" fmla="*/ 1128345 h 1128345"/>
                  <a:gd name="connsiteX1" fmla="*/ 525064 w 525064"/>
                  <a:gd name="connsiteY1" fmla="*/ 286552 h 1128345"/>
                  <a:gd name="connsiteX2" fmla="*/ 333 w 525064"/>
                  <a:gd name="connsiteY2" fmla="*/ 0 h 1128345"/>
                  <a:gd name="connsiteX3" fmla="*/ 31388 w 525064"/>
                  <a:gd name="connsiteY3" fmla="*/ 217915 h 1128345"/>
                  <a:gd name="connsiteX4" fmla="*/ 52040 w 525064"/>
                  <a:gd name="connsiteY4" fmla="*/ 336952 h 1128345"/>
                  <a:gd name="connsiteX5" fmla="*/ 84143 w 525064"/>
                  <a:gd name="connsiteY5" fmla="*/ 511829 h 1128345"/>
                  <a:gd name="connsiteX6" fmla="*/ 156949 w 525064"/>
                  <a:gd name="connsiteY6" fmla="*/ 625795 h 1128345"/>
                  <a:gd name="connsiteX7" fmla="*/ 177114 w 525064"/>
                  <a:gd name="connsiteY7" fmla="*/ 742351 h 1128345"/>
                  <a:gd name="connsiteX8" fmla="*/ 242203 w 525064"/>
                  <a:gd name="connsiteY8" fmla="*/ 819363 h 1128345"/>
                  <a:gd name="connsiteX9" fmla="*/ 325519 w 525064"/>
                  <a:gd name="connsiteY9" fmla="*/ 935808 h 1128345"/>
                  <a:gd name="connsiteX10" fmla="*/ 374948 w 525064"/>
                  <a:gd name="connsiteY10" fmla="*/ 1011080 h 1128345"/>
                  <a:gd name="connsiteX11" fmla="*/ 485078 w 525064"/>
                  <a:gd name="connsiteY11" fmla="*/ 1128345 h 1128345"/>
                  <a:gd name="connsiteX0" fmla="*/ 485011 w 524997"/>
                  <a:gd name="connsiteY0" fmla="*/ 1128345 h 1128345"/>
                  <a:gd name="connsiteX1" fmla="*/ 524997 w 524997"/>
                  <a:gd name="connsiteY1" fmla="*/ 286552 h 1128345"/>
                  <a:gd name="connsiteX2" fmla="*/ 266 w 524997"/>
                  <a:gd name="connsiteY2" fmla="*/ 0 h 1128345"/>
                  <a:gd name="connsiteX3" fmla="*/ 31321 w 524997"/>
                  <a:gd name="connsiteY3" fmla="*/ 217915 h 1128345"/>
                  <a:gd name="connsiteX4" fmla="*/ 6428 w 524997"/>
                  <a:gd name="connsiteY4" fmla="*/ 340456 h 1128345"/>
                  <a:gd name="connsiteX5" fmla="*/ 84076 w 524997"/>
                  <a:gd name="connsiteY5" fmla="*/ 511829 h 1128345"/>
                  <a:gd name="connsiteX6" fmla="*/ 156882 w 524997"/>
                  <a:gd name="connsiteY6" fmla="*/ 625795 h 1128345"/>
                  <a:gd name="connsiteX7" fmla="*/ 177047 w 524997"/>
                  <a:gd name="connsiteY7" fmla="*/ 742351 h 1128345"/>
                  <a:gd name="connsiteX8" fmla="*/ 242136 w 524997"/>
                  <a:gd name="connsiteY8" fmla="*/ 819363 h 1128345"/>
                  <a:gd name="connsiteX9" fmla="*/ 325452 w 524997"/>
                  <a:gd name="connsiteY9" fmla="*/ 935808 h 1128345"/>
                  <a:gd name="connsiteX10" fmla="*/ 374881 w 524997"/>
                  <a:gd name="connsiteY10" fmla="*/ 1011080 h 1128345"/>
                  <a:gd name="connsiteX11" fmla="*/ 485011 w 524997"/>
                  <a:gd name="connsiteY11" fmla="*/ 1128345 h 1128345"/>
                  <a:gd name="connsiteX0" fmla="*/ 486807 w 526793"/>
                  <a:gd name="connsiteY0" fmla="*/ 1128345 h 1128345"/>
                  <a:gd name="connsiteX1" fmla="*/ 526793 w 526793"/>
                  <a:gd name="connsiteY1" fmla="*/ 286552 h 1128345"/>
                  <a:gd name="connsiteX2" fmla="*/ 2062 w 526793"/>
                  <a:gd name="connsiteY2" fmla="*/ 0 h 1128345"/>
                  <a:gd name="connsiteX3" fmla="*/ 1586 w 526793"/>
                  <a:gd name="connsiteY3" fmla="*/ 217915 h 1128345"/>
                  <a:gd name="connsiteX4" fmla="*/ 8224 w 526793"/>
                  <a:gd name="connsiteY4" fmla="*/ 340456 h 1128345"/>
                  <a:gd name="connsiteX5" fmla="*/ 85872 w 526793"/>
                  <a:gd name="connsiteY5" fmla="*/ 511829 h 1128345"/>
                  <a:gd name="connsiteX6" fmla="*/ 158678 w 526793"/>
                  <a:gd name="connsiteY6" fmla="*/ 625795 h 1128345"/>
                  <a:gd name="connsiteX7" fmla="*/ 178843 w 526793"/>
                  <a:gd name="connsiteY7" fmla="*/ 742351 h 1128345"/>
                  <a:gd name="connsiteX8" fmla="*/ 243932 w 526793"/>
                  <a:gd name="connsiteY8" fmla="*/ 819363 h 1128345"/>
                  <a:gd name="connsiteX9" fmla="*/ 327248 w 526793"/>
                  <a:gd name="connsiteY9" fmla="*/ 935808 h 1128345"/>
                  <a:gd name="connsiteX10" fmla="*/ 376677 w 526793"/>
                  <a:gd name="connsiteY10" fmla="*/ 1011080 h 1128345"/>
                  <a:gd name="connsiteX11" fmla="*/ 486807 w 526793"/>
                  <a:gd name="connsiteY11" fmla="*/ 1128345 h 1128345"/>
                  <a:gd name="connsiteX0" fmla="*/ 522455 w 562441"/>
                  <a:gd name="connsiteY0" fmla="*/ 1132989 h 1132989"/>
                  <a:gd name="connsiteX1" fmla="*/ 562441 w 562441"/>
                  <a:gd name="connsiteY1" fmla="*/ 291196 h 1132989"/>
                  <a:gd name="connsiteX2" fmla="*/ 37710 w 562441"/>
                  <a:gd name="connsiteY2" fmla="*/ 4644 h 1132989"/>
                  <a:gd name="connsiteX3" fmla="*/ 42822 w 562441"/>
                  <a:gd name="connsiteY3" fmla="*/ 123382 h 1132989"/>
                  <a:gd name="connsiteX4" fmla="*/ 37234 w 562441"/>
                  <a:gd name="connsiteY4" fmla="*/ 222559 h 1132989"/>
                  <a:gd name="connsiteX5" fmla="*/ 43872 w 562441"/>
                  <a:gd name="connsiteY5" fmla="*/ 345100 h 1132989"/>
                  <a:gd name="connsiteX6" fmla="*/ 121520 w 562441"/>
                  <a:gd name="connsiteY6" fmla="*/ 516473 h 1132989"/>
                  <a:gd name="connsiteX7" fmla="*/ 194326 w 562441"/>
                  <a:gd name="connsiteY7" fmla="*/ 630439 h 1132989"/>
                  <a:gd name="connsiteX8" fmla="*/ 214491 w 562441"/>
                  <a:gd name="connsiteY8" fmla="*/ 746995 h 1132989"/>
                  <a:gd name="connsiteX9" fmla="*/ 279580 w 562441"/>
                  <a:gd name="connsiteY9" fmla="*/ 824007 h 1132989"/>
                  <a:gd name="connsiteX10" fmla="*/ 362896 w 562441"/>
                  <a:gd name="connsiteY10" fmla="*/ 940452 h 1132989"/>
                  <a:gd name="connsiteX11" fmla="*/ 412325 w 562441"/>
                  <a:gd name="connsiteY11" fmla="*/ 1015724 h 1132989"/>
                  <a:gd name="connsiteX12" fmla="*/ 522455 w 562441"/>
                  <a:gd name="connsiteY12" fmla="*/ 1132989 h 1132989"/>
                  <a:gd name="connsiteX0" fmla="*/ 522455 w 562441"/>
                  <a:gd name="connsiteY0" fmla="*/ 1163834 h 1163834"/>
                  <a:gd name="connsiteX1" fmla="*/ 562441 w 562441"/>
                  <a:gd name="connsiteY1" fmla="*/ 322041 h 1163834"/>
                  <a:gd name="connsiteX2" fmla="*/ 281057 w 562441"/>
                  <a:gd name="connsiteY2" fmla="*/ 17592 h 1163834"/>
                  <a:gd name="connsiteX3" fmla="*/ 37710 w 562441"/>
                  <a:gd name="connsiteY3" fmla="*/ 35489 h 1163834"/>
                  <a:gd name="connsiteX4" fmla="*/ 42822 w 562441"/>
                  <a:gd name="connsiteY4" fmla="*/ 154227 h 1163834"/>
                  <a:gd name="connsiteX5" fmla="*/ 37234 w 562441"/>
                  <a:gd name="connsiteY5" fmla="*/ 253404 h 1163834"/>
                  <a:gd name="connsiteX6" fmla="*/ 43872 w 562441"/>
                  <a:gd name="connsiteY6" fmla="*/ 375945 h 1163834"/>
                  <a:gd name="connsiteX7" fmla="*/ 121520 w 562441"/>
                  <a:gd name="connsiteY7" fmla="*/ 547318 h 1163834"/>
                  <a:gd name="connsiteX8" fmla="*/ 194326 w 562441"/>
                  <a:gd name="connsiteY8" fmla="*/ 661284 h 1163834"/>
                  <a:gd name="connsiteX9" fmla="*/ 214491 w 562441"/>
                  <a:gd name="connsiteY9" fmla="*/ 777840 h 1163834"/>
                  <a:gd name="connsiteX10" fmla="*/ 279580 w 562441"/>
                  <a:gd name="connsiteY10" fmla="*/ 854852 h 1163834"/>
                  <a:gd name="connsiteX11" fmla="*/ 362896 w 562441"/>
                  <a:gd name="connsiteY11" fmla="*/ 971297 h 1163834"/>
                  <a:gd name="connsiteX12" fmla="*/ 412325 w 562441"/>
                  <a:gd name="connsiteY12" fmla="*/ 1046569 h 1163834"/>
                  <a:gd name="connsiteX13" fmla="*/ 522455 w 562441"/>
                  <a:gd name="connsiteY13" fmla="*/ 1163834 h 1163834"/>
                  <a:gd name="connsiteX0" fmla="*/ 522455 w 562441"/>
                  <a:gd name="connsiteY0" fmla="*/ 1150306 h 1150306"/>
                  <a:gd name="connsiteX1" fmla="*/ 562441 w 562441"/>
                  <a:gd name="connsiteY1" fmla="*/ 308513 h 1150306"/>
                  <a:gd name="connsiteX2" fmla="*/ 354629 w 562441"/>
                  <a:gd name="connsiteY2" fmla="*/ 175733 h 1150306"/>
                  <a:gd name="connsiteX3" fmla="*/ 281057 w 562441"/>
                  <a:gd name="connsiteY3" fmla="*/ 4064 h 1150306"/>
                  <a:gd name="connsiteX4" fmla="*/ 37710 w 562441"/>
                  <a:gd name="connsiteY4" fmla="*/ 21961 h 1150306"/>
                  <a:gd name="connsiteX5" fmla="*/ 42822 w 562441"/>
                  <a:gd name="connsiteY5" fmla="*/ 140699 h 1150306"/>
                  <a:gd name="connsiteX6" fmla="*/ 37234 w 562441"/>
                  <a:gd name="connsiteY6" fmla="*/ 239876 h 1150306"/>
                  <a:gd name="connsiteX7" fmla="*/ 43872 w 562441"/>
                  <a:gd name="connsiteY7" fmla="*/ 362417 h 1150306"/>
                  <a:gd name="connsiteX8" fmla="*/ 121520 w 562441"/>
                  <a:gd name="connsiteY8" fmla="*/ 533790 h 1150306"/>
                  <a:gd name="connsiteX9" fmla="*/ 194326 w 562441"/>
                  <a:gd name="connsiteY9" fmla="*/ 647756 h 1150306"/>
                  <a:gd name="connsiteX10" fmla="*/ 214491 w 562441"/>
                  <a:gd name="connsiteY10" fmla="*/ 764312 h 1150306"/>
                  <a:gd name="connsiteX11" fmla="*/ 279580 w 562441"/>
                  <a:gd name="connsiteY11" fmla="*/ 841324 h 1150306"/>
                  <a:gd name="connsiteX12" fmla="*/ 362896 w 562441"/>
                  <a:gd name="connsiteY12" fmla="*/ 957769 h 1150306"/>
                  <a:gd name="connsiteX13" fmla="*/ 412325 w 562441"/>
                  <a:gd name="connsiteY13" fmla="*/ 1033041 h 1150306"/>
                  <a:gd name="connsiteX14" fmla="*/ 522455 w 562441"/>
                  <a:gd name="connsiteY14" fmla="*/ 1150306 h 1150306"/>
                  <a:gd name="connsiteX0" fmla="*/ 522455 w 562441"/>
                  <a:gd name="connsiteY0" fmla="*/ 1192082 h 1192082"/>
                  <a:gd name="connsiteX1" fmla="*/ 562441 w 562441"/>
                  <a:gd name="connsiteY1" fmla="*/ 350289 h 1192082"/>
                  <a:gd name="connsiteX2" fmla="*/ 354629 w 562441"/>
                  <a:gd name="connsiteY2" fmla="*/ 217509 h 1192082"/>
                  <a:gd name="connsiteX3" fmla="*/ 281057 w 562441"/>
                  <a:gd name="connsiteY3" fmla="*/ 45840 h 1192082"/>
                  <a:gd name="connsiteX4" fmla="*/ 154932 w 562441"/>
                  <a:gd name="connsiteY4" fmla="*/ 295 h 1192082"/>
                  <a:gd name="connsiteX5" fmla="*/ 37710 w 562441"/>
                  <a:gd name="connsiteY5" fmla="*/ 63737 h 1192082"/>
                  <a:gd name="connsiteX6" fmla="*/ 42822 w 562441"/>
                  <a:gd name="connsiteY6" fmla="*/ 182475 h 1192082"/>
                  <a:gd name="connsiteX7" fmla="*/ 37234 w 562441"/>
                  <a:gd name="connsiteY7" fmla="*/ 281652 h 1192082"/>
                  <a:gd name="connsiteX8" fmla="*/ 43872 w 562441"/>
                  <a:gd name="connsiteY8" fmla="*/ 404193 h 1192082"/>
                  <a:gd name="connsiteX9" fmla="*/ 121520 w 562441"/>
                  <a:gd name="connsiteY9" fmla="*/ 575566 h 1192082"/>
                  <a:gd name="connsiteX10" fmla="*/ 194326 w 562441"/>
                  <a:gd name="connsiteY10" fmla="*/ 689532 h 1192082"/>
                  <a:gd name="connsiteX11" fmla="*/ 214491 w 562441"/>
                  <a:gd name="connsiteY11" fmla="*/ 806088 h 1192082"/>
                  <a:gd name="connsiteX12" fmla="*/ 279580 w 562441"/>
                  <a:gd name="connsiteY12" fmla="*/ 883100 h 1192082"/>
                  <a:gd name="connsiteX13" fmla="*/ 362896 w 562441"/>
                  <a:gd name="connsiteY13" fmla="*/ 999545 h 1192082"/>
                  <a:gd name="connsiteX14" fmla="*/ 412325 w 562441"/>
                  <a:gd name="connsiteY14" fmla="*/ 1074817 h 1192082"/>
                  <a:gd name="connsiteX15" fmla="*/ 522455 w 562441"/>
                  <a:gd name="connsiteY15" fmla="*/ 1192082 h 1192082"/>
                  <a:gd name="connsiteX0" fmla="*/ 487111 w 527097"/>
                  <a:gd name="connsiteY0" fmla="*/ 1192082 h 1192082"/>
                  <a:gd name="connsiteX1" fmla="*/ 527097 w 527097"/>
                  <a:gd name="connsiteY1" fmla="*/ 350289 h 1192082"/>
                  <a:gd name="connsiteX2" fmla="*/ 319285 w 527097"/>
                  <a:gd name="connsiteY2" fmla="*/ 217509 h 1192082"/>
                  <a:gd name="connsiteX3" fmla="*/ 245713 w 527097"/>
                  <a:gd name="connsiteY3" fmla="*/ 45840 h 1192082"/>
                  <a:gd name="connsiteX4" fmla="*/ 119588 w 527097"/>
                  <a:gd name="connsiteY4" fmla="*/ 295 h 1192082"/>
                  <a:gd name="connsiteX5" fmla="*/ 2366 w 527097"/>
                  <a:gd name="connsiteY5" fmla="*/ 63737 h 1192082"/>
                  <a:gd name="connsiteX6" fmla="*/ 7478 w 527097"/>
                  <a:gd name="connsiteY6" fmla="*/ 182475 h 1192082"/>
                  <a:gd name="connsiteX7" fmla="*/ 1890 w 527097"/>
                  <a:gd name="connsiteY7" fmla="*/ 281652 h 1192082"/>
                  <a:gd name="connsiteX8" fmla="*/ 8528 w 527097"/>
                  <a:gd name="connsiteY8" fmla="*/ 404193 h 1192082"/>
                  <a:gd name="connsiteX9" fmla="*/ 86176 w 527097"/>
                  <a:gd name="connsiteY9" fmla="*/ 575566 h 1192082"/>
                  <a:gd name="connsiteX10" fmla="*/ 158982 w 527097"/>
                  <a:gd name="connsiteY10" fmla="*/ 689532 h 1192082"/>
                  <a:gd name="connsiteX11" fmla="*/ 179147 w 527097"/>
                  <a:gd name="connsiteY11" fmla="*/ 806088 h 1192082"/>
                  <a:gd name="connsiteX12" fmla="*/ 244236 w 527097"/>
                  <a:gd name="connsiteY12" fmla="*/ 883100 h 1192082"/>
                  <a:gd name="connsiteX13" fmla="*/ 327552 w 527097"/>
                  <a:gd name="connsiteY13" fmla="*/ 999545 h 1192082"/>
                  <a:gd name="connsiteX14" fmla="*/ 376981 w 527097"/>
                  <a:gd name="connsiteY14" fmla="*/ 1074817 h 1192082"/>
                  <a:gd name="connsiteX15" fmla="*/ 487111 w 527097"/>
                  <a:gd name="connsiteY15" fmla="*/ 1192082 h 1192082"/>
                  <a:gd name="connsiteX0" fmla="*/ 487111 w 527097"/>
                  <a:gd name="connsiteY0" fmla="*/ 1192082 h 1192082"/>
                  <a:gd name="connsiteX1" fmla="*/ 527097 w 527097"/>
                  <a:gd name="connsiteY1" fmla="*/ 350289 h 1192082"/>
                  <a:gd name="connsiteX2" fmla="*/ 319285 w 527097"/>
                  <a:gd name="connsiteY2" fmla="*/ 217509 h 1192082"/>
                  <a:gd name="connsiteX3" fmla="*/ 245713 w 527097"/>
                  <a:gd name="connsiteY3" fmla="*/ 45840 h 1192082"/>
                  <a:gd name="connsiteX4" fmla="*/ 119588 w 527097"/>
                  <a:gd name="connsiteY4" fmla="*/ 295 h 1192082"/>
                  <a:gd name="connsiteX5" fmla="*/ 2366 w 527097"/>
                  <a:gd name="connsiteY5" fmla="*/ 63737 h 1192082"/>
                  <a:gd name="connsiteX6" fmla="*/ 7478 w 527097"/>
                  <a:gd name="connsiteY6" fmla="*/ 182475 h 1192082"/>
                  <a:gd name="connsiteX7" fmla="*/ 1890 w 527097"/>
                  <a:gd name="connsiteY7" fmla="*/ 281652 h 1192082"/>
                  <a:gd name="connsiteX8" fmla="*/ 8528 w 527097"/>
                  <a:gd name="connsiteY8" fmla="*/ 404193 h 1192082"/>
                  <a:gd name="connsiteX9" fmla="*/ 86176 w 527097"/>
                  <a:gd name="connsiteY9" fmla="*/ 575566 h 1192082"/>
                  <a:gd name="connsiteX10" fmla="*/ 158982 w 527097"/>
                  <a:gd name="connsiteY10" fmla="*/ 689532 h 1192082"/>
                  <a:gd name="connsiteX11" fmla="*/ 179147 w 527097"/>
                  <a:gd name="connsiteY11" fmla="*/ 806088 h 1192082"/>
                  <a:gd name="connsiteX12" fmla="*/ 244236 w 527097"/>
                  <a:gd name="connsiteY12" fmla="*/ 883100 h 1192082"/>
                  <a:gd name="connsiteX13" fmla="*/ 327552 w 527097"/>
                  <a:gd name="connsiteY13" fmla="*/ 999545 h 1192082"/>
                  <a:gd name="connsiteX14" fmla="*/ 376981 w 527097"/>
                  <a:gd name="connsiteY14" fmla="*/ 1074817 h 1192082"/>
                  <a:gd name="connsiteX15" fmla="*/ 487111 w 527097"/>
                  <a:gd name="connsiteY15" fmla="*/ 1192082 h 1192082"/>
                  <a:gd name="connsiteX0" fmla="*/ 487111 w 527097"/>
                  <a:gd name="connsiteY0" fmla="*/ 1192082 h 1192082"/>
                  <a:gd name="connsiteX1" fmla="*/ 527097 w 527097"/>
                  <a:gd name="connsiteY1" fmla="*/ 350289 h 1192082"/>
                  <a:gd name="connsiteX2" fmla="*/ 413878 w 527097"/>
                  <a:gd name="connsiteY2" fmla="*/ 294585 h 1192082"/>
                  <a:gd name="connsiteX3" fmla="*/ 319285 w 527097"/>
                  <a:gd name="connsiteY3" fmla="*/ 217509 h 1192082"/>
                  <a:gd name="connsiteX4" fmla="*/ 245713 w 527097"/>
                  <a:gd name="connsiteY4" fmla="*/ 45840 h 1192082"/>
                  <a:gd name="connsiteX5" fmla="*/ 119588 w 527097"/>
                  <a:gd name="connsiteY5" fmla="*/ 295 h 1192082"/>
                  <a:gd name="connsiteX6" fmla="*/ 2366 w 527097"/>
                  <a:gd name="connsiteY6" fmla="*/ 63737 h 1192082"/>
                  <a:gd name="connsiteX7" fmla="*/ 7478 w 527097"/>
                  <a:gd name="connsiteY7" fmla="*/ 182475 h 1192082"/>
                  <a:gd name="connsiteX8" fmla="*/ 1890 w 527097"/>
                  <a:gd name="connsiteY8" fmla="*/ 281652 h 1192082"/>
                  <a:gd name="connsiteX9" fmla="*/ 8528 w 527097"/>
                  <a:gd name="connsiteY9" fmla="*/ 404193 h 1192082"/>
                  <a:gd name="connsiteX10" fmla="*/ 86176 w 527097"/>
                  <a:gd name="connsiteY10" fmla="*/ 575566 h 1192082"/>
                  <a:gd name="connsiteX11" fmla="*/ 158982 w 527097"/>
                  <a:gd name="connsiteY11" fmla="*/ 689532 h 1192082"/>
                  <a:gd name="connsiteX12" fmla="*/ 179147 w 527097"/>
                  <a:gd name="connsiteY12" fmla="*/ 806088 h 1192082"/>
                  <a:gd name="connsiteX13" fmla="*/ 244236 w 527097"/>
                  <a:gd name="connsiteY13" fmla="*/ 883100 h 1192082"/>
                  <a:gd name="connsiteX14" fmla="*/ 327552 w 527097"/>
                  <a:gd name="connsiteY14" fmla="*/ 999545 h 1192082"/>
                  <a:gd name="connsiteX15" fmla="*/ 376981 w 527097"/>
                  <a:gd name="connsiteY15" fmla="*/ 1074817 h 1192082"/>
                  <a:gd name="connsiteX16" fmla="*/ 487111 w 527097"/>
                  <a:gd name="connsiteY16" fmla="*/ 1192082 h 1192082"/>
                  <a:gd name="connsiteX0" fmla="*/ 487111 w 527097"/>
                  <a:gd name="connsiteY0" fmla="*/ 1192082 h 1192082"/>
                  <a:gd name="connsiteX1" fmla="*/ 527097 w 527097"/>
                  <a:gd name="connsiteY1" fmla="*/ 350289 h 1192082"/>
                  <a:gd name="connsiteX2" fmla="*/ 413878 w 527097"/>
                  <a:gd name="connsiteY2" fmla="*/ 294585 h 1192082"/>
                  <a:gd name="connsiteX3" fmla="*/ 319285 w 527097"/>
                  <a:gd name="connsiteY3" fmla="*/ 217509 h 1192082"/>
                  <a:gd name="connsiteX4" fmla="*/ 245713 w 527097"/>
                  <a:gd name="connsiteY4" fmla="*/ 45840 h 1192082"/>
                  <a:gd name="connsiteX5" fmla="*/ 119588 w 527097"/>
                  <a:gd name="connsiteY5" fmla="*/ 295 h 1192082"/>
                  <a:gd name="connsiteX6" fmla="*/ 2366 w 527097"/>
                  <a:gd name="connsiteY6" fmla="*/ 63737 h 1192082"/>
                  <a:gd name="connsiteX7" fmla="*/ 7478 w 527097"/>
                  <a:gd name="connsiteY7" fmla="*/ 182475 h 1192082"/>
                  <a:gd name="connsiteX8" fmla="*/ 1890 w 527097"/>
                  <a:gd name="connsiteY8" fmla="*/ 281652 h 1192082"/>
                  <a:gd name="connsiteX9" fmla="*/ 8528 w 527097"/>
                  <a:gd name="connsiteY9" fmla="*/ 404193 h 1192082"/>
                  <a:gd name="connsiteX10" fmla="*/ 86176 w 527097"/>
                  <a:gd name="connsiteY10" fmla="*/ 575566 h 1192082"/>
                  <a:gd name="connsiteX11" fmla="*/ 158982 w 527097"/>
                  <a:gd name="connsiteY11" fmla="*/ 689532 h 1192082"/>
                  <a:gd name="connsiteX12" fmla="*/ 179147 w 527097"/>
                  <a:gd name="connsiteY12" fmla="*/ 806088 h 1192082"/>
                  <a:gd name="connsiteX13" fmla="*/ 244236 w 527097"/>
                  <a:gd name="connsiteY13" fmla="*/ 883100 h 1192082"/>
                  <a:gd name="connsiteX14" fmla="*/ 327552 w 527097"/>
                  <a:gd name="connsiteY14" fmla="*/ 999545 h 1192082"/>
                  <a:gd name="connsiteX15" fmla="*/ 376981 w 527097"/>
                  <a:gd name="connsiteY15" fmla="*/ 1074817 h 1192082"/>
                  <a:gd name="connsiteX16" fmla="*/ 487111 w 527097"/>
                  <a:gd name="connsiteY16" fmla="*/ 1192082 h 1192082"/>
                  <a:gd name="connsiteX0" fmla="*/ 494118 w 527097"/>
                  <a:gd name="connsiteY0" fmla="*/ 1192082 h 1192082"/>
                  <a:gd name="connsiteX1" fmla="*/ 527097 w 527097"/>
                  <a:gd name="connsiteY1" fmla="*/ 350289 h 1192082"/>
                  <a:gd name="connsiteX2" fmla="*/ 413878 w 527097"/>
                  <a:gd name="connsiteY2" fmla="*/ 294585 h 1192082"/>
                  <a:gd name="connsiteX3" fmla="*/ 319285 w 527097"/>
                  <a:gd name="connsiteY3" fmla="*/ 217509 h 1192082"/>
                  <a:gd name="connsiteX4" fmla="*/ 245713 w 527097"/>
                  <a:gd name="connsiteY4" fmla="*/ 45840 h 1192082"/>
                  <a:gd name="connsiteX5" fmla="*/ 119588 w 527097"/>
                  <a:gd name="connsiteY5" fmla="*/ 295 h 1192082"/>
                  <a:gd name="connsiteX6" fmla="*/ 2366 w 527097"/>
                  <a:gd name="connsiteY6" fmla="*/ 63737 h 1192082"/>
                  <a:gd name="connsiteX7" fmla="*/ 7478 w 527097"/>
                  <a:gd name="connsiteY7" fmla="*/ 182475 h 1192082"/>
                  <a:gd name="connsiteX8" fmla="*/ 1890 w 527097"/>
                  <a:gd name="connsiteY8" fmla="*/ 281652 h 1192082"/>
                  <a:gd name="connsiteX9" fmla="*/ 8528 w 527097"/>
                  <a:gd name="connsiteY9" fmla="*/ 404193 h 1192082"/>
                  <a:gd name="connsiteX10" fmla="*/ 86176 w 527097"/>
                  <a:gd name="connsiteY10" fmla="*/ 575566 h 1192082"/>
                  <a:gd name="connsiteX11" fmla="*/ 158982 w 527097"/>
                  <a:gd name="connsiteY11" fmla="*/ 689532 h 1192082"/>
                  <a:gd name="connsiteX12" fmla="*/ 179147 w 527097"/>
                  <a:gd name="connsiteY12" fmla="*/ 806088 h 1192082"/>
                  <a:gd name="connsiteX13" fmla="*/ 244236 w 527097"/>
                  <a:gd name="connsiteY13" fmla="*/ 883100 h 1192082"/>
                  <a:gd name="connsiteX14" fmla="*/ 327552 w 527097"/>
                  <a:gd name="connsiteY14" fmla="*/ 999545 h 1192082"/>
                  <a:gd name="connsiteX15" fmla="*/ 376981 w 527097"/>
                  <a:gd name="connsiteY15" fmla="*/ 1074817 h 1192082"/>
                  <a:gd name="connsiteX16" fmla="*/ 494118 w 527097"/>
                  <a:gd name="connsiteY16" fmla="*/ 1192082 h 1192082"/>
                  <a:gd name="connsiteX0" fmla="*/ 494118 w 614357"/>
                  <a:gd name="connsiteY0" fmla="*/ 1192082 h 1192082"/>
                  <a:gd name="connsiteX1" fmla="*/ 614357 w 614357"/>
                  <a:gd name="connsiteY1" fmla="*/ 194737 h 1192082"/>
                  <a:gd name="connsiteX2" fmla="*/ 413878 w 614357"/>
                  <a:gd name="connsiteY2" fmla="*/ 294585 h 1192082"/>
                  <a:gd name="connsiteX3" fmla="*/ 319285 w 614357"/>
                  <a:gd name="connsiteY3" fmla="*/ 217509 h 1192082"/>
                  <a:gd name="connsiteX4" fmla="*/ 245713 w 614357"/>
                  <a:gd name="connsiteY4" fmla="*/ 45840 h 1192082"/>
                  <a:gd name="connsiteX5" fmla="*/ 119588 w 614357"/>
                  <a:gd name="connsiteY5" fmla="*/ 295 h 1192082"/>
                  <a:gd name="connsiteX6" fmla="*/ 2366 w 614357"/>
                  <a:gd name="connsiteY6" fmla="*/ 63737 h 1192082"/>
                  <a:gd name="connsiteX7" fmla="*/ 7478 w 614357"/>
                  <a:gd name="connsiteY7" fmla="*/ 182475 h 1192082"/>
                  <a:gd name="connsiteX8" fmla="*/ 1890 w 614357"/>
                  <a:gd name="connsiteY8" fmla="*/ 281652 h 1192082"/>
                  <a:gd name="connsiteX9" fmla="*/ 8528 w 614357"/>
                  <a:gd name="connsiteY9" fmla="*/ 404193 h 1192082"/>
                  <a:gd name="connsiteX10" fmla="*/ 86176 w 614357"/>
                  <a:gd name="connsiteY10" fmla="*/ 575566 h 1192082"/>
                  <a:gd name="connsiteX11" fmla="*/ 158982 w 614357"/>
                  <a:gd name="connsiteY11" fmla="*/ 689532 h 1192082"/>
                  <a:gd name="connsiteX12" fmla="*/ 179147 w 614357"/>
                  <a:gd name="connsiteY12" fmla="*/ 806088 h 1192082"/>
                  <a:gd name="connsiteX13" fmla="*/ 244236 w 614357"/>
                  <a:gd name="connsiteY13" fmla="*/ 883100 h 1192082"/>
                  <a:gd name="connsiteX14" fmla="*/ 327552 w 614357"/>
                  <a:gd name="connsiteY14" fmla="*/ 999545 h 1192082"/>
                  <a:gd name="connsiteX15" fmla="*/ 376981 w 614357"/>
                  <a:gd name="connsiteY15" fmla="*/ 1074817 h 1192082"/>
                  <a:gd name="connsiteX16" fmla="*/ 494118 w 614357"/>
                  <a:gd name="connsiteY16" fmla="*/ 1192082 h 1192082"/>
                  <a:gd name="connsiteX0" fmla="*/ 494118 w 614357"/>
                  <a:gd name="connsiteY0" fmla="*/ 1192082 h 1192082"/>
                  <a:gd name="connsiteX1" fmla="*/ 614357 w 614357"/>
                  <a:gd name="connsiteY1" fmla="*/ 194737 h 1192082"/>
                  <a:gd name="connsiteX2" fmla="*/ 475473 w 614357"/>
                  <a:gd name="connsiteY2" fmla="*/ 66682 h 1192082"/>
                  <a:gd name="connsiteX3" fmla="*/ 319285 w 614357"/>
                  <a:gd name="connsiteY3" fmla="*/ 217509 h 1192082"/>
                  <a:gd name="connsiteX4" fmla="*/ 245713 w 614357"/>
                  <a:gd name="connsiteY4" fmla="*/ 45840 h 1192082"/>
                  <a:gd name="connsiteX5" fmla="*/ 119588 w 614357"/>
                  <a:gd name="connsiteY5" fmla="*/ 295 h 1192082"/>
                  <a:gd name="connsiteX6" fmla="*/ 2366 w 614357"/>
                  <a:gd name="connsiteY6" fmla="*/ 63737 h 1192082"/>
                  <a:gd name="connsiteX7" fmla="*/ 7478 w 614357"/>
                  <a:gd name="connsiteY7" fmla="*/ 182475 h 1192082"/>
                  <a:gd name="connsiteX8" fmla="*/ 1890 w 614357"/>
                  <a:gd name="connsiteY8" fmla="*/ 281652 h 1192082"/>
                  <a:gd name="connsiteX9" fmla="*/ 8528 w 614357"/>
                  <a:gd name="connsiteY9" fmla="*/ 404193 h 1192082"/>
                  <a:gd name="connsiteX10" fmla="*/ 86176 w 614357"/>
                  <a:gd name="connsiteY10" fmla="*/ 575566 h 1192082"/>
                  <a:gd name="connsiteX11" fmla="*/ 158982 w 614357"/>
                  <a:gd name="connsiteY11" fmla="*/ 689532 h 1192082"/>
                  <a:gd name="connsiteX12" fmla="*/ 179147 w 614357"/>
                  <a:gd name="connsiteY12" fmla="*/ 806088 h 1192082"/>
                  <a:gd name="connsiteX13" fmla="*/ 244236 w 614357"/>
                  <a:gd name="connsiteY13" fmla="*/ 883100 h 1192082"/>
                  <a:gd name="connsiteX14" fmla="*/ 327552 w 614357"/>
                  <a:gd name="connsiteY14" fmla="*/ 999545 h 1192082"/>
                  <a:gd name="connsiteX15" fmla="*/ 376981 w 614357"/>
                  <a:gd name="connsiteY15" fmla="*/ 1074817 h 1192082"/>
                  <a:gd name="connsiteX16" fmla="*/ 494118 w 614357"/>
                  <a:gd name="connsiteY16" fmla="*/ 1192082 h 1192082"/>
                  <a:gd name="connsiteX0" fmla="*/ 494118 w 614357"/>
                  <a:gd name="connsiteY0" fmla="*/ 1191950 h 1191950"/>
                  <a:gd name="connsiteX1" fmla="*/ 614357 w 614357"/>
                  <a:gd name="connsiteY1" fmla="*/ 194605 h 1191950"/>
                  <a:gd name="connsiteX2" fmla="*/ 475473 w 614357"/>
                  <a:gd name="connsiteY2" fmla="*/ 66550 h 1191950"/>
                  <a:gd name="connsiteX3" fmla="*/ 360351 w 614357"/>
                  <a:gd name="connsiteY3" fmla="*/ 58207 h 1191950"/>
                  <a:gd name="connsiteX4" fmla="*/ 245713 w 614357"/>
                  <a:gd name="connsiteY4" fmla="*/ 45708 h 1191950"/>
                  <a:gd name="connsiteX5" fmla="*/ 119588 w 614357"/>
                  <a:gd name="connsiteY5" fmla="*/ 163 h 1191950"/>
                  <a:gd name="connsiteX6" fmla="*/ 2366 w 614357"/>
                  <a:gd name="connsiteY6" fmla="*/ 63605 h 1191950"/>
                  <a:gd name="connsiteX7" fmla="*/ 7478 w 614357"/>
                  <a:gd name="connsiteY7" fmla="*/ 182343 h 1191950"/>
                  <a:gd name="connsiteX8" fmla="*/ 1890 w 614357"/>
                  <a:gd name="connsiteY8" fmla="*/ 281520 h 1191950"/>
                  <a:gd name="connsiteX9" fmla="*/ 8528 w 614357"/>
                  <a:gd name="connsiteY9" fmla="*/ 404061 h 1191950"/>
                  <a:gd name="connsiteX10" fmla="*/ 86176 w 614357"/>
                  <a:gd name="connsiteY10" fmla="*/ 575434 h 1191950"/>
                  <a:gd name="connsiteX11" fmla="*/ 158982 w 614357"/>
                  <a:gd name="connsiteY11" fmla="*/ 689400 h 1191950"/>
                  <a:gd name="connsiteX12" fmla="*/ 179147 w 614357"/>
                  <a:gd name="connsiteY12" fmla="*/ 805956 h 1191950"/>
                  <a:gd name="connsiteX13" fmla="*/ 244236 w 614357"/>
                  <a:gd name="connsiteY13" fmla="*/ 882968 h 1191950"/>
                  <a:gd name="connsiteX14" fmla="*/ 327552 w 614357"/>
                  <a:gd name="connsiteY14" fmla="*/ 999413 h 1191950"/>
                  <a:gd name="connsiteX15" fmla="*/ 376981 w 614357"/>
                  <a:gd name="connsiteY15" fmla="*/ 1074685 h 1191950"/>
                  <a:gd name="connsiteX16" fmla="*/ 494118 w 614357"/>
                  <a:gd name="connsiteY16" fmla="*/ 1191950 h 1191950"/>
                  <a:gd name="connsiteX0" fmla="*/ 494118 w 614357"/>
                  <a:gd name="connsiteY0" fmla="*/ 1206383 h 1206383"/>
                  <a:gd name="connsiteX1" fmla="*/ 614357 w 614357"/>
                  <a:gd name="connsiteY1" fmla="*/ 209038 h 1206383"/>
                  <a:gd name="connsiteX2" fmla="*/ 475473 w 614357"/>
                  <a:gd name="connsiteY2" fmla="*/ 80983 h 1206383"/>
                  <a:gd name="connsiteX3" fmla="*/ 360351 w 614357"/>
                  <a:gd name="connsiteY3" fmla="*/ 72640 h 1206383"/>
                  <a:gd name="connsiteX4" fmla="*/ 245713 w 614357"/>
                  <a:gd name="connsiteY4" fmla="*/ 60141 h 1206383"/>
                  <a:gd name="connsiteX5" fmla="*/ 83659 w 614357"/>
                  <a:gd name="connsiteY5" fmla="*/ 125 h 1206383"/>
                  <a:gd name="connsiteX6" fmla="*/ 2366 w 614357"/>
                  <a:gd name="connsiteY6" fmla="*/ 78038 h 1206383"/>
                  <a:gd name="connsiteX7" fmla="*/ 7478 w 614357"/>
                  <a:gd name="connsiteY7" fmla="*/ 196776 h 1206383"/>
                  <a:gd name="connsiteX8" fmla="*/ 1890 w 614357"/>
                  <a:gd name="connsiteY8" fmla="*/ 295953 h 1206383"/>
                  <a:gd name="connsiteX9" fmla="*/ 8528 w 614357"/>
                  <a:gd name="connsiteY9" fmla="*/ 418494 h 1206383"/>
                  <a:gd name="connsiteX10" fmla="*/ 86176 w 614357"/>
                  <a:gd name="connsiteY10" fmla="*/ 589867 h 1206383"/>
                  <a:gd name="connsiteX11" fmla="*/ 158982 w 614357"/>
                  <a:gd name="connsiteY11" fmla="*/ 703833 h 1206383"/>
                  <a:gd name="connsiteX12" fmla="*/ 179147 w 614357"/>
                  <a:gd name="connsiteY12" fmla="*/ 820389 h 1206383"/>
                  <a:gd name="connsiteX13" fmla="*/ 244236 w 614357"/>
                  <a:gd name="connsiteY13" fmla="*/ 897401 h 1206383"/>
                  <a:gd name="connsiteX14" fmla="*/ 327552 w 614357"/>
                  <a:gd name="connsiteY14" fmla="*/ 1013846 h 1206383"/>
                  <a:gd name="connsiteX15" fmla="*/ 376981 w 614357"/>
                  <a:gd name="connsiteY15" fmla="*/ 1089118 h 1206383"/>
                  <a:gd name="connsiteX16" fmla="*/ 494118 w 614357"/>
                  <a:gd name="connsiteY16" fmla="*/ 1206383 h 1206383"/>
                  <a:gd name="connsiteX0" fmla="*/ 494118 w 614357"/>
                  <a:gd name="connsiteY0" fmla="*/ 1235284 h 1235284"/>
                  <a:gd name="connsiteX1" fmla="*/ 614357 w 614357"/>
                  <a:gd name="connsiteY1" fmla="*/ 237939 h 1235284"/>
                  <a:gd name="connsiteX2" fmla="*/ 475473 w 614357"/>
                  <a:gd name="connsiteY2" fmla="*/ 109884 h 1235284"/>
                  <a:gd name="connsiteX3" fmla="*/ 360351 w 614357"/>
                  <a:gd name="connsiteY3" fmla="*/ 101541 h 1235284"/>
                  <a:gd name="connsiteX4" fmla="*/ 245713 w 614357"/>
                  <a:gd name="connsiteY4" fmla="*/ 89042 h 1235284"/>
                  <a:gd name="connsiteX5" fmla="*/ 37460 w 614357"/>
                  <a:gd name="connsiteY5" fmla="*/ 86 h 1235284"/>
                  <a:gd name="connsiteX6" fmla="*/ 2366 w 614357"/>
                  <a:gd name="connsiteY6" fmla="*/ 106939 h 1235284"/>
                  <a:gd name="connsiteX7" fmla="*/ 7478 w 614357"/>
                  <a:gd name="connsiteY7" fmla="*/ 225677 h 1235284"/>
                  <a:gd name="connsiteX8" fmla="*/ 1890 w 614357"/>
                  <a:gd name="connsiteY8" fmla="*/ 324854 h 1235284"/>
                  <a:gd name="connsiteX9" fmla="*/ 8528 w 614357"/>
                  <a:gd name="connsiteY9" fmla="*/ 447395 h 1235284"/>
                  <a:gd name="connsiteX10" fmla="*/ 86176 w 614357"/>
                  <a:gd name="connsiteY10" fmla="*/ 618768 h 1235284"/>
                  <a:gd name="connsiteX11" fmla="*/ 158982 w 614357"/>
                  <a:gd name="connsiteY11" fmla="*/ 732734 h 1235284"/>
                  <a:gd name="connsiteX12" fmla="*/ 179147 w 614357"/>
                  <a:gd name="connsiteY12" fmla="*/ 849290 h 1235284"/>
                  <a:gd name="connsiteX13" fmla="*/ 244236 w 614357"/>
                  <a:gd name="connsiteY13" fmla="*/ 926302 h 1235284"/>
                  <a:gd name="connsiteX14" fmla="*/ 327552 w 614357"/>
                  <a:gd name="connsiteY14" fmla="*/ 1042747 h 1235284"/>
                  <a:gd name="connsiteX15" fmla="*/ 376981 w 614357"/>
                  <a:gd name="connsiteY15" fmla="*/ 1118019 h 1235284"/>
                  <a:gd name="connsiteX16" fmla="*/ 494118 w 614357"/>
                  <a:gd name="connsiteY16" fmla="*/ 1235284 h 1235284"/>
                  <a:gd name="connsiteX0" fmla="*/ 494118 w 614357"/>
                  <a:gd name="connsiteY0" fmla="*/ 1235364 h 1235364"/>
                  <a:gd name="connsiteX1" fmla="*/ 614357 w 614357"/>
                  <a:gd name="connsiteY1" fmla="*/ 238019 h 1235364"/>
                  <a:gd name="connsiteX2" fmla="*/ 475473 w 614357"/>
                  <a:gd name="connsiteY2" fmla="*/ 109964 h 1235364"/>
                  <a:gd name="connsiteX3" fmla="*/ 360351 w 614357"/>
                  <a:gd name="connsiteY3" fmla="*/ 101621 h 1235364"/>
                  <a:gd name="connsiteX4" fmla="*/ 245713 w 614357"/>
                  <a:gd name="connsiteY4" fmla="*/ 89122 h 1235364"/>
                  <a:gd name="connsiteX5" fmla="*/ 37460 w 614357"/>
                  <a:gd name="connsiteY5" fmla="*/ 166 h 1235364"/>
                  <a:gd name="connsiteX6" fmla="*/ 12632 w 614357"/>
                  <a:gd name="connsiteY6" fmla="*/ 114254 h 1235364"/>
                  <a:gd name="connsiteX7" fmla="*/ 7478 w 614357"/>
                  <a:gd name="connsiteY7" fmla="*/ 225757 h 1235364"/>
                  <a:gd name="connsiteX8" fmla="*/ 1890 w 614357"/>
                  <a:gd name="connsiteY8" fmla="*/ 324934 h 1235364"/>
                  <a:gd name="connsiteX9" fmla="*/ 8528 w 614357"/>
                  <a:gd name="connsiteY9" fmla="*/ 447475 h 1235364"/>
                  <a:gd name="connsiteX10" fmla="*/ 86176 w 614357"/>
                  <a:gd name="connsiteY10" fmla="*/ 618848 h 1235364"/>
                  <a:gd name="connsiteX11" fmla="*/ 158982 w 614357"/>
                  <a:gd name="connsiteY11" fmla="*/ 732814 h 1235364"/>
                  <a:gd name="connsiteX12" fmla="*/ 179147 w 614357"/>
                  <a:gd name="connsiteY12" fmla="*/ 849370 h 1235364"/>
                  <a:gd name="connsiteX13" fmla="*/ 244236 w 614357"/>
                  <a:gd name="connsiteY13" fmla="*/ 926382 h 1235364"/>
                  <a:gd name="connsiteX14" fmla="*/ 327552 w 614357"/>
                  <a:gd name="connsiteY14" fmla="*/ 1042827 h 1235364"/>
                  <a:gd name="connsiteX15" fmla="*/ 376981 w 614357"/>
                  <a:gd name="connsiteY15" fmla="*/ 1118099 h 1235364"/>
                  <a:gd name="connsiteX16" fmla="*/ 494118 w 614357"/>
                  <a:gd name="connsiteY16" fmla="*/ 1235364 h 1235364"/>
                  <a:gd name="connsiteX0" fmla="*/ 487768 w 608007"/>
                  <a:gd name="connsiteY0" fmla="*/ 1235364 h 1235364"/>
                  <a:gd name="connsiteX1" fmla="*/ 608007 w 608007"/>
                  <a:gd name="connsiteY1" fmla="*/ 238019 h 1235364"/>
                  <a:gd name="connsiteX2" fmla="*/ 469123 w 608007"/>
                  <a:gd name="connsiteY2" fmla="*/ 109964 h 1235364"/>
                  <a:gd name="connsiteX3" fmla="*/ 354001 w 608007"/>
                  <a:gd name="connsiteY3" fmla="*/ 101621 h 1235364"/>
                  <a:gd name="connsiteX4" fmla="*/ 239363 w 608007"/>
                  <a:gd name="connsiteY4" fmla="*/ 89122 h 1235364"/>
                  <a:gd name="connsiteX5" fmla="*/ 31110 w 608007"/>
                  <a:gd name="connsiteY5" fmla="*/ 166 h 1235364"/>
                  <a:gd name="connsiteX6" fmla="*/ 6282 w 608007"/>
                  <a:gd name="connsiteY6" fmla="*/ 114254 h 1235364"/>
                  <a:gd name="connsiteX7" fmla="*/ 1128 w 608007"/>
                  <a:gd name="connsiteY7" fmla="*/ 225757 h 1235364"/>
                  <a:gd name="connsiteX8" fmla="*/ 26337 w 608007"/>
                  <a:gd name="connsiteY8" fmla="*/ 285141 h 1235364"/>
                  <a:gd name="connsiteX9" fmla="*/ 2178 w 608007"/>
                  <a:gd name="connsiteY9" fmla="*/ 447475 h 1235364"/>
                  <a:gd name="connsiteX10" fmla="*/ 79826 w 608007"/>
                  <a:gd name="connsiteY10" fmla="*/ 618848 h 1235364"/>
                  <a:gd name="connsiteX11" fmla="*/ 152632 w 608007"/>
                  <a:gd name="connsiteY11" fmla="*/ 732814 h 1235364"/>
                  <a:gd name="connsiteX12" fmla="*/ 172797 w 608007"/>
                  <a:gd name="connsiteY12" fmla="*/ 849370 h 1235364"/>
                  <a:gd name="connsiteX13" fmla="*/ 237886 w 608007"/>
                  <a:gd name="connsiteY13" fmla="*/ 926382 h 1235364"/>
                  <a:gd name="connsiteX14" fmla="*/ 321202 w 608007"/>
                  <a:gd name="connsiteY14" fmla="*/ 1042827 h 1235364"/>
                  <a:gd name="connsiteX15" fmla="*/ 370631 w 608007"/>
                  <a:gd name="connsiteY15" fmla="*/ 1118099 h 1235364"/>
                  <a:gd name="connsiteX16" fmla="*/ 487768 w 608007"/>
                  <a:gd name="connsiteY16" fmla="*/ 1235364 h 1235364"/>
                  <a:gd name="connsiteX0" fmla="*/ 487766 w 608005"/>
                  <a:gd name="connsiteY0" fmla="*/ 1235364 h 1235364"/>
                  <a:gd name="connsiteX1" fmla="*/ 608005 w 608005"/>
                  <a:gd name="connsiteY1" fmla="*/ 238019 h 1235364"/>
                  <a:gd name="connsiteX2" fmla="*/ 469121 w 608005"/>
                  <a:gd name="connsiteY2" fmla="*/ 109964 h 1235364"/>
                  <a:gd name="connsiteX3" fmla="*/ 353999 w 608005"/>
                  <a:gd name="connsiteY3" fmla="*/ 101621 h 1235364"/>
                  <a:gd name="connsiteX4" fmla="*/ 239361 w 608005"/>
                  <a:gd name="connsiteY4" fmla="*/ 89122 h 1235364"/>
                  <a:gd name="connsiteX5" fmla="*/ 31108 w 608005"/>
                  <a:gd name="connsiteY5" fmla="*/ 166 h 1235364"/>
                  <a:gd name="connsiteX6" fmla="*/ 6280 w 608005"/>
                  <a:gd name="connsiteY6" fmla="*/ 114254 h 1235364"/>
                  <a:gd name="connsiteX7" fmla="*/ 1126 w 608005"/>
                  <a:gd name="connsiteY7" fmla="*/ 225757 h 1235364"/>
                  <a:gd name="connsiteX8" fmla="*/ 26335 w 608005"/>
                  <a:gd name="connsiteY8" fmla="*/ 285141 h 1235364"/>
                  <a:gd name="connsiteX9" fmla="*/ 22706 w 608005"/>
                  <a:gd name="connsiteY9" fmla="*/ 447475 h 1235364"/>
                  <a:gd name="connsiteX10" fmla="*/ 79824 w 608005"/>
                  <a:gd name="connsiteY10" fmla="*/ 618848 h 1235364"/>
                  <a:gd name="connsiteX11" fmla="*/ 152630 w 608005"/>
                  <a:gd name="connsiteY11" fmla="*/ 732814 h 1235364"/>
                  <a:gd name="connsiteX12" fmla="*/ 172795 w 608005"/>
                  <a:gd name="connsiteY12" fmla="*/ 849370 h 1235364"/>
                  <a:gd name="connsiteX13" fmla="*/ 237884 w 608005"/>
                  <a:gd name="connsiteY13" fmla="*/ 926382 h 1235364"/>
                  <a:gd name="connsiteX14" fmla="*/ 321200 w 608005"/>
                  <a:gd name="connsiteY14" fmla="*/ 1042827 h 1235364"/>
                  <a:gd name="connsiteX15" fmla="*/ 370629 w 608005"/>
                  <a:gd name="connsiteY15" fmla="*/ 1118099 h 1235364"/>
                  <a:gd name="connsiteX16" fmla="*/ 487766 w 608005"/>
                  <a:gd name="connsiteY16" fmla="*/ 1235364 h 1235364"/>
                  <a:gd name="connsiteX0" fmla="*/ 487766 w 608005"/>
                  <a:gd name="connsiteY0" fmla="*/ 1235364 h 1235364"/>
                  <a:gd name="connsiteX1" fmla="*/ 608005 w 608005"/>
                  <a:gd name="connsiteY1" fmla="*/ 238019 h 1235364"/>
                  <a:gd name="connsiteX2" fmla="*/ 469121 w 608005"/>
                  <a:gd name="connsiteY2" fmla="*/ 109964 h 1235364"/>
                  <a:gd name="connsiteX3" fmla="*/ 353999 w 608005"/>
                  <a:gd name="connsiteY3" fmla="*/ 101621 h 1235364"/>
                  <a:gd name="connsiteX4" fmla="*/ 239361 w 608005"/>
                  <a:gd name="connsiteY4" fmla="*/ 89122 h 1235364"/>
                  <a:gd name="connsiteX5" fmla="*/ 31108 w 608005"/>
                  <a:gd name="connsiteY5" fmla="*/ 166 h 1235364"/>
                  <a:gd name="connsiteX6" fmla="*/ 6280 w 608005"/>
                  <a:gd name="connsiteY6" fmla="*/ 114254 h 1235364"/>
                  <a:gd name="connsiteX7" fmla="*/ 1126 w 608005"/>
                  <a:gd name="connsiteY7" fmla="*/ 225757 h 1235364"/>
                  <a:gd name="connsiteX8" fmla="*/ 26335 w 608005"/>
                  <a:gd name="connsiteY8" fmla="*/ 285141 h 1235364"/>
                  <a:gd name="connsiteX9" fmla="*/ 22706 w 608005"/>
                  <a:gd name="connsiteY9" fmla="*/ 447475 h 1235364"/>
                  <a:gd name="connsiteX10" fmla="*/ 33626 w 608005"/>
                  <a:gd name="connsiteY10" fmla="*/ 586291 h 1235364"/>
                  <a:gd name="connsiteX11" fmla="*/ 152630 w 608005"/>
                  <a:gd name="connsiteY11" fmla="*/ 732814 h 1235364"/>
                  <a:gd name="connsiteX12" fmla="*/ 172795 w 608005"/>
                  <a:gd name="connsiteY12" fmla="*/ 849370 h 1235364"/>
                  <a:gd name="connsiteX13" fmla="*/ 237884 w 608005"/>
                  <a:gd name="connsiteY13" fmla="*/ 926382 h 1235364"/>
                  <a:gd name="connsiteX14" fmla="*/ 321200 w 608005"/>
                  <a:gd name="connsiteY14" fmla="*/ 1042827 h 1235364"/>
                  <a:gd name="connsiteX15" fmla="*/ 370629 w 608005"/>
                  <a:gd name="connsiteY15" fmla="*/ 1118099 h 1235364"/>
                  <a:gd name="connsiteX16" fmla="*/ 487766 w 608005"/>
                  <a:gd name="connsiteY16" fmla="*/ 1235364 h 1235364"/>
                  <a:gd name="connsiteX0" fmla="*/ 487766 w 608005"/>
                  <a:gd name="connsiteY0" fmla="*/ 1235364 h 1235364"/>
                  <a:gd name="connsiteX1" fmla="*/ 608005 w 608005"/>
                  <a:gd name="connsiteY1" fmla="*/ 238019 h 1235364"/>
                  <a:gd name="connsiteX2" fmla="*/ 469121 w 608005"/>
                  <a:gd name="connsiteY2" fmla="*/ 109964 h 1235364"/>
                  <a:gd name="connsiteX3" fmla="*/ 353999 w 608005"/>
                  <a:gd name="connsiteY3" fmla="*/ 101621 h 1235364"/>
                  <a:gd name="connsiteX4" fmla="*/ 239361 w 608005"/>
                  <a:gd name="connsiteY4" fmla="*/ 89122 h 1235364"/>
                  <a:gd name="connsiteX5" fmla="*/ 31108 w 608005"/>
                  <a:gd name="connsiteY5" fmla="*/ 166 h 1235364"/>
                  <a:gd name="connsiteX6" fmla="*/ 6280 w 608005"/>
                  <a:gd name="connsiteY6" fmla="*/ 114254 h 1235364"/>
                  <a:gd name="connsiteX7" fmla="*/ 1126 w 608005"/>
                  <a:gd name="connsiteY7" fmla="*/ 225757 h 1235364"/>
                  <a:gd name="connsiteX8" fmla="*/ 26335 w 608005"/>
                  <a:gd name="connsiteY8" fmla="*/ 285141 h 1235364"/>
                  <a:gd name="connsiteX9" fmla="*/ 22706 w 608005"/>
                  <a:gd name="connsiteY9" fmla="*/ 447475 h 1235364"/>
                  <a:gd name="connsiteX10" fmla="*/ 33626 w 608005"/>
                  <a:gd name="connsiteY10" fmla="*/ 586291 h 1235364"/>
                  <a:gd name="connsiteX11" fmla="*/ 137230 w 608005"/>
                  <a:gd name="connsiteY11" fmla="*/ 736432 h 1235364"/>
                  <a:gd name="connsiteX12" fmla="*/ 172795 w 608005"/>
                  <a:gd name="connsiteY12" fmla="*/ 849370 h 1235364"/>
                  <a:gd name="connsiteX13" fmla="*/ 237884 w 608005"/>
                  <a:gd name="connsiteY13" fmla="*/ 926382 h 1235364"/>
                  <a:gd name="connsiteX14" fmla="*/ 321200 w 608005"/>
                  <a:gd name="connsiteY14" fmla="*/ 1042827 h 1235364"/>
                  <a:gd name="connsiteX15" fmla="*/ 370629 w 608005"/>
                  <a:gd name="connsiteY15" fmla="*/ 1118099 h 1235364"/>
                  <a:gd name="connsiteX16" fmla="*/ 487766 w 608005"/>
                  <a:gd name="connsiteY16" fmla="*/ 1235364 h 1235364"/>
                  <a:gd name="connsiteX0" fmla="*/ 487766 w 608005"/>
                  <a:gd name="connsiteY0" fmla="*/ 1235364 h 1235364"/>
                  <a:gd name="connsiteX1" fmla="*/ 608005 w 608005"/>
                  <a:gd name="connsiteY1" fmla="*/ 238019 h 1235364"/>
                  <a:gd name="connsiteX2" fmla="*/ 469121 w 608005"/>
                  <a:gd name="connsiteY2" fmla="*/ 109964 h 1235364"/>
                  <a:gd name="connsiteX3" fmla="*/ 353999 w 608005"/>
                  <a:gd name="connsiteY3" fmla="*/ 101621 h 1235364"/>
                  <a:gd name="connsiteX4" fmla="*/ 239361 w 608005"/>
                  <a:gd name="connsiteY4" fmla="*/ 89122 h 1235364"/>
                  <a:gd name="connsiteX5" fmla="*/ 31108 w 608005"/>
                  <a:gd name="connsiteY5" fmla="*/ 166 h 1235364"/>
                  <a:gd name="connsiteX6" fmla="*/ 6280 w 608005"/>
                  <a:gd name="connsiteY6" fmla="*/ 114254 h 1235364"/>
                  <a:gd name="connsiteX7" fmla="*/ 1126 w 608005"/>
                  <a:gd name="connsiteY7" fmla="*/ 225757 h 1235364"/>
                  <a:gd name="connsiteX8" fmla="*/ 26335 w 608005"/>
                  <a:gd name="connsiteY8" fmla="*/ 285141 h 1235364"/>
                  <a:gd name="connsiteX9" fmla="*/ 22706 w 608005"/>
                  <a:gd name="connsiteY9" fmla="*/ 447475 h 1235364"/>
                  <a:gd name="connsiteX10" fmla="*/ 33626 w 608005"/>
                  <a:gd name="connsiteY10" fmla="*/ 586291 h 1235364"/>
                  <a:gd name="connsiteX11" fmla="*/ 137230 w 608005"/>
                  <a:gd name="connsiteY11" fmla="*/ 736432 h 1235364"/>
                  <a:gd name="connsiteX12" fmla="*/ 229257 w 608005"/>
                  <a:gd name="connsiteY12" fmla="*/ 860223 h 1235364"/>
                  <a:gd name="connsiteX13" fmla="*/ 237884 w 608005"/>
                  <a:gd name="connsiteY13" fmla="*/ 926382 h 1235364"/>
                  <a:gd name="connsiteX14" fmla="*/ 321200 w 608005"/>
                  <a:gd name="connsiteY14" fmla="*/ 1042827 h 1235364"/>
                  <a:gd name="connsiteX15" fmla="*/ 370629 w 608005"/>
                  <a:gd name="connsiteY15" fmla="*/ 1118099 h 1235364"/>
                  <a:gd name="connsiteX16" fmla="*/ 487766 w 608005"/>
                  <a:gd name="connsiteY16" fmla="*/ 1235364 h 1235364"/>
                  <a:gd name="connsiteX0" fmla="*/ 487766 w 608005"/>
                  <a:gd name="connsiteY0" fmla="*/ 1235364 h 1235364"/>
                  <a:gd name="connsiteX1" fmla="*/ 608005 w 608005"/>
                  <a:gd name="connsiteY1" fmla="*/ 238019 h 1235364"/>
                  <a:gd name="connsiteX2" fmla="*/ 469121 w 608005"/>
                  <a:gd name="connsiteY2" fmla="*/ 109964 h 1235364"/>
                  <a:gd name="connsiteX3" fmla="*/ 353999 w 608005"/>
                  <a:gd name="connsiteY3" fmla="*/ 101621 h 1235364"/>
                  <a:gd name="connsiteX4" fmla="*/ 239361 w 608005"/>
                  <a:gd name="connsiteY4" fmla="*/ 89122 h 1235364"/>
                  <a:gd name="connsiteX5" fmla="*/ 31108 w 608005"/>
                  <a:gd name="connsiteY5" fmla="*/ 166 h 1235364"/>
                  <a:gd name="connsiteX6" fmla="*/ 6280 w 608005"/>
                  <a:gd name="connsiteY6" fmla="*/ 114254 h 1235364"/>
                  <a:gd name="connsiteX7" fmla="*/ 1126 w 608005"/>
                  <a:gd name="connsiteY7" fmla="*/ 225757 h 1235364"/>
                  <a:gd name="connsiteX8" fmla="*/ 26335 w 608005"/>
                  <a:gd name="connsiteY8" fmla="*/ 285141 h 1235364"/>
                  <a:gd name="connsiteX9" fmla="*/ 22706 w 608005"/>
                  <a:gd name="connsiteY9" fmla="*/ 447475 h 1235364"/>
                  <a:gd name="connsiteX10" fmla="*/ 33626 w 608005"/>
                  <a:gd name="connsiteY10" fmla="*/ 586291 h 1235364"/>
                  <a:gd name="connsiteX11" fmla="*/ 137230 w 608005"/>
                  <a:gd name="connsiteY11" fmla="*/ 736432 h 1235364"/>
                  <a:gd name="connsiteX12" fmla="*/ 229257 w 608005"/>
                  <a:gd name="connsiteY12" fmla="*/ 860223 h 1235364"/>
                  <a:gd name="connsiteX13" fmla="*/ 258414 w 608005"/>
                  <a:gd name="connsiteY13" fmla="*/ 951704 h 1235364"/>
                  <a:gd name="connsiteX14" fmla="*/ 321200 w 608005"/>
                  <a:gd name="connsiteY14" fmla="*/ 1042827 h 1235364"/>
                  <a:gd name="connsiteX15" fmla="*/ 370629 w 608005"/>
                  <a:gd name="connsiteY15" fmla="*/ 1118099 h 1235364"/>
                  <a:gd name="connsiteX16" fmla="*/ 487766 w 608005"/>
                  <a:gd name="connsiteY16" fmla="*/ 1235364 h 1235364"/>
                  <a:gd name="connsiteX0" fmla="*/ 498033 w 608005"/>
                  <a:gd name="connsiteY0" fmla="*/ 1181102 h 1181102"/>
                  <a:gd name="connsiteX1" fmla="*/ 608005 w 608005"/>
                  <a:gd name="connsiteY1" fmla="*/ 238019 h 1181102"/>
                  <a:gd name="connsiteX2" fmla="*/ 469121 w 608005"/>
                  <a:gd name="connsiteY2" fmla="*/ 109964 h 1181102"/>
                  <a:gd name="connsiteX3" fmla="*/ 353999 w 608005"/>
                  <a:gd name="connsiteY3" fmla="*/ 101621 h 1181102"/>
                  <a:gd name="connsiteX4" fmla="*/ 239361 w 608005"/>
                  <a:gd name="connsiteY4" fmla="*/ 89122 h 1181102"/>
                  <a:gd name="connsiteX5" fmla="*/ 31108 w 608005"/>
                  <a:gd name="connsiteY5" fmla="*/ 166 h 1181102"/>
                  <a:gd name="connsiteX6" fmla="*/ 6280 w 608005"/>
                  <a:gd name="connsiteY6" fmla="*/ 114254 h 1181102"/>
                  <a:gd name="connsiteX7" fmla="*/ 1126 w 608005"/>
                  <a:gd name="connsiteY7" fmla="*/ 225757 h 1181102"/>
                  <a:gd name="connsiteX8" fmla="*/ 26335 w 608005"/>
                  <a:gd name="connsiteY8" fmla="*/ 285141 h 1181102"/>
                  <a:gd name="connsiteX9" fmla="*/ 22706 w 608005"/>
                  <a:gd name="connsiteY9" fmla="*/ 447475 h 1181102"/>
                  <a:gd name="connsiteX10" fmla="*/ 33626 w 608005"/>
                  <a:gd name="connsiteY10" fmla="*/ 586291 h 1181102"/>
                  <a:gd name="connsiteX11" fmla="*/ 137230 w 608005"/>
                  <a:gd name="connsiteY11" fmla="*/ 736432 h 1181102"/>
                  <a:gd name="connsiteX12" fmla="*/ 229257 w 608005"/>
                  <a:gd name="connsiteY12" fmla="*/ 860223 h 1181102"/>
                  <a:gd name="connsiteX13" fmla="*/ 258414 w 608005"/>
                  <a:gd name="connsiteY13" fmla="*/ 951704 h 1181102"/>
                  <a:gd name="connsiteX14" fmla="*/ 321200 w 608005"/>
                  <a:gd name="connsiteY14" fmla="*/ 1042827 h 1181102"/>
                  <a:gd name="connsiteX15" fmla="*/ 370629 w 608005"/>
                  <a:gd name="connsiteY15" fmla="*/ 1118099 h 1181102"/>
                  <a:gd name="connsiteX16" fmla="*/ 498033 w 608005"/>
                  <a:gd name="connsiteY16" fmla="*/ 1181102 h 1181102"/>
                  <a:gd name="connsiteX0" fmla="*/ 498033 w 608005"/>
                  <a:gd name="connsiteY0" fmla="*/ 1181102 h 1181102"/>
                  <a:gd name="connsiteX1" fmla="*/ 608005 w 608005"/>
                  <a:gd name="connsiteY1" fmla="*/ 238019 h 1181102"/>
                  <a:gd name="connsiteX2" fmla="*/ 469121 w 608005"/>
                  <a:gd name="connsiteY2" fmla="*/ 109964 h 1181102"/>
                  <a:gd name="connsiteX3" fmla="*/ 353999 w 608005"/>
                  <a:gd name="connsiteY3" fmla="*/ 101621 h 1181102"/>
                  <a:gd name="connsiteX4" fmla="*/ 239361 w 608005"/>
                  <a:gd name="connsiteY4" fmla="*/ 89122 h 1181102"/>
                  <a:gd name="connsiteX5" fmla="*/ 31108 w 608005"/>
                  <a:gd name="connsiteY5" fmla="*/ 166 h 1181102"/>
                  <a:gd name="connsiteX6" fmla="*/ 6280 w 608005"/>
                  <a:gd name="connsiteY6" fmla="*/ 114254 h 1181102"/>
                  <a:gd name="connsiteX7" fmla="*/ 1126 w 608005"/>
                  <a:gd name="connsiteY7" fmla="*/ 225757 h 1181102"/>
                  <a:gd name="connsiteX8" fmla="*/ 26335 w 608005"/>
                  <a:gd name="connsiteY8" fmla="*/ 285141 h 1181102"/>
                  <a:gd name="connsiteX9" fmla="*/ 22706 w 608005"/>
                  <a:gd name="connsiteY9" fmla="*/ 447475 h 1181102"/>
                  <a:gd name="connsiteX10" fmla="*/ 33626 w 608005"/>
                  <a:gd name="connsiteY10" fmla="*/ 586291 h 1181102"/>
                  <a:gd name="connsiteX11" fmla="*/ 137230 w 608005"/>
                  <a:gd name="connsiteY11" fmla="*/ 736432 h 1181102"/>
                  <a:gd name="connsiteX12" fmla="*/ 229257 w 608005"/>
                  <a:gd name="connsiteY12" fmla="*/ 860223 h 1181102"/>
                  <a:gd name="connsiteX13" fmla="*/ 258414 w 608005"/>
                  <a:gd name="connsiteY13" fmla="*/ 951704 h 1181102"/>
                  <a:gd name="connsiteX14" fmla="*/ 321200 w 608005"/>
                  <a:gd name="connsiteY14" fmla="*/ 1042827 h 1181102"/>
                  <a:gd name="connsiteX15" fmla="*/ 406560 w 608005"/>
                  <a:gd name="connsiteY15" fmla="*/ 1096394 h 1181102"/>
                  <a:gd name="connsiteX16" fmla="*/ 498033 w 608005"/>
                  <a:gd name="connsiteY16" fmla="*/ 1181102 h 1181102"/>
                  <a:gd name="connsiteX0" fmla="*/ 498033 w 608005"/>
                  <a:gd name="connsiteY0" fmla="*/ 1181102 h 1181102"/>
                  <a:gd name="connsiteX1" fmla="*/ 608005 w 608005"/>
                  <a:gd name="connsiteY1" fmla="*/ 238019 h 1181102"/>
                  <a:gd name="connsiteX2" fmla="*/ 469121 w 608005"/>
                  <a:gd name="connsiteY2" fmla="*/ 109964 h 1181102"/>
                  <a:gd name="connsiteX3" fmla="*/ 353999 w 608005"/>
                  <a:gd name="connsiteY3" fmla="*/ 101621 h 1181102"/>
                  <a:gd name="connsiteX4" fmla="*/ 239361 w 608005"/>
                  <a:gd name="connsiteY4" fmla="*/ 89122 h 1181102"/>
                  <a:gd name="connsiteX5" fmla="*/ 31108 w 608005"/>
                  <a:gd name="connsiteY5" fmla="*/ 166 h 1181102"/>
                  <a:gd name="connsiteX6" fmla="*/ 6280 w 608005"/>
                  <a:gd name="connsiteY6" fmla="*/ 114254 h 1181102"/>
                  <a:gd name="connsiteX7" fmla="*/ 1126 w 608005"/>
                  <a:gd name="connsiteY7" fmla="*/ 225757 h 1181102"/>
                  <a:gd name="connsiteX8" fmla="*/ 26335 w 608005"/>
                  <a:gd name="connsiteY8" fmla="*/ 285141 h 1181102"/>
                  <a:gd name="connsiteX9" fmla="*/ 22706 w 608005"/>
                  <a:gd name="connsiteY9" fmla="*/ 447475 h 1181102"/>
                  <a:gd name="connsiteX10" fmla="*/ 33626 w 608005"/>
                  <a:gd name="connsiteY10" fmla="*/ 586291 h 1181102"/>
                  <a:gd name="connsiteX11" fmla="*/ 137230 w 608005"/>
                  <a:gd name="connsiteY11" fmla="*/ 736432 h 1181102"/>
                  <a:gd name="connsiteX12" fmla="*/ 229257 w 608005"/>
                  <a:gd name="connsiteY12" fmla="*/ 860223 h 1181102"/>
                  <a:gd name="connsiteX13" fmla="*/ 258414 w 608005"/>
                  <a:gd name="connsiteY13" fmla="*/ 951704 h 1181102"/>
                  <a:gd name="connsiteX14" fmla="*/ 326333 w 608005"/>
                  <a:gd name="connsiteY14" fmla="*/ 1035592 h 1181102"/>
                  <a:gd name="connsiteX15" fmla="*/ 406560 w 608005"/>
                  <a:gd name="connsiteY15" fmla="*/ 1096394 h 1181102"/>
                  <a:gd name="connsiteX16" fmla="*/ 498033 w 608005"/>
                  <a:gd name="connsiteY16" fmla="*/ 1181102 h 1181102"/>
                  <a:gd name="connsiteX0" fmla="*/ 498033 w 608005"/>
                  <a:gd name="connsiteY0" fmla="*/ 1181102 h 1181102"/>
                  <a:gd name="connsiteX1" fmla="*/ 608005 w 608005"/>
                  <a:gd name="connsiteY1" fmla="*/ 238019 h 1181102"/>
                  <a:gd name="connsiteX2" fmla="*/ 469121 w 608005"/>
                  <a:gd name="connsiteY2" fmla="*/ 109964 h 1181102"/>
                  <a:gd name="connsiteX3" fmla="*/ 353999 w 608005"/>
                  <a:gd name="connsiteY3" fmla="*/ 101621 h 1181102"/>
                  <a:gd name="connsiteX4" fmla="*/ 239361 w 608005"/>
                  <a:gd name="connsiteY4" fmla="*/ 89122 h 1181102"/>
                  <a:gd name="connsiteX5" fmla="*/ 31108 w 608005"/>
                  <a:gd name="connsiteY5" fmla="*/ 166 h 1181102"/>
                  <a:gd name="connsiteX6" fmla="*/ 6280 w 608005"/>
                  <a:gd name="connsiteY6" fmla="*/ 114254 h 1181102"/>
                  <a:gd name="connsiteX7" fmla="*/ 1126 w 608005"/>
                  <a:gd name="connsiteY7" fmla="*/ 225757 h 1181102"/>
                  <a:gd name="connsiteX8" fmla="*/ 26335 w 608005"/>
                  <a:gd name="connsiteY8" fmla="*/ 285141 h 1181102"/>
                  <a:gd name="connsiteX9" fmla="*/ 22706 w 608005"/>
                  <a:gd name="connsiteY9" fmla="*/ 447475 h 1181102"/>
                  <a:gd name="connsiteX10" fmla="*/ 33626 w 608005"/>
                  <a:gd name="connsiteY10" fmla="*/ 586291 h 1181102"/>
                  <a:gd name="connsiteX11" fmla="*/ 137230 w 608005"/>
                  <a:gd name="connsiteY11" fmla="*/ 736432 h 1181102"/>
                  <a:gd name="connsiteX12" fmla="*/ 229257 w 608005"/>
                  <a:gd name="connsiteY12" fmla="*/ 860223 h 1181102"/>
                  <a:gd name="connsiteX13" fmla="*/ 258414 w 608005"/>
                  <a:gd name="connsiteY13" fmla="*/ 951704 h 1181102"/>
                  <a:gd name="connsiteX14" fmla="*/ 326333 w 608005"/>
                  <a:gd name="connsiteY14" fmla="*/ 1035592 h 1181102"/>
                  <a:gd name="connsiteX15" fmla="*/ 406560 w 608005"/>
                  <a:gd name="connsiteY15" fmla="*/ 1096394 h 1181102"/>
                  <a:gd name="connsiteX16" fmla="*/ 498033 w 608005"/>
                  <a:gd name="connsiteY16" fmla="*/ 1181102 h 1181102"/>
                  <a:gd name="connsiteX0" fmla="*/ 430970 w 608005"/>
                  <a:gd name="connsiteY0" fmla="*/ 1157766 h 1157766"/>
                  <a:gd name="connsiteX1" fmla="*/ 608005 w 608005"/>
                  <a:gd name="connsiteY1" fmla="*/ 238019 h 1157766"/>
                  <a:gd name="connsiteX2" fmla="*/ 469121 w 608005"/>
                  <a:gd name="connsiteY2" fmla="*/ 109964 h 1157766"/>
                  <a:gd name="connsiteX3" fmla="*/ 353999 w 608005"/>
                  <a:gd name="connsiteY3" fmla="*/ 101621 h 1157766"/>
                  <a:gd name="connsiteX4" fmla="*/ 239361 w 608005"/>
                  <a:gd name="connsiteY4" fmla="*/ 89122 h 1157766"/>
                  <a:gd name="connsiteX5" fmla="*/ 31108 w 608005"/>
                  <a:gd name="connsiteY5" fmla="*/ 166 h 1157766"/>
                  <a:gd name="connsiteX6" fmla="*/ 6280 w 608005"/>
                  <a:gd name="connsiteY6" fmla="*/ 114254 h 1157766"/>
                  <a:gd name="connsiteX7" fmla="*/ 1126 w 608005"/>
                  <a:gd name="connsiteY7" fmla="*/ 225757 h 1157766"/>
                  <a:gd name="connsiteX8" fmla="*/ 26335 w 608005"/>
                  <a:gd name="connsiteY8" fmla="*/ 285141 h 1157766"/>
                  <a:gd name="connsiteX9" fmla="*/ 22706 w 608005"/>
                  <a:gd name="connsiteY9" fmla="*/ 447475 h 1157766"/>
                  <a:gd name="connsiteX10" fmla="*/ 33626 w 608005"/>
                  <a:gd name="connsiteY10" fmla="*/ 586291 h 1157766"/>
                  <a:gd name="connsiteX11" fmla="*/ 137230 w 608005"/>
                  <a:gd name="connsiteY11" fmla="*/ 736432 h 1157766"/>
                  <a:gd name="connsiteX12" fmla="*/ 229257 w 608005"/>
                  <a:gd name="connsiteY12" fmla="*/ 860223 h 1157766"/>
                  <a:gd name="connsiteX13" fmla="*/ 258414 w 608005"/>
                  <a:gd name="connsiteY13" fmla="*/ 951704 h 1157766"/>
                  <a:gd name="connsiteX14" fmla="*/ 326333 w 608005"/>
                  <a:gd name="connsiteY14" fmla="*/ 1035592 h 1157766"/>
                  <a:gd name="connsiteX15" fmla="*/ 406560 w 608005"/>
                  <a:gd name="connsiteY15" fmla="*/ 1096394 h 1157766"/>
                  <a:gd name="connsiteX16" fmla="*/ 430970 w 608005"/>
                  <a:gd name="connsiteY16" fmla="*/ 1157766 h 1157766"/>
                  <a:gd name="connsiteX0" fmla="*/ 430970 w 608005"/>
                  <a:gd name="connsiteY0" fmla="*/ 1157766 h 1157766"/>
                  <a:gd name="connsiteX1" fmla="*/ 608005 w 608005"/>
                  <a:gd name="connsiteY1" fmla="*/ 238019 h 1157766"/>
                  <a:gd name="connsiteX2" fmla="*/ 469121 w 608005"/>
                  <a:gd name="connsiteY2" fmla="*/ 109964 h 1157766"/>
                  <a:gd name="connsiteX3" fmla="*/ 353999 w 608005"/>
                  <a:gd name="connsiteY3" fmla="*/ 101621 h 1157766"/>
                  <a:gd name="connsiteX4" fmla="*/ 239361 w 608005"/>
                  <a:gd name="connsiteY4" fmla="*/ 89122 h 1157766"/>
                  <a:gd name="connsiteX5" fmla="*/ 31108 w 608005"/>
                  <a:gd name="connsiteY5" fmla="*/ 166 h 1157766"/>
                  <a:gd name="connsiteX6" fmla="*/ 6280 w 608005"/>
                  <a:gd name="connsiteY6" fmla="*/ 114254 h 1157766"/>
                  <a:gd name="connsiteX7" fmla="*/ 1126 w 608005"/>
                  <a:gd name="connsiteY7" fmla="*/ 225757 h 1157766"/>
                  <a:gd name="connsiteX8" fmla="*/ 26335 w 608005"/>
                  <a:gd name="connsiteY8" fmla="*/ 285141 h 1157766"/>
                  <a:gd name="connsiteX9" fmla="*/ 22706 w 608005"/>
                  <a:gd name="connsiteY9" fmla="*/ 447475 h 1157766"/>
                  <a:gd name="connsiteX10" fmla="*/ 33626 w 608005"/>
                  <a:gd name="connsiteY10" fmla="*/ 586291 h 1157766"/>
                  <a:gd name="connsiteX11" fmla="*/ 137230 w 608005"/>
                  <a:gd name="connsiteY11" fmla="*/ 736432 h 1157766"/>
                  <a:gd name="connsiteX12" fmla="*/ 229257 w 608005"/>
                  <a:gd name="connsiteY12" fmla="*/ 860223 h 1157766"/>
                  <a:gd name="connsiteX13" fmla="*/ 258414 w 608005"/>
                  <a:gd name="connsiteY13" fmla="*/ 951704 h 1157766"/>
                  <a:gd name="connsiteX14" fmla="*/ 326333 w 608005"/>
                  <a:gd name="connsiteY14" fmla="*/ 1035592 h 1157766"/>
                  <a:gd name="connsiteX15" fmla="*/ 369980 w 608005"/>
                  <a:gd name="connsiteY15" fmla="*/ 1096394 h 1157766"/>
                  <a:gd name="connsiteX16" fmla="*/ 430970 w 608005"/>
                  <a:gd name="connsiteY16" fmla="*/ 1157766 h 1157766"/>
                  <a:gd name="connsiteX0" fmla="*/ 430970 w 614102"/>
                  <a:gd name="connsiteY0" fmla="*/ 1157766 h 1157766"/>
                  <a:gd name="connsiteX1" fmla="*/ 614102 w 614102"/>
                  <a:gd name="connsiteY1" fmla="*/ 263948 h 1157766"/>
                  <a:gd name="connsiteX2" fmla="*/ 469121 w 614102"/>
                  <a:gd name="connsiteY2" fmla="*/ 109964 h 1157766"/>
                  <a:gd name="connsiteX3" fmla="*/ 353999 w 614102"/>
                  <a:gd name="connsiteY3" fmla="*/ 101621 h 1157766"/>
                  <a:gd name="connsiteX4" fmla="*/ 239361 w 614102"/>
                  <a:gd name="connsiteY4" fmla="*/ 89122 h 1157766"/>
                  <a:gd name="connsiteX5" fmla="*/ 31108 w 614102"/>
                  <a:gd name="connsiteY5" fmla="*/ 166 h 1157766"/>
                  <a:gd name="connsiteX6" fmla="*/ 6280 w 614102"/>
                  <a:gd name="connsiteY6" fmla="*/ 114254 h 1157766"/>
                  <a:gd name="connsiteX7" fmla="*/ 1126 w 614102"/>
                  <a:gd name="connsiteY7" fmla="*/ 225757 h 1157766"/>
                  <a:gd name="connsiteX8" fmla="*/ 26335 w 614102"/>
                  <a:gd name="connsiteY8" fmla="*/ 285141 h 1157766"/>
                  <a:gd name="connsiteX9" fmla="*/ 22706 w 614102"/>
                  <a:gd name="connsiteY9" fmla="*/ 447475 h 1157766"/>
                  <a:gd name="connsiteX10" fmla="*/ 33626 w 614102"/>
                  <a:gd name="connsiteY10" fmla="*/ 586291 h 1157766"/>
                  <a:gd name="connsiteX11" fmla="*/ 137230 w 614102"/>
                  <a:gd name="connsiteY11" fmla="*/ 736432 h 1157766"/>
                  <a:gd name="connsiteX12" fmla="*/ 229257 w 614102"/>
                  <a:gd name="connsiteY12" fmla="*/ 860223 h 1157766"/>
                  <a:gd name="connsiteX13" fmla="*/ 258414 w 614102"/>
                  <a:gd name="connsiteY13" fmla="*/ 951704 h 1157766"/>
                  <a:gd name="connsiteX14" fmla="*/ 326333 w 614102"/>
                  <a:gd name="connsiteY14" fmla="*/ 1035592 h 1157766"/>
                  <a:gd name="connsiteX15" fmla="*/ 369980 w 614102"/>
                  <a:gd name="connsiteY15" fmla="*/ 1096394 h 1157766"/>
                  <a:gd name="connsiteX16" fmla="*/ 430970 w 614102"/>
                  <a:gd name="connsiteY16" fmla="*/ 1157766 h 1157766"/>
                  <a:gd name="connsiteX0" fmla="*/ 430970 w 571425"/>
                  <a:gd name="connsiteY0" fmla="*/ 1157766 h 1157766"/>
                  <a:gd name="connsiteX1" fmla="*/ 571425 w 571425"/>
                  <a:gd name="connsiteY1" fmla="*/ 227647 h 1157766"/>
                  <a:gd name="connsiteX2" fmla="*/ 469121 w 571425"/>
                  <a:gd name="connsiteY2" fmla="*/ 109964 h 1157766"/>
                  <a:gd name="connsiteX3" fmla="*/ 353999 w 571425"/>
                  <a:gd name="connsiteY3" fmla="*/ 101621 h 1157766"/>
                  <a:gd name="connsiteX4" fmla="*/ 239361 w 571425"/>
                  <a:gd name="connsiteY4" fmla="*/ 89122 h 1157766"/>
                  <a:gd name="connsiteX5" fmla="*/ 31108 w 571425"/>
                  <a:gd name="connsiteY5" fmla="*/ 166 h 1157766"/>
                  <a:gd name="connsiteX6" fmla="*/ 6280 w 571425"/>
                  <a:gd name="connsiteY6" fmla="*/ 114254 h 1157766"/>
                  <a:gd name="connsiteX7" fmla="*/ 1126 w 571425"/>
                  <a:gd name="connsiteY7" fmla="*/ 225757 h 1157766"/>
                  <a:gd name="connsiteX8" fmla="*/ 26335 w 571425"/>
                  <a:gd name="connsiteY8" fmla="*/ 285141 h 1157766"/>
                  <a:gd name="connsiteX9" fmla="*/ 22706 w 571425"/>
                  <a:gd name="connsiteY9" fmla="*/ 447475 h 1157766"/>
                  <a:gd name="connsiteX10" fmla="*/ 33626 w 571425"/>
                  <a:gd name="connsiteY10" fmla="*/ 586291 h 1157766"/>
                  <a:gd name="connsiteX11" fmla="*/ 137230 w 571425"/>
                  <a:gd name="connsiteY11" fmla="*/ 736432 h 1157766"/>
                  <a:gd name="connsiteX12" fmla="*/ 229257 w 571425"/>
                  <a:gd name="connsiteY12" fmla="*/ 860223 h 1157766"/>
                  <a:gd name="connsiteX13" fmla="*/ 258414 w 571425"/>
                  <a:gd name="connsiteY13" fmla="*/ 951704 h 1157766"/>
                  <a:gd name="connsiteX14" fmla="*/ 326333 w 571425"/>
                  <a:gd name="connsiteY14" fmla="*/ 1035592 h 1157766"/>
                  <a:gd name="connsiteX15" fmla="*/ 369980 w 571425"/>
                  <a:gd name="connsiteY15" fmla="*/ 1096394 h 1157766"/>
                  <a:gd name="connsiteX16" fmla="*/ 430970 w 571425"/>
                  <a:gd name="connsiteY16" fmla="*/ 1157766 h 1157766"/>
                  <a:gd name="connsiteX0" fmla="*/ 430970 w 571425"/>
                  <a:gd name="connsiteY0" fmla="*/ 1157766 h 1157766"/>
                  <a:gd name="connsiteX1" fmla="*/ 571425 w 571425"/>
                  <a:gd name="connsiteY1" fmla="*/ 227647 h 1157766"/>
                  <a:gd name="connsiteX2" fmla="*/ 469121 w 571425"/>
                  <a:gd name="connsiteY2" fmla="*/ 109964 h 1157766"/>
                  <a:gd name="connsiteX3" fmla="*/ 353999 w 571425"/>
                  <a:gd name="connsiteY3" fmla="*/ 101621 h 1157766"/>
                  <a:gd name="connsiteX4" fmla="*/ 239361 w 571425"/>
                  <a:gd name="connsiteY4" fmla="*/ 89122 h 1157766"/>
                  <a:gd name="connsiteX5" fmla="*/ 31108 w 571425"/>
                  <a:gd name="connsiteY5" fmla="*/ 166 h 1157766"/>
                  <a:gd name="connsiteX6" fmla="*/ 6280 w 571425"/>
                  <a:gd name="connsiteY6" fmla="*/ 114254 h 1157766"/>
                  <a:gd name="connsiteX7" fmla="*/ 1126 w 571425"/>
                  <a:gd name="connsiteY7" fmla="*/ 225757 h 1157766"/>
                  <a:gd name="connsiteX8" fmla="*/ 26335 w 571425"/>
                  <a:gd name="connsiteY8" fmla="*/ 285141 h 1157766"/>
                  <a:gd name="connsiteX9" fmla="*/ 22706 w 571425"/>
                  <a:gd name="connsiteY9" fmla="*/ 447475 h 1157766"/>
                  <a:gd name="connsiteX10" fmla="*/ 33626 w 571425"/>
                  <a:gd name="connsiteY10" fmla="*/ 586291 h 1157766"/>
                  <a:gd name="connsiteX11" fmla="*/ 137230 w 571425"/>
                  <a:gd name="connsiteY11" fmla="*/ 736432 h 1157766"/>
                  <a:gd name="connsiteX12" fmla="*/ 229257 w 571425"/>
                  <a:gd name="connsiteY12" fmla="*/ 860223 h 1157766"/>
                  <a:gd name="connsiteX13" fmla="*/ 258414 w 571425"/>
                  <a:gd name="connsiteY13" fmla="*/ 951704 h 1157766"/>
                  <a:gd name="connsiteX14" fmla="*/ 326333 w 571425"/>
                  <a:gd name="connsiteY14" fmla="*/ 1035592 h 1157766"/>
                  <a:gd name="connsiteX15" fmla="*/ 369980 w 571425"/>
                  <a:gd name="connsiteY15" fmla="*/ 1096394 h 1157766"/>
                  <a:gd name="connsiteX16" fmla="*/ 430970 w 571425"/>
                  <a:gd name="connsiteY16" fmla="*/ 1157766 h 1157766"/>
                  <a:gd name="connsiteX0" fmla="*/ 430970 w 571425"/>
                  <a:gd name="connsiteY0" fmla="*/ 1157766 h 1222928"/>
                  <a:gd name="connsiteX1" fmla="*/ 493770 w 571425"/>
                  <a:gd name="connsiteY1" fmla="*/ 1152597 h 1222928"/>
                  <a:gd name="connsiteX2" fmla="*/ 571425 w 571425"/>
                  <a:gd name="connsiteY2" fmla="*/ 227647 h 1222928"/>
                  <a:gd name="connsiteX3" fmla="*/ 469121 w 571425"/>
                  <a:gd name="connsiteY3" fmla="*/ 109964 h 1222928"/>
                  <a:gd name="connsiteX4" fmla="*/ 353999 w 571425"/>
                  <a:gd name="connsiteY4" fmla="*/ 101621 h 1222928"/>
                  <a:gd name="connsiteX5" fmla="*/ 239361 w 571425"/>
                  <a:gd name="connsiteY5" fmla="*/ 89122 h 1222928"/>
                  <a:gd name="connsiteX6" fmla="*/ 31108 w 571425"/>
                  <a:gd name="connsiteY6" fmla="*/ 166 h 1222928"/>
                  <a:gd name="connsiteX7" fmla="*/ 6280 w 571425"/>
                  <a:gd name="connsiteY7" fmla="*/ 114254 h 1222928"/>
                  <a:gd name="connsiteX8" fmla="*/ 1126 w 571425"/>
                  <a:gd name="connsiteY8" fmla="*/ 225757 h 1222928"/>
                  <a:gd name="connsiteX9" fmla="*/ 26335 w 571425"/>
                  <a:gd name="connsiteY9" fmla="*/ 285141 h 1222928"/>
                  <a:gd name="connsiteX10" fmla="*/ 22706 w 571425"/>
                  <a:gd name="connsiteY10" fmla="*/ 447475 h 1222928"/>
                  <a:gd name="connsiteX11" fmla="*/ 33626 w 571425"/>
                  <a:gd name="connsiteY11" fmla="*/ 586291 h 1222928"/>
                  <a:gd name="connsiteX12" fmla="*/ 137230 w 571425"/>
                  <a:gd name="connsiteY12" fmla="*/ 736432 h 1222928"/>
                  <a:gd name="connsiteX13" fmla="*/ 229257 w 571425"/>
                  <a:gd name="connsiteY13" fmla="*/ 860223 h 1222928"/>
                  <a:gd name="connsiteX14" fmla="*/ 258414 w 571425"/>
                  <a:gd name="connsiteY14" fmla="*/ 951704 h 1222928"/>
                  <a:gd name="connsiteX15" fmla="*/ 326333 w 571425"/>
                  <a:gd name="connsiteY15" fmla="*/ 1035592 h 1222928"/>
                  <a:gd name="connsiteX16" fmla="*/ 369980 w 571425"/>
                  <a:gd name="connsiteY16" fmla="*/ 1096394 h 1222928"/>
                  <a:gd name="connsiteX17" fmla="*/ 430970 w 571425"/>
                  <a:gd name="connsiteY17" fmla="*/ 1157766 h 1222928"/>
                  <a:gd name="connsiteX0" fmla="*/ 430970 w 571425"/>
                  <a:gd name="connsiteY0" fmla="*/ 1168121 h 1233283"/>
                  <a:gd name="connsiteX1" fmla="*/ 493770 w 571425"/>
                  <a:gd name="connsiteY1" fmla="*/ 1162952 h 1233283"/>
                  <a:gd name="connsiteX2" fmla="*/ 571425 w 571425"/>
                  <a:gd name="connsiteY2" fmla="*/ 238002 h 1233283"/>
                  <a:gd name="connsiteX3" fmla="*/ 469121 w 571425"/>
                  <a:gd name="connsiteY3" fmla="*/ 120319 h 1233283"/>
                  <a:gd name="connsiteX4" fmla="*/ 353999 w 571425"/>
                  <a:gd name="connsiteY4" fmla="*/ 111976 h 1233283"/>
                  <a:gd name="connsiteX5" fmla="*/ 239361 w 571425"/>
                  <a:gd name="connsiteY5" fmla="*/ 99477 h 1233283"/>
                  <a:gd name="connsiteX6" fmla="*/ 82930 w 571425"/>
                  <a:gd name="connsiteY6" fmla="*/ 149 h 1233283"/>
                  <a:gd name="connsiteX7" fmla="*/ 6280 w 571425"/>
                  <a:gd name="connsiteY7" fmla="*/ 124609 h 1233283"/>
                  <a:gd name="connsiteX8" fmla="*/ 1126 w 571425"/>
                  <a:gd name="connsiteY8" fmla="*/ 236112 h 1233283"/>
                  <a:gd name="connsiteX9" fmla="*/ 26335 w 571425"/>
                  <a:gd name="connsiteY9" fmla="*/ 295496 h 1233283"/>
                  <a:gd name="connsiteX10" fmla="*/ 22706 w 571425"/>
                  <a:gd name="connsiteY10" fmla="*/ 457830 h 1233283"/>
                  <a:gd name="connsiteX11" fmla="*/ 33626 w 571425"/>
                  <a:gd name="connsiteY11" fmla="*/ 596646 h 1233283"/>
                  <a:gd name="connsiteX12" fmla="*/ 137230 w 571425"/>
                  <a:gd name="connsiteY12" fmla="*/ 746787 h 1233283"/>
                  <a:gd name="connsiteX13" fmla="*/ 229257 w 571425"/>
                  <a:gd name="connsiteY13" fmla="*/ 870578 h 1233283"/>
                  <a:gd name="connsiteX14" fmla="*/ 258414 w 571425"/>
                  <a:gd name="connsiteY14" fmla="*/ 962059 h 1233283"/>
                  <a:gd name="connsiteX15" fmla="*/ 326333 w 571425"/>
                  <a:gd name="connsiteY15" fmla="*/ 1045947 h 1233283"/>
                  <a:gd name="connsiteX16" fmla="*/ 369980 w 571425"/>
                  <a:gd name="connsiteY16" fmla="*/ 1106749 h 1233283"/>
                  <a:gd name="connsiteX17" fmla="*/ 430970 w 571425"/>
                  <a:gd name="connsiteY17" fmla="*/ 1168121 h 1233283"/>
                  <a:gd name="connsiteX0" fmla="*/ 430970 w 571425"/>
                  <a:gd name="connsiteY0" fmla="*/ 1168659 h 1233821"/>
                  <a:gd name="connsiteX1" fmla="*/ 493770 w 571425"/>
                  <a:gd name="connsiteY1" fmla="*/ 1163490 h 1233821"/>
                  <a:gd name="connsiteX2" fmla="*/ 571425 w 571425"/>
                  <a:gd name="connsiteY2" fmla="*/ 238540 h 1233821"/>
                  <a:gd name="connsiteX3" fmla="*/ 469121 w 571425"/>
                  <a:gd name="connsiteY3" fmla="*/ 120857 h 1233821"/>
                  <a:gd name="connsiteX4" fmla="*/ 353999 w 571425"/>
                  <a:gd name="connsiteY4" fmla="*/ 112514 h 1233821"/>
                  <a:gd name="connsiteX5" fmla="*/ 242409 w 571425"/>
                  <a:gd name="connsiteY5" fmla="*/ 76679 h 1233821"/>
                  <a:gd name="connsiteX6" fmla="*/ 82930 w 571425"/>
                  <a:gd name="connsiteY6" fmla="*/ 687 h 1233821"/>
                  <a:gd name="connsiteX7" fmla="*/ 6280 w 571425"/>
                  <a:gd name="connsiteY7" fmla="*/ 125147 h 1233821"/>
                  <a:gd name="connsiteX8" fmla="*/ 1126 w 571425"/>
                  <a:gd name="connsiteY8" fmla="*/ 236650 h 1233821"/>
                  <a:gd name="connsiteX9" fmla="*/ 26335 w 571425"/>
                  <a:gd name="connsiteY9" fmla="*/ 296034 h 1233821"/>
                  <a:gd name="connsiteX10" fmla="*/ 22706 w 571425"/>
                  <a:gd name="connsiteY10" fmla="*/ 458368 h 1233821"/>
                  <a:gd name="connsiteX11" fmla="*/ 33626 w 571425"/>
                  <a:gd name="connsiteY11" fmla="*/ 597184 h 1233821"/>
                  <a:gd name="connsiteX12" fmla="*/ 137230 w 571425"/>
                  <a:gd name="connsiteY12" fmla="*/ 747325 h 1233821"/>
                  <a:gd name="connsiteX13" fmla="*/ 229257 w 571425"/>
                  <a:gd name="connsiteY13" fmla="*/ 871116 h 1233821"/>
                  <a:gd name="connsiteX14" fmla="*/ 258414 w 571425"/>
                  <a:gd name="connsiteY14" fmla="*/ 962597 h 1233821"/>
                  <a:gd name="connsiteX15" fmla="*/ 326333 w 571425"/>
                  <a:gd name="connsiteY15" fmla="*/ 1046485 h 1233821"/>
                  <a:gd name="connsiteX16" fmla="*/ 369980 w 571425"/>
                  <a:gd name="connsiteY16" fmla="*/ 1107287 h 1233821"/>
                  <a:gd name="connsiteX17" fmla="*/ 430970 w 571425"/>
                  <a:gd name="connsiteY17" fmla="*/ 1168659 h 1233821"/>
                  <a:gd name="connsiteX0" fmla="*/ 430769 w 571224"/>
                  <a:gd name="connsiteY0" fmla="*/ 1168796 h 1233958"/>
                  <a:gd name="connsiteX1" fmla="*/ 493569 w 571224"/>
                  <a:gd name="connsiteY1" fmla="*/ 1163627 h 1233958"/>
                  <a:gd name="connsiteX2" fmla="*/ 571224 w 571224"/>
                  <a:gd name="connsiteY2" fmla="*/ 238677 h 1233958"/>
                  <a:gd name="connsiteX3" fmla="*/ 468920 w 571224"/>
                  <a:gd name="connsiteY3" fmla="*/ 120994 h 1233958"/>
                  <a:gd name="connsiteX4" fmla="*/ 353798 w 571224"/>
                  <a:gd name="connsiteY4" fmla="*/ 112651 h 1233958"/>
                  <a:gd name="connsiteX5" fmla="*/ 242208 w 571224"/>
                  <a:gd name="connsiteY5" fmla="*/ 76816 h 1233958"/>
                  <a:gd name="connsiteX6" fmla="*/ 82729 w 571224"/>
                  <a:gd name="connsiteY6" fmla="*/ 824 h 1233958"/>
                  <a:gd name="connsiteX7" fmla="*/ 63997 w 571224"/>
                  <a:gd name="connsiteY7" fmla="*/ 130470 h 1233958"/>
                  <a:gd name="connsiteX8" fmla="*/ 925 w 571224"/>
                  <a:gd name="connsiteY8" fmla="*/ 236787 h 1233958"/>
                  <a:gd name="connsiteX9" fmla="*/ 26134 w 571224"/>
                  <a:gd name="connsiteY9" fmla="*/ 296171 h 1233958"/>
                  <a:gd name="connsiteX10" fmla="*/ 22505 w 571224"/>
                  <a:gd name="connsiteY10" fmla="*/ 458505 h 1233958"/>
                  <a:gd name="connsiteX11" fmla="*/ 33425 w 571224"/>
                  <a:gd name="connsiteY11" fmla="*/ 597321 h 1233958"/>
                  <a:gd name="connsiteX12" fmla="*/ 137029 w 571224"/>
                  <a:gd name="connsiteY12" fmla="*/ 747462 h 1233958"/>
                  <a:gd name="connsiteX13" fmla="*/ 229056 w 571224"/>
                  <a:gd name="connsiteY13" fmla="*/ 871253 h 1233958"/>
                  <a:gd name="connsiteX14" fmla="*/ 258213 w 571224"/>
                  <a:gd name="connsiteY14" fmla="*/ 962734 h 1233958"/>
                  <a:gd name="connsiteX15" fmla="*/ 326132 w 571224"/>
                  <a:gd name="connsiteY15" fmla="*/ 1046622 h 1233958"/>
                  <a:gd name="connsiteX16" fmla="*/ 369779 w 571224"/>
                  <a:gd name="connsiteY16" fmla="*/ 1107424 h 1233958"/>
                  <a:gd name="connsiteX17" fmla="*/ 430769 w 571224"/>
                  <a:gd name="connsiteY17" fmla="*/ 1168796 h 1233958"/>
                  <a:gd name="connsiteX0" fmla="*/ 430769 w 571224"/>
                  <a:gd name="connsiteY0" fmla="*/ 1163663 h 1228825"/>
                  <a:gd name="connsiteX1" fmla="*/ 493569 w 571224"/>
                  <a:gd name="connsiteY1" fmla="*/ 1158494 h 1228825"/>
                  <a:gd name="connsiteX2" fmla="*/ 571224 w 571224"/>
                  <a:gd name="connsiteY2" fmla="*/ 233544 h 1228825"/>
                  <a:gd name="connsiteX3" fmla="*/ 468920 w 571224"/>
                  <a:gd name="connsiteY3" fmla="*/ 115861 h 1228825"/>
                  <a:gd name="connsiteX4" fmla="*/ 353798 w 571224"/>
                  <a:gd name="connsiteY4" fmla="*/ 107518 h 1228825"/>
                  <a:gd name="connsiteX5" fmla="*/ 242208 w 571224"/>
                  <a:gd name="connsiteY5" fmla="*/ 71683 h 1228825"/>
                  <a:gd name="connsiteX6" fmla="*/ 91874 w 571224"/>
                  <a:gd name="connsiteY6" fmla="*/ 877 h 1228825"/>
                  <a:gd name="connsiteX7" fmla="*/ 63997 w 571224"/>
                  <a:gd name="connsiteY7" fmla="*/ 125337 h 1228825"/>
                  <a:gd name="connsiteX8" fmla="*/ 925 w 571224"/>
                  <a:gd name="connsiteY8" fmla="*/ 231654 h 1228825"/>
                  <a:gd name="connsiteX9" fmla="*/ 26134 w 571224"/>
                  <a:gd name="connsiteY9" fmla="*/ 291038 h 1228825"/>
                  <a:gd name="connsiteX10" fmla="*/ 22505 w 571224"/>
                  <a:gd name="connsiteY10" fmla="*/ 453372 h 1228825"/>
                  <a:gd name="connsiteX11" fmla="*/ 33425 w 571224"/>
                  <a:gd name="connsiteY11" fmla="*/ 592188 h 1228825"/>
                  <a:gd name="connsiteX12" fmla="*/ 137029 w 571224"/>
                  <a:gd name="connsiteY12" fmla="*/ 742329 h 1228825"/>
                  <a:gd name="connsiteX13" fmla="*/ 229056 w 571224"/>
                  <a:gd name="connsiteY13" fmla="*/ 866120 h 1228825"/>
                  <a:gd name="connsiteX14" fmla="*/ 258213 w 571224"/>
                  <a:gd name="connsiteY14" fmla="*/ 957601 h 1228825"/>
                  <a:gd name="connsiteX15" fmla="*/ 326132 w 571224"/>
                  <a:gd name="connsiteY15" fmla="*/ 1041489 h 1228825"/>
                  <a:gd name="connsiteX16" fmla="*/ 369779 w 571224"/>
                  <a:gd name="connsiteY16" fmla="*/ 1102291 h 1228825"/>
                  <a:gd name="connsiteX17" fmla="*/ 430769 w 571224"/>
                  <a:gd name="connsiteY17" fmla="*/ 1163663 h 1228825"/>
                  <a:gd name="connsiteX0" fmla="*/ 409519 w 549974"/>
                  <a:gd name="connsiteY0" fmla="*/ 1163663 h 1228825"/>
                  <a:gd name="connsiteX1" fmla="*/ 472319 w 549974"/>
                  <a:gd name="connsiteY1" fmla="*/ 1158494 h 1228825"/>
                  <a:gd name="connsiteX2" fmla="*/ 549974 w 549974"/>
                  <a:gd name="connsiteY2" fmla="*/ 233544 h 1228825"/>
                  <a:gd name="connsiteX3" fmla="*/ 447670 w 549974"/>
                  <a:gd name="connsiteY3" fmla="*/ 115861 h 1228825"/>
                  <a:gd name="connsiteX4" fmla="*/ 332548 w 549974"/>
                  <a:gd name="connsiteY4" fmla="*/ 107518 h 1228825"/>
                  <a:gd name="connsiteX5" fmla="*/ 220958 w 549974"/>
                  <a:gd name="connsiteY5" fmla="*/ 71683 h 1228825"/>
                  <a:gd name="connsiteX6" fmla="*/ 70624 w 549974"/>
                  <a:gd name="connsiteY6" fmla="*/ 877 h 1228825"/>
                  <a:gd name="connsiteX7" fmla="*/ 42747 w 549974"/>
                  <a:gd name="connsiteY7" fmla="*/ 125337 h 1228825"/>
                  <a:gd name="connsiteX8" fmla="*/ 28447 w 549974"/>
                  <a:gd name="connsiteY8" fmla="*/ 260176 h 1228825"/>
                  <a:gd name="connsiteX9" fmla="*/ 4884 w 549974"/>
                  <a:gd name="connsiteY9" fmla="*/ 291038 h 1228825"/>
                  <a:gd name="connsiteX10" fmla="*/ 1255 w 549974"/>
                  <a:gd name="connsiteY10" fmla="*/ 453372 h 1228825"/>
                  <a:gd name="connsiteX11" fmla="*/ 12175 w 549974"/>
                  <a:gd name="connsiteY11" fmla="*/ 592188 h 1228825"/>
                  <a:gd name="connsiteX12" fmla="*/ 115779 w 549974"/>
                  <a:gd name="connsiteY12" fmla="*/ 742329 h 1228825"/>
                  <a:gd name="connsiteX13" fmla="*/ 207806 w 549974"/>
                  <a:gd name="connsiteY13" fmla="*/ 866120 h 1228825"/>
                  <a:gd name="connsiteX14" fmla="*/ 236963 w 549974"/>
                  <a:gd name="connsiteY14" fmla="*/ 957601 h 1228825"/>
                  <a:gd name="connsiteX15" fmla="*/ 304882 w 549974"/>
                  <a:gd name="connsiteY15" fmla="*/ 1041489 h 1228825"/>
                  <a:gd name="connsiteX16" fmla="*/ 348529 w 549974"/>
                  <a:gd name="connsiteY16" fmla="*/ 1102291 h 1228825"/>
                  <a:gd name="connsiteX17" fmla="*/ 409519 w 549974"/>
                  <a:gd name="connsiteY17" fmla="*/ 1163663 h 1228825"/>
                  <a:gd name="connsiteX0" fmla="*/ 413563 w 554018"/>
                  <a:gd name="connsiteY0" fmla="*/ 1163663 h 1228825"/>
                  <a:gd name="connsiteX1" fmla="*/ 476363 w 554018"/>
                  <a:gd name="connsiteY1" fmla="*/ 1158494 h 1228825"/>
                  <a:gd name="connsiteX2" fmla="*/ 554018 w 554018"/>
                  <a:gd name="connsiteY2" fmla="*/ 233544 h 1228825"/>
                  <a:gd name="connsiteX3" fmla="*/ 451714 w 554018"/>
                  <a:gd name="connsiteY3" fmla="*/ 115861 h 1228825"/>
                  <a:gd name="connsiteX4" fmla="*/ 336592 w 554018"/>
                  <a:gd name="connsiteY4" fmla="*/ 107518 h 1228825"/>
                  <a:gd name="connsiteX5" fmla="*/ 225002 w 554018"/>
                  <a:gd name="connsiteY5" fmla="*/ 71683 h 1228825"/>
                  <a:gd name="connsiteX6" fmla="*/ 74668 w 554018"/>
                  <a:gd name="connsiteY6" fmla="*/ 877 h 1228825"/>
                  <a:gd name="connsiteX7" fmla="*/ 46791 w 554018"/>
                  <a:gd name="connsiteY7" fmla="*/ 125337 h 1228825"/>
                  <a:gd name="connsiteX8" fmla="*/ 32491 w 554018"/>
                  <a:gd name="connsiteY8" fmla="*/ 260176 h 1228825"/>
                  <a:gd name="connsiteX9" fmla="*/ 66847 w 554018"/>
                  <a:gd name="connsiteY9" fmla="*/ 304003 h 1228825"/>
                  <a:gd name="connsiteX10" fmla="*/ 5299 w 554018"/>
                  <a:gd name="connsiteY10" fmla="*/ 453372 h 1228825"/>
                  <a:gd name="connsiteX11" fmla="*/ 16219 w 554018"/>
                  <a:gd name="connsiteY11" fmla="*/ 592188 h 1228825"/>
                  <a:gd name="connsiteX12" fmla="*/ 119823 w 554018"/>
                  <a:gd name="connsiteY12" fmla="*/ 742329 h 1228825"/>
                  <a:gd name="connsiteX13" fmla="*/ 211850 w 554018"/>
                  <a:gd name="connsiteY13" fmla="*/ 866120 h 1228825"/>
                  <a:gd name="connsiteX14" fmla="*/ 241007 w 554018"/>
                  <a:gd name="connsiteY14" fmla="*/ 957601 h 1228825"/>
                  <a:gd name="connsiteX15" fmla="*/ 308926 w 554018"/>
                  <a:gd name="connsiteY15" fmla="*/ 1041489 h 1228825"/>
                  <a:gd name="connsiteX16" fmla="*/ 352573 w 554018"/>
                  <a:gd name="connsiteY16" fmla="*/ 1102291 h 1228825"/>
                  <a:gd name="connsiteX17" fmla="*/ 413563 w 554018"/>
                  <a:gd name="connsiteY17" fmla="*/ 1163663 h 1228825"/>
                  <a:gd name="connsiteX0" fmla="*/ 398397 w 538852"/>
                  <a:gd name="connsiteY0" fmla="*/ 1163663 h 1228825"/>
                  <a:gd name="connsiteX1" fmla="*/ 461197 w 538852"/>
                  <a:gd name="connsiteY1" fmla="*/ 1158494 h 1228825"/>
                  <a:gd name="connsiteX2" fmla="*/ 538852 w 538852"/>
                  <a:gd name="connsiteY2" fmla="*/ 233544 h 1228825"/>
                  <a:gd name="connsiteX3" fmla="*/ 436548 w 538852"/>
                  <a:gd name="connsiteY3" fmla="*/ 115861 h 1228825"/>
                  <a:gd name="connsiteX4" fmla="*/ 321426 w 538852"/>
                  <a:gd name="connsiteY4" fmla="*/ 107518 h 1228825"/>
                  <a:gd name="connsiteX5" fmla="*/ 209836 w 538852"/>
                  <a:gd name="connsiteY5" fmla="*/ 71683 h 1228825"/>
                  <a:gd name="connsiteX6" fmla="*/ 59502 w 538852"/>
                  <a:gd name="connsiteY6" fmla="*/ 877 h 1228825"/>
                  <a:gd name="connsiteX7" fmla="*/ 31625 w 538852"/>
                  <a:gd name="connsiteY7" fmla="*/ 125337 h 1228825"/>
                  <a:gd name="connsiteX8" fmla="*/ 17325 w 538852"/>
                  <a:gd name="connsiteY8" fmla="*/ 260176 h 1228825"/>
                  <a:gd name="connsiteX9" fmla="*/ 51681 w 538852"/>
                  <a:gd name="connsiteY9" fmla="*/ 304003 h 1228825"/>
                  <a:gd name="connsiteX10" fmla="*/ 51099 w 538852"/>
                  <a:gd name="connsiteY10" fmla="*/ 458558 h 1228825"/>
                  <a:gd name="connsiteX11" fmla="*/ 1053 w 538852"/>
                  <a:gd name="connsiteY11" fmla="*/ 592188 h 1228825"/>
                  <a:gd name="connsiteX12" fmla="*/ 104657 w 538852"/>
                  <a:gd name="connsiteY12" fmla="*/ 742329 h 1228825"/>
                  <a:gd name="connsiteX13" fmla="*/ 196684 w 538852"/>
                  <a:gd name="connsiteY13" fmla="*/ 866120 h 1228825"/>
                  <a:gd name="connsiteX14" fmla="*/ 225841 w 538852"/>
                  <a:gd name="connsiteY14" fmla="*/ 957601 h 1228825"/>
                  <a:gd name="connsiteX15" fmla="*/ 293760 w 538852"/>
                  <a:gd name="connsiteY15" fmla="*/ 1041489 h 1228825"/>
                  <a:gd name="connsiteX16" fmla="*/ 337407 w 538852"/>
                  <a:gd name="connsiteY16" fmla="*/ 1102291 h 1228825"/>
                  <a:gd name="connsiteX17" fmla="*/ 398397 w 538852"/>
                  <a:gd name="connsiteY17" fmla="*/ 1163663 h 1228825"/>
                  <a:gd name="connsiteX0" fmla="*/ 381584 w 522039"/>
                  <a:gd name="connsiteY0" fmla="*/ 1163663 h 1228825"/>
                  <a:gd name="connsiteX1" fmla="*/ 444384 w 522039"/>
                  <a:gd name="connsiteY1" fmla="*/ 1158494 h 1228825"/>
                  <a:gd name="connsiteX2" fmla="*/ 522039 w 522039"/>
                  <a:gd name="connsiteY2" fmla="*/ 233544 h 1228825"/>
                  <a:gd name="connsiteX3" fmla="*/ 419735 w 522039"/>
                  <a:gd name="connsiteY3" fmla="*/ 115861 h 1228825"/>
                  <a:gd name="connsiteX4" fmla="*/ 304613 w 522039"/>
                  <a:gd name="connsiteY4" fmla="*/ 107518 h 1228825"/>
                  <a:gd name="connsiteX5" fmla="*/ 193023 w 522039"/>
                  <a:gd name="connsiteY5" fmla="*/ 71683 h 1228825"/>
                  <a:gd name="connsiteX6" fmla="*/ 42689 w 522039"/>
                  <a:gd name="connsiteY6" fmla="*/ 877 h 1228825"/>
                  <a:gd name="connsiteX7" fmla="*/ 14812 w 522039"/>
                  <a:gd name="connsiteY7" fmla="*/ 125337 h 1228825"/>
                  <a:gd name="connsiteX8" fmla="*/ 512 w 522039"/>
                  <a:gd name="connsiteY8" fmla="*/ 260176 h 1228825"/>
                  <a:gd name="connsiteX9" fmla="*/ 34868 w 522039"/>
                  <a:gd name="connsiteY9" fmla="*/ 304003 h 1228825"/>
                  <a:gd name="connsiteX10" fmla="*/ 34286 w 522039"/>
                  <a:gd name="connsiteY10" fmla="*/ 458558 h 1228825"/>
                  <a:gd name="connsiteX11" fmla="*/ 42158 w 522039"/>
                  <a:gd name="connsiteY11" fmla="*/ 599967 h 1228825"/>
                  <a:gd name="connsiteX12" fmla="*/ 87844 w 522039"/>
                  <a:gd name="connsiteY12" fmla="*/ 742329 h 1228825"/>
                  <a:gd name="connsiteX13" fmla="*/ 179871 w 522039"/>
                  <a:gd name="connsiteY13" fmla="*/ 866120 h 1228825"/>
                  <a:gd name="connsiteX14" fmla="*/ 209028 w 522039"/>
                  <a:gd name="connsiteY14" fmla="*/ 957601 h 1228825"/>
                  <a:gd name="connsiteX15" fmla="*/ 276947 w 522039"/>
                  <a:gd name="connsiteY15" fmla="*/ 1041489 h 1228825"/>
                  <a:gd name="connsiteX16" fmla="*/ 320594 w 522039"/>
                  <a:gd name="connsiteY16" fmla="*/ 1102291 h 1228825"/>
                  <a:gd name="connsiteX17" fmla="*/ 381584 w 522039"/>
                  <a:gd name="connsiteY17" fmla="*/ 1163663 h 1228825"/>
                  <a:gd name="connsiteX0" fmla="*/ 381584 w 522039"/>
                  <a:gd name="connsiteY0" fmla="*/ 1163663 h 1228825"/>
                  <a:gd name="connsiteX1" fmla="*/ 444384 w 522039"/>
                  <a:gd name="connsiteY1" fmla="*/ 1158494 h 1228825"/>
                  <a:gd name="connsiteX2" fmla="*/ 522039 w 522039"/>
                  <a:gd name="connsiteY2" fmla="*/ 233544 h 1228825"/>
                  <a:gd name="connsiteX3" fmla="*/ 419735 w 522039"/>
                  <a:gd name="connsiteY3" fmla="*/ 115861 h 1228825"/>
                  <a:gd name="connsiteX4" fmla="*/ 304613 w 522039"/>
                  <a:gd name="connsiteY4" fmla="*/ 107518 h 1228825"/>
                  <a:gd name="connsiteX5" fmla="*/ 193023 w 522039"/>
                  <a:gd name="connsiteY5" fmla="*/ 71683 h 1228825"/>
                  <a:gd name="connsiteX6" fmla="*/ 42689 w 522039"/>
                  <a:gd name="connsiteY6" fmla="*/ 877 h 1228825"/>
                  <a:gd name="connsiteX7" fmla="*/ 14812 w 522039"/>
                  <a:gd name="connsiteY7" fmla="*/ 125337 h 1228825"/>
                  <a:gd name="connsiteX8" fmla="*/ 512 w 522039"/>
                  <a:gd name="connsiteY8" fmla="*/ 260176 h 1228825"/>
                  <a:gd name="connsiteX9" fmla="*/ 34868 w 522039"/>
                  <a:gd name="connsiteY9" fmla="*/ 304003 h 1228825"/>
                  <a:gd name="connsiteX10" fmla="*/ 34286 w 522039"/>
                  <a:gd name="connsiteY10" fmla="*/ 458558 h 1228825"/>
                  <a:gd name="connsiteX11" fmla="*/ 42158 w 522039"/>
                  <a:gd name="connsiteY11" fmla="*/ 599967 h 1228825"/>
                  <a:gd name="connsiteX12" fmla="*/ 87844 w 522039"/>
                  <a:gd name="connsiteY12" fmla="*/ 742329 h 1228825"/>
                  <a:gd name="connsiteX13" fmla="*/ 179871 w 522039"/>
                  <a:gd name="connsiteY13" fmla="*/ 866120 h 1228825"/>
                  <a:gd name="connsiteX14" fmla="*/ 209028 w 522039"/>
                  <a:gd name="connsiteY14" fmla="*/ 957601 h 1228825"/>
                  <a:gd name="connsiteX15" fmla="*/ 261706 w 522039"/>
                  <a:gd name="connsiteY15" fmla="*/ 1062233 h 1228825"/>
                  <a:gd name="connsiteX16" fmla="*/ 320594 w 522039"/>
                  <a:gd name="connsiteY16" fmla="*/ 1102291 h 1228825"/>
                  <a:gd name="connsiteX17" fmla="*/ 381584 w 522039"/>
                  <a:gd name="connsiteY17" fmla="*/ 1163663 h 1228825"/>
                  <a:gd name="connsiteX0" fmla="*/ 381584 w 522039"/>
                  <a:gd name="connsiteY0" fmla="*/ 1163663 h 1228825"/>
                  <a:gd name="connsiteX1" fmla="*/ 444384 w 522039"/>
                  <a:gd name="connsiteY1" fmla="*/ 1158494 h 1228825"/>
                  <a:gd name="connsiteX2" fmla="*/ 522039 w 522039"/>
                  <a:gd name="connsiteY2" fmla="*/ 233544 h 1228825"/>
                  <a:gd name="connsiteX3" fmla="*/ 419735 w 522039"/>
                  <a:gd name="connsiteY3" fmla="*/ 115861 h 1228825"/>
                  <a:gd name="connsiteX4" fmla="*/ 304613 w 522039"/>
                  <a:gd name="connsiteY4" fmla="*/ 107518 h 1228825"/>
                  <a:gd name="connsiteX5" fmla="*/ 193023 w 522039"/>
                  <a:gd name="connsiteY5" fmla="*/ 71683 h 1228825"/>
                  <a:gd name="connsiteX6" fmla="*/ 42689 w 522039"/>
                  <a:gd name="connsiteY6" fmla="*/ 877 h 1228825"/>
                  <a:gd name="connsiteX7" fmla="*/ 14812 w 522039"/>
                  <a:gd name="connsiteY7" fmla="*/ 125337 h 1228825"/>
                  <a:gd name="connsiteX8" fmla="*/ 512 w 522039"/>
                  <a:gd name="connsiteY8" fmla="*/ 260176 h 1228825"/>
                  <a:gd name="connsiteX9" fmla="*/ 34868 w 522039"/>
                  <a:gd name="connsiteY9" fmla="*/ 304003 h 1228825"/>
                  <a:gd name="connsiteX10" fmla="*/ 34286 w 522039"/>
                  <a:gd name="connsiteY10" fmla="*/ 458558 h 1228825"/>
                  <a:gd name="connsiteX11" fmla="*/ 42158 w 522039"/>
                  <a:gd name="connsiteY11" fmla="*/ 599967 h 1228825"/>
                  <a:gd name="connsiteX12" fmla="*/ 87844 w 522039"/>
                  <a:gd name="connsiteY12" fmla="*/ 742329 h 1228825"/>
                  <a:gd name="connsiteX13" fmla="*/ 179871 w 522039"/>
                  <a:gd name="connsiteY13" fmla="*/ 866120 h 1228825"/>
                  <a:gd name="connsiteX14" fmla="*/ 209028 w 522039"/>
                  <a:gd name="connsiteY14" fmla="*/ 957601 h 1228825"/>
                  <a:gd name="connsiteX15" fmla="*/ 261706 w 522039"/>
                  <a:gd name="connsiteY15" fmla="*/ 1062233 h 1228825"/>
                  <a:gd name="connsiteX16" fmla="*/ 351077 w 522039"/>
                  <a:gd name="connsiteY16" fmla="*/ 1167115 h 1228825"/>
                  <a:gd name="connsiteX17" fmla="*/ 381584 w 522039"/>
                  <a:gd name="connsiteY17" fmla="*/ 1163663 h 1228825"/>
                  <a:gd name="connsiteX0" fmla="*/ 381584 w 522039"/>
                  <a:gd name="connsiteY0" fmla="*/ 1163663 h 1228825"/>
                  <a:gd name="connsiteX1" fmla="*/ 444384 w 522039"/>
                  <a:gd name="connsiteY1" fmla="*/ 1158494 h 1228825"/>
                  <a:gd name="connsiteX2" fmla="*/ 522039 w 522039"/>
                  <a:gd name="connsiteY2" fmla="*/ 233544 h 1228825"/>
                  <a:gd name="connsiteX3" fmla="*/ 419735 w 522039"/>
                  <a:gd name="connsiteY3" fmla="*/ 115861 h 1228825"/>
                  <a:gd name="connsiteX4" fmla="*/ 304613 w 522039"/>
                  <a:gd name="connsiteY4" fmla="*/ 107518 h 1228825"/>
                  <a:gd name="connsiteX5" fmla="*/ 193023 w 522039"/>
                  <a:gd name="connsiteY5" fmla="*/ 71683 h 1228825"/>
                  <a:gd name="connsiteX6" fmla="*/ 42689 w 522039"/>
                  <a:gd name="connsiteY6" fmla="*/ 877 h 1228825"/>
                  <a:gd name="connsiteX7" fmla="*/ 14812 w 522039"/>
                  <a:gd name="connsiteY7" fmla="*/ 125337 h 1228825"/>
                  <a:gd name="connsiteX8" fmla="*/ 512 w 522039"/>
                  <a:gd name="connsiteY8" fmla="*/ 260176 h 1228825"/>
                  <a:gd name="connsiteX9" fmla="*/ 34868 w 522039"/>
                  <a:gd name="connsiteY9" fmla="*/ 304003 h 1228825"/>
                  <a:gd name="connsiteX10" fmla="*/ 34286 w 522039"/>
                  <a:gd name="connsiteY10" fmla="*/ 458558 h 1228825"/>
                  <a:gd name="connsiteX11" fmla="*/ 42158 w 522039"/>
                  <a:gd name="connsiteY11" fmla="*/ 599967 h 1228825"/>
                  <a:gd name="connsiteX12" fmla="*/ 87844 w 522039"/>
                  <a:gd name="connsiteY12" fmla="*/ 742329 h 1228825"/>
                  <a:gd name="connsiteX13" fmla="*/ 179871 w 522039"/>
                  <a:gd name="connsiteY13" fmla="*/ 866120 h 1228825"/>
                  <a:gd name="connsiteX14" fmla="*/ 209028 w 522039"/>
                  <a:gd name="connsiteY14" fmla="*/ 957601 h 1228825"/>
                  <a:gd name="connsiteX15" fmla="*/ 261706 w 522039"/>
                  <a:gd name="connsiteY15" fmla="*/ 1062233 h 1228825"/>
                  <a:gd name="connsiteX16" fmla="*/ 323643 w 522039"/>
                  <a:gd name="connsiteY16" fmla="*/ 1138593 h 1228825"/>
                  <a:gd name="connsiteX17" fmla="*/ 381584 w 522039"/>
                  <a:gd name="connsiteY17" fmla="*/ 1163663 h 1228825"/>
                  <a:gd name="connsiteX0" fmla="*/ 381584 w 522039"/>
                  <a:gd name="connsiteY0" fmla="*/ 1163663 h 1166921"/>
                  <a:gd name="connsiteX1" fmla="*/ 444384 w 522039"/>
                  <a:gd name="connsiteY1" fmla="*/ 1158494 h 1166921"/>
                  <a:gd name="connsiteX2" fmla="*/ 522039 w 522039"/>
                  <a:gd name="connsiteY2" fmla="*/ 233544 h 1166921"/>
                  <a:gd name="connsiteX3" fmla="*/ 419735 w 522039"/>
                  <a:gd name="connsiteY3" fmla="*/ 115861 h 1166921"/>
                  <a:gd name="connsiteX4" fmla="*/ 304613 w 522039"/>
                  <a:gd name="connsiteY4" fmla="*/ 107518 h 1166921"/>
                  <a:gd name="connsiteX5" fmla="*/ 193023 w 522039"/>
                  <a:gd name="connsiteY5" fmla="*/ 71683 h 1166921"/>
                  <a:gd name="connsiteX6" fmla="*/ 42689 w 522039"/>
                  <a:gd name="connsiteY6" fmla="*/ 877 h 1166921"/>
                  <a:gd name="connsiteX7" fmla="*/ 14812 w 522039"/>
                  <a:gd name="connsiteY7" fmla="*/ 125337 h 1166921"/>
                  <a:gd name="connsiteX8" fmla="*/ 512 w 522039"/>
                  <a:gd name="connsiteY8" fmla="*/ 260176 h 1166921"/>
                  <a:gd name="connsiteX9" fmla="*/ 34868 w 522039"/>
                  <a:gd name="connsiteY9" fmla="*/ 304003 h 1166921"/>
                  <a:gd name="connsiteX10" fmla="*/ 34286 w 522039"/>
                  <a:gd name="connsiteY10" fmla="*/ 458558 h 1166921"/>
                  <a:gd name="connsiteX11" fmla="*/ 42158 w 522039"/>
                  <a:gd name="connsiteY11" fmla="*/ 599967 h 1166921"/>
                  <a:gd name="connsiteX12" fmla="*/ 87844 w 522039"/>
                  <a:gd name="connsiteY12" fmla="*/ 742329 h 1166921"/>
                  <a:gd name="connsiteX13" fmla="*/ 179871 w 522039"/>
                  <a:gd name="connsiteY13" fmla="*/ 866120 h 1166921"/>
                  <a:gd name="connsiteX14" fmla="*/ 209028 w 522039"/>
                  <a:gd name="connsiteY14" fmla="*/ 957601 h 1166921"/>
                  <a:gd name="connsiteX15" fmla="*/ 261706 w 522039"/>
                  <a:gd name="connsiteY15" fmla="*/ 1062233 h 1166921"/>
                  <a:gd name="connsiteX16" fmla="*/ 323643 w 522039"/>
                  <a:gd name="connsiteY16" fmla="*/ 1138593 h 1166921"/>
                  <a:gd name="connsiteX17" fmla="*/ 381584 w 522039"/>
                  <a:gd name="connsiteY17" fmla="*/ 1163663 h 1166921"/>
                  <a:gd name="connsiteX0" fmla="*/ 381584 w 522039"/>
                  <a:gd name="connsiteY0" fmla="*/ 1163663 h 1171368"/>
                  <a:gd name="connsiteX1" fmla="*/ 444384 w 522039"/>
                  <a:gd name="connsiteY1" fmla="*/ 1158494 h 1171368"/>
                  <a:gd name="connsiteX2" fmla="*/ 522039 w 522039"/>
                  <a:gd name="connsiteY2" fmla="*/ 233544 h 1171368"/>
                  <a:gd name="connsiteX3" fmla="*/ 419735 w 522039"/>
                  <a:gd name="connsiteY3" fmla="*/ 115861 h 1171368"/>
                  <a:gd name="connsiteX4" fmla="*/ 304613 w 522039"/>
                  <a:gd name="connsiteY4" fmla="*/ 107518 h 1171368"/>
                  <a:gd name="connsiteX5" fmla="*/ 193023 w 522039"/>
                  <a:gd name="connsiteY5" fmla="*/ 71683 h 1171368"/>
                  <a:gd name="connsiteX6" fmla="*/ 42689 w 522039"/>
                  <a:gd name="connsiteY6" fmla="*/ 877 h 1171368"/>
                  <a:gd name="connsiteX7" fmla="*/ 14812 w 522039"/>
                  <a:gd name="connsiteY7" fmla="*/ 125337 h 1171368"/>
                  <a:gd name="connsiteX8" fmla="*/ 512 w 522039"/>
                  <a:gd name="connsiteY8" fmla="*/ 260176 h 1171368"/>
                  <a:gd name="connsiteX9" fmla="*/ 34868 w 522039"/>
                  <a:gd name="connsiteY9" fmla="*/ 304003 h 1171368"/>
                  <a:gd name="connsiteX10" fmla="*/ 34286 w 522039"/>
                  <a:gd name="connsiteY10" fmla="*/ 458558 h 1171368"/>
                  <a:gd name="connsiteX11" fmla="*/ 42158 w 522039"/>
                  <a:gd name="connsiteY11" fmla="*/ 599967 h 1171368"/>
                  <a:gd name="connsiteX12" fmla="*/ 87844 w 522039"/>
                  <a:gd name="connsiteY12" fmla="*/ 742329 h 1171368"/>
                  <a:gd name="connsiteX13" fmla="*/ 179871 w 522039"/>
                  <a:gd name="connsiteY13" fmla="*/ 866120 h 1171368"/>
                  <a:gd name="connsiteX14" fmla="*/ 209028 w 522039"/>
                  <a:gd name="connsiteY14" fmla="*/ 957601 h 1171368"/>
                  <a:gd name="connsiteX15" fmla="*/ 261706 w 522039"/>
                  <a:gd name="connsiteY15" fmla="*/ 1062233 h 1171368"/>
                  <a:gd name="connsiteX16" fmla="*/ 323643 w 522039"/>
                  <a:gd name="connsiteY16" fmla="*/ 1138593 h 1171368"/>
                  <a:gd name="connsiteX17" fmla="*/ 381584 w 522039"/>
                  <a:gd name="connsiteY17" fmla="*/ 1163663 h 1171368"/>
                  <a:gd name="connsiteX0" fmla="*/ 381584 w 522039"/>
                  <a:gd name="connsiteY0" fmla="*/ 1163663 h 1169120"/>
                  <a:gd name="connsiteX1" fmla="*/ 444384 w 522039"/>
                  <a:gd name="connsiteY1" fmla="*/ 1158494 h 1169120"/>
                  <a:gd name="connsiteX2" fmla="*/ 522039 w 522039"/>
                  <a:gd name="connsiteY2" fmla="*/ 233544 h 1169120"/>
                  <a:gd name="connsiteX3" fmla="*/ 419735 w 522039"/>
                  <a:gd name="connsiteY3" fmla="*/ 115861 h 1169120"/>
                  <a:gd name="connsiteX4" fmla="*/ 304613 w 522039"/>
                  <a:gd name="connsiteY4" fmla="*/ 107518 h 1169120"/>
                  <a:gd name="connsiteX5" fmla="*/ 193023 w 522039"/>
                  <a:gd name="connsiteY5" fmla="*/ 71683 h 1169120"/>
                  <a:gd name="connsiteX6" fmla="*/ 42689 w 522039"/>
                  <a:gd name="connsiteY6" fmla="*/ 877 h 1169120"/>
                  <a:gd name="connsiteX7" fmla="*/ 14812 w 522039"/>
                  <a:gd name="connsiteY7" fmla="*/ 125337 h 1169120"/>
                  <a:gd name="connsiteX8" fmla="*/ 512 w 522039"/>
                  <a:gd name="connsiteY8" fmla="*/ 260176 h 1169120"/>
                  <a:gd name="connsiteX9" fmla="*/ 34868 w 522039"/>
                  <a:gd name="connsiteY9" fmla="*/ 304003 h 1169120"/>
                  <a:gd name="connsiteX10" fmla="*/ 34286 w 522039"/>
                  <a:gd name="connsiteY10" fmla="*/ 458558 h 1169120"/>
                  <a:gd name="connsiteX11" fmla="*/ 42158 w 522039"/>
                  <a:gd name="connsiteY11" fmla="*/ 599967 h 1169120"/>
                  <a:gd name="connsiteX12" fmla="*/ 87844 w 522039"/>
                  <a:gd name="connsiteY12" fmla="*/ 742329 h 1169120"/>
                  <a:gd name="connsiteX13" fmla="*/ 179871 w 522039"/>
                  <a:gd name="connsiteY13" fmla="*/ 866120 h 1169120"/>
                  <a:gd name="connsiteX14" fmla="*/ 209028 w 522039"/>
                  <a:gd name="connsiteY14" fmla="*/ 957601 h 1169120"/>
                  <a:gd name="connsiteX15" fmla="*/ 261706 w 522039"/>
                  <a:gd name="connsiteY15" fmla="*/ 1062233 h 1169120"/>
                  <a:gd name="connsiteX16" fmla="*/ 323643 w 522039"/>
                  <a:gd name="connsiteY16" fmla="*/ 1138593 h 1169120"/>
                  <a:gd name="connsiteX17" fmla="*/ 381584 w 522039"/>
                  <a:gd name="connsiteY17" fmla="*/ 1163663 h 1169120"/>
                  <a:gd name="connsiteX0" fmla="*/ 381584 w 528136"/>
                  <a:gd name="connsiteY0" fmla="*/ 1163663 h 1169120"/>
                  <a:gd name="connsiteX1" fmla="*/ 444384 w 528136"/>
                  <a:gd name="connsiteY1" fmla="*/ 1158494 h 1169120"/>
                  <a:gd name="connsiteX2" fmla="*/ 528136 w 528136"/>
                  <a:gd name="connsiteY2" fmla="*/ 233544 h 1169120"/>
                  <a:gd name="connsiteX3" fmla="*/ 419735 w 528136"/>
                  <a:gd name="connsiteY3" fmla="*/ 115861 h 1169120"/>
                  <a:gd name="connsiteX4" fmla="*/ 304613 w 528136"/>
                  <a:gd name="connsiteY4" fmla="*/ 107518 h 1169120"/>
                  <a:gd name="connsiteX5" fmla="*/ 193023 w 528136"/>
                  <a:gd name="connsiteY5" fmla="*/ 71683 h 1169120"/>
                  <a:gd name="connsiteX6" fmla="*/ 42689 w 528136"/>
                  <a:gd name="connsiteY6" fmla="*/ 877 h 1169120"/>
                  <a:gd name="connsiteX7" fmla="*/ 14812 w 528136"/>
                  <a:gd name="connsiteY7" fmla="*/ 125337 h 1169120"/>
                  <a:gd name="connsiteX8" fmla="*/ 512 w 528136"/>
                  <a:gd name="connsiteY8" fmla="*/ 260176 h 1169120"/>
                  <a:gd name="connsiteX9" fmla="*/ 34868 w 528136"/>
                  <a:gd name="connsiteY9" fmla="*/ 304003 h 1169120"/>
                  <a:gd name="connsiteX10" fmla="*/ 34286 w 528136"/>
                  <a:gd name="connsiteY10" fmla="*/ 458558 h 1169120"/>
                  <a:gd name="connsiteX11" fmla="*/ 42158 w 528136"/>
                  <a:gd name="connsiteY11" fmla="*/ 599967 h 1169120"/>
                  <a:gd name="connsiteX12" fmla="*/ 87844 w 528136"/>
                  <a:gd name="connsiteY12" fmla="*/ 742329 h 1169120"/>
                  <a:gd name="connsiteX13" fmla="*/ 179871 w 528136"/>
                  <a:gd name="connsiteY13" fmla="*/ 866120 h 1169120"/>
                  <a:gd name="connsiteX14" fmla="*/ 209028 w 528136"/>
                  <a:gd name="connsiteY14" fmla="*/ 957601 h 1169120"/>
                  <a:gd name="connsiteX15" fmla="*/ 261706 w 528136"/>
                  <a:gd name="connsiteY15" fmla="*/ 1062233 h 1169120"/>
                  <a:gd name="connsiteX16" fmla="*/ 323643 w 528136"/>
                  <a:gd name="connsiteY16" fmla="*/ 1138593 h 1169120"/>
                  <a:gd name="connsiteX17" fmla="*/ 381584 w 528136"/>
                  <a:gd name="connsiteY17" fmla="*/ 1163663 h 1169120"/>
                  <a:gd name="connsiteX0" fmla="*/ 381584 w 509595"/>
                  <a:gd name="connsiteY0" fmla="*/ 1163663 h 1169120"/>
                  <a:gd name="connsiteX1" fmla="*/ 444384 w 509595"/>
                  <a:gd name="connsiteY1" fmla="*/ 1158494 h 1169120"/>
                  <a:gd name="connsiteX2" fmla="*/ 509595 w 509595"/>
                  <a:gd name="connsiteY2" fmla="*/ 542642 h 1169120"/>
                  <a:gd name="connsiteX3" fmla="*/ 419735 w 509595"/>
                  <a:gd name="connsiteY3" fmla="*/ 115861 h 1169120"/>
                  <a:gd name="connsiteX4" fmla="*/ 304613 w 509595"/>
                  <a:gd name="connsiteY4" fmla="*/ 107518 h 1169120"/>
                  <a:gd name="connsiteX5" fmla="*/ 193023 w 509595"/>
                  <a:gd name="connsiteY5" fmla="*/ 71683 h 1169120"/>
                  <a:gd name="connsiteX6" fmla="*/ 42689 w 509595"/>
                  <a:gd name="connsiteY6" fmla="*/ 877 h 1169120"/>
                  <a:gd name="connsiteX7" fmla="*/ 14812 w 509595"/>
                  <a:gd name="connsiteY7" fmla="*/ 125337 h 1169120"/>
                  <a:gd name="connsiteX8" fmla="*/ 512 w 509595"/>
                  <a:gd name="connsiteY8" fmla="*/ 260176 h 1169120"/>
                  <a:gd name="connsiteX9" fmla="*/ 34868 w 509595"/>
                  <a:gd name="connsiteY9" fmla="*/ 304003 h 1169120"/>
                  <a:gd name="connsiteX10" fmla="*/ 34286 w 509595"/>
                  <a:gd name="connsiteY10" fmla="*/ 458558 h 1169120"/>
                  <a:gd name="connsiteX11" fmla="*/ 42158 w 509595"/>
                  <a:gd name="connsiteY11" fmla="*/ 599967 h 1169120"/>
                  <a:gd name="connsiteX12" fmla="*/ 87844 w 509595"/>
                  <a:gd name="connsiteY12" fmla="*/ 742329 h 1169120"/>
                  <a:gd name="connsiteX13" fmla="*/ 179871 w 509595"/>
                  <a:gd name="connsiteY13" fmla="*/ 866120 h 1169120"/>
                  <a:gd name="connsiteX14" fmla="*/ 209028 w 509595"/>
                  <a:gd name="connsiteY14" fmla="*/ 957601 h 1169120"/>
                  <a:gd name="connsiteX15" fmla="*/ 261706 w 509595"/>
                  <a:gd name="connsiteY15" fmla="*/ 1062233 h 1169120"/>
                  <a:gd name="connsiteX16" fmla="*/ 323643 w 509595"/>
                  <a:gd name="connsiteY16" fmla="*/ 1138593 h 1169120"/>
                  <a:gd name="connsiteX17" fmla="*/ 381584 w 509595"/>
                  <a:gd name="connsiteY17" fmla="*/ 1163663 h 1169120"/>
                  <a:gd name="connsiteX0" fmla="*/ 366839 w 494850"/>
                  <a:gd name="connsiteY0" fmla="*/ 1163663 h 1169120"/>
                  <a:gd name="connsiteX1" fmla="*/ 429639 w 494850"/>
                  <a:gd name="connsiteY1" fmla="*/ 1158494 h 1169120"/>
                  <a:gd name="connsiteX2" fmla="*/ 494850 w 494850"/>
                  <a:gd name="connsiteY2" fmla="*/ 542642 h 1169120"/>
                  <a:gd name="connsiteX3" fmla="*/ 404990 w 494850"/>
                  <a:gd name="connsiteY3" fmla="*/ 115861 h 1169120"/>
                  <a:gd name="connsiteX4" fmla="*/ 289868 w 494850"/>
                  <a:gd name="connsiteY4" fmla="*/ 107518 h 1169120"/>
                  <a:gd name="connsiteX5" fmla="*/ 178278 w 494850"/>
                  <a:gd name="connsiteY5" fmla="*/ 71683 h 1169120"/>
                  <a:gd name="connsiteX6" fmla="*/ 27944 w 494850"/>
                  <a:gd name="connsiteY6" fmla="*/ 877 h 1169120"/>
                  <a:gd name="connsiteX7" fmla="*/ 67 w 494850"/>
                  <a:gd name="connsiteY7" fmla="*/ 125337 h 1169120"/>
                  <a:gd name="connsiteX8" fmla="*/ 20123 w 494850"/>
                  <a:gd name="connsiteY8" fmla="*/ 304003 h 1169120"/>
                  <a:gd name="connsiteX9" fmla="*/ 19541 w 494850"/>
                  <a:gd name="connsiteY9" fmla="*/ 458558 h 1169120"/>
                  <a:gd name="connsiteX10" fmla="*/ 27413 w 494850"/>
                  <a:gd name="connsiteY10" fmla="*/ 599967 h 1169120"/>
                  <a:gd name="connsiteX11" fmla="*/ 73099 w 494850"/>
                  <a:gd name="connsiteY11" fmla="*/ 742329 h 1169120"/>
                  <a:gd name="connsiteX12" fmla="*/ 165126 w 494850"/>
                  <a:gd name="connsiteY12" fmla="*/ 866120 h 1169120"/>
                  <a:gd name="connsiteX13" fmla="*/ 194283 w 494850"/>
                  <a:gd name="connsiteY13" fmla="*/ 957601 h 1169120"/>
                  <a:gd name="connsiteX14" fmla="*/ 246961 w 494850"/>
                  <a:gd name="connsiteY14" fmla="*/ 1062233 h 1169120"/>
                  <a:gd name="connsiteX15" fmla="*/ 308898 w 494850"/>
                  <a:gd name="connsiteY15" fmla="*/ 1138593 h 1169120"/>
                  <a:gd name="connsiteX16" fmla="*/ 366839 w 494850"/>
                  <a:gd name="connsiteY16" fmla="*/ 1163663 h 1169120"/>
                  <a:gd name="connsiteX0" fmla="*/ 354231 w 482242"/>
                  <a:gd name="connsiteY0" fmla="*/ 1169766 h 1175223"/>
                  <a:gd name="connsiteX1" fmla="*/ 417031 w 482242"/>
                  <a:gd name="connsiteY1" fmla="*/ 1164597 h 1175223"/>
                  <a:gd name="connsiteX2" fmla="*/ 482242 w 482242"/>
                  <a:gd name="connsiteY2" fmla="*/ 548745 h 1175223"/>
                  <a:gd name="connsiteX3" fmla="*/ 392382 w 482242"/>
                  <a:gd name="connsiteY3" fmla="*/ 121964 h 1175223"/>
                  <a:gd name="connsiteX4" fmla="*/ 277260 w 482242"/>
                  <a:gd name="connsiteY4" fmla="*/ 113621 h 1175223"/>
                  <a:gd name="connsiteX5" fmla="*/ 165670 w 482242"/>
                  <a:gd name="connsiteY5" fmla="*/ 77786 h 1175223"/>
                  <a:gd name="connsiteX6" fmla="*/ 15336 w 482242"/>
                  <a:gd name="connsiteY6" fmla="*/ 6980 h 1175223"/>
                  <a:gd name="connsiteX7" fmla="*/ 102409 w 482242"/>
                  <a:gd name="connsiteY7" fmla="*/ 267065 h 1175223"/>
                  <a:gd name="connsiteX8" fmla="*/ 7515 w 482242"/>
                  <a:gd name="connsiteY8" fmla="*/ 310106 h 1175223"/>
                  <a:gd name="connsiteX9" fmla="*/ 6933 w 482242"/>
                  <a:gd name="connsiteY9" fmla="*/ 464661 h 1175223"/>
                  <a:gd name="connsiteX10" fmla="*/ 14805 w 482242"/>
                  <a:gd name="connsiteY10" fmla="*/ 606070 h 1175223"/>
                  <a:gd name="connsiteX11" fmla="*/ 60491 w 482242"/>
                  <a:gd name="connsiteY11" fmla="*/ 748432 h 1175223"/>
                  <a:gd name="connsiteX12" fmla="*/ 152518 w 482242"/>
                  <a:gd name="connsiteY12" fmla="*/ 872223 h 1175223"/>
                  <a:gd name="connsiteX13" fmla="*/ 181675 w 482242"/>
                  <a:gd name="connsiteY13" fmla="*/ 963704 h 1175223"/>
                  <a:gd name="connsiteX14" fmla="*/ 234353 w 482242"/>
                  <a:gd name="connsiteY14" fmla="*/ 1068336 h 1175223"/>
                  <a:gd name="connsiteX15" fmla="*/ 296290 w 482242"/>
                  <a:gd name="connsiteY15" fmla="*/ 1144696 h 1175223"/>
                  <a:gd name="connsiteX16" fmla="*/ 354231 w 482242"/>
                  <a:gd name="connsiteY16" fmla="*/ 1169766 h 1175223"/>
                  <a:gd name="connsiteX0" fmla="*/ 354231 w 482242"/>
                  <a:gd name="connsiteY0" fmla="*/ 1098801 h 1104258"/>
                  <a:gd name="connsiteX1" fmla="*/ 417031 w 482242"/>
                  <a:gd name="connsiteY1" fmla="*/ 1093632 h 1104258"/>
                  <a:gd name="connsiteX2" fmla="*/ 482242 w 482242"/>
                  <a:gd name="connsiteY2" fmla="*/ 477780 h 1104258"/>
                  <a:gd name="connsiteX3" fmla="*/ 392382 w 482242"/>
                  <a:gd name="connsiteY3" fmla="*/ 50999 h 1104258"/>
                  <a:gd name="connsiteX4" fmla="*/ 277260 w 482242"/>
                  <a:gd name="connsiteY4" fmla="*/ 42656 h 1104258"/>
                  <a:gd name="connsiteX5" fmla="*/ 165670 w 482242"/>
                  <a:gd name="connsiteY5" fmla="*/ 6821 h 1104258"/>
                  <a:gd name="connsiteX6" fmla="*/ 102409 w 482242"/>
                  <a:gd name="connsiteY6" fmla="*/ 196100 h 1104258"/>
                  <a:gd name="connsiteX7" fmla="*/ 7515 w 482242"/>
                  <a:gd name="connsiteY7" fmla="*/ 239141 h 1104258"/>
                  <a:gd name="connsiteX8" fmla="*/ 6933 w 482242"/>
                  <a:gd name="connsiteY8" fmla="*/ 393696 h 1104258"/>
                  <a:gd name="connsiteX9" fmla="*/ 14805 w 482242"/>
                  <a:gd name="connsiteY9" fmla="*/ 535105 h 1104258"/>
                  <a:gd name="connsiteX10" fmla="*/ 60491 w 482242"/>
                  <a:gd name="connsiteY10" fmla="*/ 677467 h 1104258"/>
                  <a:gd name="connsiteX11" fmla="*/ 152518 w 482242"/>
                  <a:gd name="connsiteY11" fmla="*/ 801258 h 1104258"/>
                  <a:gd name="connsiteX12" fmla="*/ 181675 w 482242"/>
                  <a:gd name="connsiteY12" fmla="*/ 892739 h 1104258"/>
                  <a:gd name="connsiteX13" fmla="*/ 234353 w 482242"/>
                  <a:gd name="connsiteY13" fmla="*/ 997371 h 1104258"/>
                  <a:gd name="connsiteX14" fmla="*/ 296290 w 482242"/>
                  <a:gd name="connsiteY14" fmla="*/ 1073731 h 1104258"/>
                  <a:gd name="connsiteX15" fmla="*/ 354231 w 482242"/>
                  <a:gd name="connsiteY15" fmla="*/ 1098801 h 1104258"/>
                  <a:gd name="connsiteX0" fmla="*/ 354231 w 482242"/>
                  <a:gd name="connsiteY0" fmla="*/ 1089148 h 1094605"/>
                  <a:gd name="connsiteX1" fmla="*/ 417031 w 482242"/>
                  <a:gd name="connsiteY1" fmla="*/ 1083979 h 1094605"/>
                  <a:gd name="connsiteX2" fmla="*/ 482242 w 482242"/>
                  <a:gd name="connsiteY2" fmla="*/ 468127 h 1094605"/>
                  <a:gd name="connsiteX3" fmla="*/ 392382 w 482242"/>
                  <a:gd name="connsiteY3" fmla="*/ 41346 h 1094605"/>
                  <a:gd name="connsiteX4" fmla="*/ 277260 w 482242"/>
                  <a:gd name="connsiteY4" fmla="*/ 33003 h 1094605"/>
                  <a:gd name="connsiteX5" fmla="*/ 102409 w 482242"/>
                  <a:gd name="connsiteY5" fmla="*/ 186447 h 1094605"/>
                  <a:gd name="connsiteX6" fmla="*/ 7515 w 482242"/>
                  <a:gd name="connsiteY6" fmla="*/ 229488 h 1094605"/>
                  <a:gd name="connsiteX7" fmla="*/ 6933 w 482242"/>
                  <a:gd name="connsiteY7" fmla="*/ 384043 h 1094605"/>
                  <a:gd name="connsiteX8" fmla="*/ 14805 w 482242"/>
                  <a:gd name="connsiteY8" fmla="*/ 525452 h 1094605"/>
                  <a:gd name="connsiteX9" fmla="*/ 60491 w 482242"/>
                  <a:gd name="connsiteY9" fmla="*/ 667814 h 1094605"/>
                  <a:gd name="connsiteX10" fmla="*/ 152518 w 482242"/>
                  <a:gd name="connsiteY10" fmla="*/ 791605 h 1094605"/>
                  <a:gd name="connsiteX11" fmla="*/ 181675 w 482242"/>
                  <a:gd name="connsiteY11" fmla="*/ 883086 h 1094605"/>
                  <a:gd name="connsiteX12" fmla="*/ 234353 w 482242"/>
                  <a:gd name="connsiteY12" fmla="*/ 987718 h 1094605"/>
                  <a:gd name="connsiteX13" fmla="*/ 296290 w 482242"/>
                  <a:gd name="connsiteY13" fmla="*/ 1064078 h 1094605"/>
                  <a:gd name="connsiteX14" fmla="*/ 354231 w 482242"/>
                  <a:gd name="connsiteY14" fmla="*/ 1089148 h 1094605"/>
                  <a:gd name="connsiteX0" fmla="*/ 354231 w 482242"/>
                  <a:gd name="connsiteY0" fmla="*/ 1054915 h 1060372"/>
                  <a:gd name="connsiteX1" fmla="*/ 417031 w 482242"/>
                  <a:gd name="connsiteY1" fmla="*/ 1049746 h 1060372"/>
                  <a:gd name="connsiteX2" fmla="*/ 482242 w 482242"/>
                  <a:gd name="connsiteY2" fmla="*/ 433894 h 1060372"/>
                  <a:gd name="connsiteX3" fmla="*/ 392382 w 482242"/>
                  <a:gd name="connsiteY3" fmla="*/ 7113 h 1060372"/>
                  <a:gd name="connsiteX4" fmla="*/ 258719 w 482242"/>
                  <a:gd name="connsiteY4" fmla="*/ 165934 h 1060372"/>
                  <a:gd name="connsiteX5" fmla="*/ 102409 w 482242"/>
                  <a:gd name="connsiteY5" fmla="*/ 152214 h 1060372"/>
                  <a:gd name="connsiteX6" fmla="*/ 7515 w 482242"/>
                  <a:gd name="connsiteY6" fmla="*/ 195255 h 1060372"/>
                  <a:gd name="connsiteX7" fmla="*/ 6933 w 482242"/>
                  <a:gd name="connsiteY7" fmla="*/ 349810 h 1060372"/>
                  <a:gd name="connsiteX8" fmla="*/ 14805 w 482242"/>
                  <a:gd name="connsiteY8" fmla="*/ 491219 h 1060372"/>
                  <a:gd name="connsiteX9" fmla="*/ 60491 w 482242"/>
                  <a:gd name="connsiteY9" fmla="*/ 633581 h 1060372"/>
                  <a:gd name="connsiteX10" fmla="*/ 152518 w 482242"/>
                  <a:gd name="connsiteY10" fmla="*/ 757372 h 1060372"/>
                  <a:gd name="connsiteX11" fmla="*/ 181675 w 482242"/>
                  <a:gd name="connsiteY11" fmla="*/ 848853 h 1060372"/>
                  <a:gd name="connsiteX12" fmla="*/ 234353 w 482242"/>
                  <a:gd name="connsiteY12" fmla="*/ 953485 h 1060372"/>
                  <a:gd name="connsiteX13" fmla="*/ 296290 w 482242"/>
                  <a:gd name="connsiteY13" fmla="*/ 1029845 h 1060372"/>
                  <a:gd name="connsiteX14" fmla="*/ 354231 w 482242"/>
                  <a:gd name="connsiteY14" fmla="*/ 1054915 h 1060372"/>
                  <a:gd name="connsiteX0" fmla="*/ 354231 w 482242"/>
                  <a:gd name="connsiteY0" fmla="*/ 919958 h 925415"/>
                  <a:gd name="connsiteX1" fmla="*/ 417031 w 482242"/>
                  <a:gd name="connsiteY1" fmla="*/ 914789 h 925415"/>
                  <a:gd name="connsiteX2" fmla="*/ 482242 w 482242"/>
                  <a:gd name="connsiteY2" fmla="*/ 298937 h 925415"/>
                  <a:gd name="connsiteX3" fmla="*/ 336762 w 482242"/>
                  <a:gd name="connsiteY3" fmla="*/ 181255 h 925415"/>
                  <a:gd name="connsiteX4" fmla="*/ 258719 w 482242"/>
                  <a:gd name="connsiteY4" fmla="*/ 30977 h 925415"/>
                  <a:gd name="connsiteX5" fmla="*/ 102409 w 482242"/>
                  <a:gd name="connsiteY5" fmla="*/ 17257 h 925415"/>
                  <a:gd name="connsiteX6" fmla="*/ 7515 w 482242"/>
                  <a:gd name="connsiteY6" fmla="*/ 60298 h 925415"/>
                  <a:gd name="connsiteX7" fmla="*/ 6933 w 482242"/>
                  <a:gd name="connsiteY7" fmla="*/ 214853 h 925415"/>
                  <a:gd name="connsiteX8" fmla="*/ 14805 w 482242"/>
                  <a:gd name="connsiteY8" fmla="*/ 356262 h 925415"/>
                  <a:gd name="connsiteX9" fmla="*/ 60491 w 482242"/>
                  <a:gd name="connsiteY9" fmla="*/ 498624 h 925415"/>
                  <a:gd name="connsiteX10" fmla="*/ 152518 w 482242"/>
                  <a:gd name="connsiteY10" fmla="*/ 622415 h 925415"/>
                  <a:gd name="connsiteX11" fmla="*/ 181675 w 482242"/>
                  <a:gd name="connsiteY11" fmla="*/ 713896 h 925415"/>
                  <a:gd name="connsiteX12" fmla="*/ 234353 w 482242"/>
                  <a:gd name="connsiteY12" fmla="*/ 818528 h 925415"/>
                  <a:gd name="connsiteX13" fmla="*/ 296290 w 482242"/>
                  <a:gd name="connsiteY13" fmla="*/ 894888 h 925415"/>
                  <a:gd name="connsiteX14" fmla="*/ 354231 w 482242"/>
                  <a:gd name="connsiteY14" fmla="*/ 919958 h 925415"/>
                  <a:gd name="connsiteX0" fmla="*/ 354231 w 482242"/>
                  <a:gd name="connsiteY0" fmla="*/ 912948 h 918405"/>
                  <a:gd name="connsiteX1" fmla="*/ 417031 w 482242"/>
                  <a:gd name="connsiteY1" fmla="*/ 907779 h 918405"/>
                  <a:gd name="connsiteX2" fmla="*/ 482242 w 482242"/>
                  <a:gd name="connsiteY2" fmla="*/ 291927 h 918405"/>
                  <a:gd name="connsiteX3" fmla="*/ 336762 w 482242"/>
                  <a:gd name="connsiteY3" fmla="*/ 174245 h 918405"/>
                  <a:gd name="connsiteX4" fmla="*/ 262427 w 482242"/>
                  <a:gd name="connsiteY4" fmla="*/ 58662 h 918405"/>
                  <a:gd name="connsiteX5" fmla="*/ 102409 w 482242"/>
                  <a:gd name="connsiteY5" fmla="*/ 10247 h 918405"/>
                  <a:gd name="connsiteX6" fmla="*/ 7515 w 482242"/>
                  <a:gd name="connsiteY6" fmla="*/ 53288 h 918405"/>
                  <a:gd name="connsiteX7" fmla="*/ 6933 w 482242"/>
                  <a:gd name="connsiteY7" fmla="*/ 207843 h 918405"/>
                  <a:gd name="connsiteX8" fmla="*/ 14805 w 482242"/>
                  <a:gd name="connsiteY8" fmla="*/ 349252 h 918405"/>
                  <a:gd name="connsiteX9" fmla="*/ 60491 w 482242"/>
                  <a:gd name="connsiteY9" fmla="*/ 491614 h 918405"/>
                  <a:gd name="connsiteX10" fmla="*/ 152518 w 482242"/>
                  <a:gd name="connsiteY10" fmla="*/ 615405 h 918405"/>
                  <a:gd name="connsiteX11" fmla="*/ 181675 w 482242"/>
                  <a:gd name="connsiteY11" fmla="*/ 706886 h 918405"/>
                  <a:gd name="connsiteX12" fmla="*/ 234353 w 482242"/>
                  <a:gd name="connsiteY12" fmla="*/ 811518 h 918405"/>
                  <a:gd name="connsiteX13" fmla="*/ 296290 w 482242"/>
                  <a:gd name="connsiteY13" fmla="*/ 887878 h 918405"/>
                  <a:gd name="connsiteX14" fmla="*/ 354231 w 482242"/>
                  <a:gd name="connsiteY14" fmla="*/ 912948 h 918405"/>
                  <a:gd name="connsiteX0" fmla="*/ 355052 w 483063"/>
                  <a:gd name="connsiteY0" fmla="*/ 904592 h 910049"/>
                  <a:gd name="connsiteX1" fmla="*/ 417852 w 483063"/>
                  <a:gd name="connsiteY1" fmla="*/ 899423 h 910049"/>
                  <a:gd name="connsiteX2" fmla="*/ 483063 w 483063"/>
                  <a:gd name="connsiteY2" fmla="*/ 283571 h 910049"/>
                  <a:gd name="connsiteX3" fmla="*/ 337583 w 483063"/>
                  <a:gd name="connsiteY3" fmla="*/ 165889 h 910049"/>
                  <a:gd name="connsiteX4" fmla="*/ 263248 w 483063"/>
                  <a:gd name="connsiteY4" fmla="*/ 50306 h 910049"/>
                  <a:gd name="connsiteX5" fmla="*/ 114354 w 483063"/>
                  <a:gd name="connsiteY5" fmla="*/ 11354 h 910049"/>
                  <a:gd name="connsiteX6" fmla="*/ 8336 w 483063"/>
                  <a:gd name="connsiteY6" fmla="*/ 44932 h 910049"/>
                  <a:gd name="connsiteX7" fmla="*/ 7754 w 483063"/>
                  <a:gd name="connsiteY7" fmla="*/ 199487 h 910049"/>
                  <a:gd name="connsiteX8" fmla="*/ 15626 w 483063"/>
                  <a:gd name="connsiteY8" fmla="*/ 340896 h 910049"/>
                  <a:gd name="connsiteX9" fmla="*/ 61312 w 483063"/>
                  <a:gd name="connsiteY9" fmla="*/ 483258 h 910049"/>
                  <a:gd name="connsiteX10" fmla="*/ 153339 w 483063"/>
                  <a:gd name="connsiteY10" fmla="*/ 607049 h 910049"/>
                  <a:gd name="connsiteX11" fmla="*/ 182496 w 483063"/>
                  <a:gd name="connsiteY11" fmla="*/ 698530 h 910049"/>
                  <a:gd name="connsiteX12" fmla="*/ 235174 w 483063"/>
                  <a:gd name="connsiteY12" fmla="*/ 803162 h 910049"/>
                  <a:gd name="connsiteX13" fmla="*/ 297111 w 483063"/>
                  <a:gd name="connsiteY13" fmla="*/ 879522 h 910049"/>
                  <a:gd name="connsiteX14" fmla="*/ 355052 w 483063"/>
                  <a:gd name="connsiteY14" fmla="*/ 904592 h 910049"/>
                  <a:gd name="connsiteX0" fmla="*/ 355052 w 483063"/>
                  <a:gd name="connsiteY0" fmla="*/ 894799 h 900256"/>
                  <a:gd name="connsiteX1" fmla="*/ 417852 w 483063"/>
                  <a:gd name="connsiteY1" fmla="*/ 889630 h 900256"/>
                  <a:gd name="connsiteX2" fmla="*/ 483063 w 483063"/>
                  <a:gd name="connsiteY2" fmla="*/ 273778 h 900256"/>
                  <a:gd name="connsiteX3" fmla="*/ 337583 w 483063"/>
                  <a:gd name="connsiteY3" fmla="*/ 156096 h 900256"/>
                  <a:gd name="connsiteX4" fmla="*/ 263248 w 483063"/>
                  <a:gd name="connsiteY4" fmla="*/ 40513 h 900256"/>
                  <a:gd name="connsiteX5" fmla="*/ 114354 w 483063"/>
                  <a:gd name="connsiteY5" fmla="*/ 1561 h 900256"/>
                  <a:gd name="connsiteX6" fmla="*/ 8336 w 483063"/>
                  <a:gd name="connsiteY6" fmla="*/ 35139 h 900256"/>
                  <a:gd name="connsiteX7" fmla="*/ 7754 w 483063"/>
                  <a:gd name="connsiteY7" fmla="*/ 189694 h 900256"/>
                  <a:gd name="connsiteX8" fmla="*/ 15626 w 483063"/>
                  <a:gd name="connsiteY8" fmla="*/ 331103 h 900256"/>
                  <a:gd name="connsiteX9" fmla="*/ 61312 w 483063"/>
                  <a:gd name="connsiteY9" fmla="*/ 473465 h 900256"/>
                  <a:gd name="connsiteX10" fmla="*/ 153339 w 483063"/>
                  <a:gd name="connsiteY10" fmla="*/ 597256 h 900256"/>
                  <a:gd name="connsiteX11" fmla="*/ 182496 w 483063"/>
                  <a:gd name="connsiteY11" fmla="*/ 688737 h 900256"/>
                  <a:gd name="connsiteX12" fmla="*/ 235174 w 483063"/>
                  <a:gd name="connsiteY12" fmla="*/ 793369 h 900256"/>
                  <a:gd name="connsiteX13" fmla="*/ 297111 w 483063"/>
                  <a:gd name="connsiteY13" fmla="*/ 869729 h 900256"/>
                  <a:gd name="connsiteX14" fmla="*/ 355052 w 483063"/>
                  <a:gd name="connsiteY14" fmla="*/ 894799 h 900256"/>
                  <a:gd name="connsiteX0" fmla="*/ 361635 w 489646"/>
                  <a:gd name="connsiteY0" fmla="*/ 894799 h 900256"/>
                  <a:gd name="connsiteX1" fmla="*/ 424435 w 489646"/>
                  <a:gd name="connsiteY1" fmla="*/ 889630 h 900256"/>
                  <a:gd name="connsiteX2" fmla="*/ 489646 w 489646"/>
                  <a:gd name="connsiteY2" fmla="*/ 273778 h 900256"/>
                  <a:gd name="connsiteX3" fmla="*/ 344166 w 489646"/>
                  <a:gd name="connsiteY3" fmla="*/ 156096 h 900256"/>
                  <a:gd name="connsiteX4" fmla="*/ 269831 w 489646"/>
                  <a:gd name="connsiteY4" fmla="*/ 40513 h 900256"/>
                  <a:gd name="connsiteX5" fmla="*/ 120937 w 489646"/>
                  <a:gd name="connsiteY5" fmla="*/ 1561 h 900256"/>
                  <a:gd name="connsiteX6" fmla="*/ 14919 w 489646"/>
                  <a:gd name="connsiteY6" fmla="*/ 35139 h 900256"/>
                  <a:gd name="connsiteX7" fmla="*/ 14337 w 489646"/>
                  <a:gd name="connsiteY7" fmla="*/ 189694 h 900256"/>
                  <a:gd name="connsiteX8" fmla="*/ 22209 w 489646"/>
                  <a:gd name="connsiteY8" fmla="*/ 331103 h 900256"/>
                  <a:gd name="connsiteX9" fmla="*/ 67895 w 489646"/>
                  <a:gd name="connsiteY9" fmla="*/ 473465 h 900256"/>
                  <a:gd name="connsiteX10" fmla="*/ 159922 w 489646"/>
                  <a:gd name="connsiteY10" fmla="*/ 597256 h 900256"/>
                  <a:gd name="connsiteX11" fmla="*/ 189079 w 489646"/>
                  <a:gd name="connsiteY11" fmla="*/ 688737 h 900256"/>
                  <a:gd name="connsiteX12" fmla="*/ 241757 w 489646"/>
                  <a:gd name="connsiteY12" fmla="*/ 793369 h 900256"/>
                  <a:gd name="connsiteX13" fmla="*/ 303694 w 489646"/>
                  <a:gd name="connsiteY13" fmla="*/ 869729 h 900256"/>
                  <a:gd name="connsiteX14" fmla="*/ 361635 w 489646"/>
                  <a:gd name="connsiteY14" fmla="*/ 894799 h 900256"/>
                  <a:gd name="connsiteX0" fmla="*/ 361635 w 489646"/>
                  <a:gd name="connsiteY0" fmla="*/ 894988 h 900445"/>
                  <a:gd name="connsiteX1" fmla="*/ 424435 w 489646"/>
                  <a:gd name="connsiteY1" fmla="*/ 889819 h 900445"/>
                  <a:gd name="connsiteX2" fmla="*/ 489646 w 489646"/>
                  <a:gd name="connsiteY2" fmla="*/ 273967 h 900445"/>
                  <a:gd name="connsiteX3" fmla="*/ 344166 w 489646"/>
                  <a:gd name="connsiteY3" fmla="*/ 156285 h 900445"/>
                  <a:gd name="connsiteX4" fmla="*/ 277247 w 489646"/>
                  <a:gd name="connsiteY4" fmla="*/ 37547 h 900445"/>
                  <a:gd name="connsiteX5" fmla="*/ 120937 w 489646"/>
                  <a:gd name="connsiteY5" fmla="*/ 1750 h 900445"/>
                  <a:gd name="connsiteX6" fmla="*/ 14919 w 489646"/>
                  <a:gd name="connsiteY6" fmla="*/ 35328 h 900445"/>
                  <a:gd name="connsiteX7" fmla="*/ 14337 w 489646"/>
                  <a:gd name="connsiteY7" fmla="*/ 189883 h 900445"/>
                  <a:gd name="connsiteX8" fmla="*/ 22209 w 489646"/>
                  <a:gd name="connsiteY8" fmla="*/ 331292 h 900445"/>
                  <a:gd name="connsiteX9" fmla="*/ 67895 w 489646"/>
                  <a:gd name="connsiteY9" fmla="*/ 473654 h 900445"/>
                  <a:gd name="connsiteX10" fmla="*/ 159922 w 489646"/>
                  <a:gd name="connsiteY10" fmla="*/ 597445 h 900445"/>
                  <a:gd name="connsiteX11" fmla="*/ 189079 w 489646"/>
                  <a:gd name="connsiteY11" fmla="*/ 688926 h 900445"/>
                  <a:gd name="connsiteX12" fmla="*/ 241757 w 489646"/>
                  <a:gd name="connsiteY12" fmla="*/ 793558 h 900445"/>
                  <a:gd name="connsiteX13" fmla="*/ 303694 w 489646"/>
                  <a:gd name="connsiteY13" fmla="*/ 869918 h 900445"/>
                  <a:gd name="connsiteX14" fmla="*/ 361635 w 489646"/>
                  <a:gd name="connsiteY14" fmla="*/ 894988 h 900445"/>
                  <a:gd name="connsiteX0" fmla="*/ 361635 w 489646"/>
                  <a:gd name="connsiteY0" fmla="*/ 894988 h 900445"/>
                  <a:gd name="connsiteX1" fmla="*/ 424435 w 489646"/>
                  <a:gd name="connsiteY1" fmla="*/ 889819 h 900445"/>
                  <a:gd name="connsiteX2" fmla="*/ 489646 w 489646"/>
                  <a:gd name="connsiteY2" fmla="*/ 273967 h 900445"/>
                  <a:gd name="connsiteX3" fmla="*/ 344166 w 489646"/>
                  <a:gd name="connsiteY3" fmla="*/ 156285 h 900445"/>
                  <a:gd name="connsiteX4" fmla="*/ 273539 w 489646"/>
                  <a:gd name="connsiteY4" fmla="*/ 37547 h 900445"/>
                  <a:gd name="connsiteX5" fmla="*/ 120937 w 489646"/>
                  <a:gd name="connsiteY5" fmla="*/ 1750 h 900445"/>
                  <a:gd name="connsiteX6" fmla="*/ 14919 w 489646"/>
                  <a:gd name="connsiteY6" fmla="*/ 35328 h 900445"/>
                  <a:gd name="connsiteX7" fmla="*/ 14337 w 489646"/>
                  <a:gd name="connsiteY7" fmla="*/ 189883 h 900445"/>
                  <a:gd name="connsiteX8" fmla="*/ 22209 w 489646"/>
                  <a:gd name="connsiteY8" fmla="*/ 331292 h 900445"/>
                  <a:gd name="connsiteX9" fmla="*/ 67895 w 489646"/>
                  <a:gd name="connsiteY9" fmla="*/ 473654 h 900445"/>
                  <a:gd name="connsiteX10" fmla="*/ 159922 w 489646"/>
                  <a:gd name="connsiteY10" fmla="*/ 597445 h 900445"/>
                  <a:gd name="connsiteX11" fmla="*/ 189079 w 489646"/>
                  <a:gd name="connsiteY11" fmla="*/ 688926 h 900445"/>
                  <a:gd name="connsiteX12" fmla="*/ 241757 w 489646"/>
                  <a:gd name="connsiteY12" fmla="*/ 793558 h 900445"/>
                  <a:gd name="connsiteX13" fmla="*/ 303694 w 489646"/>
                  <a:gd name="connsiteY13" fmla="*/ 869918 h 900445"/>
                  <a:gd name="connsiteX14" fmla="*/ 361635 w 489646"/>
                  <a:gd name="connsiteY14" fmla="*/ 894988 h 900445"/>
                  <a:gd name="connsiteX0" fmla="*/ 361635 w 489646"/>
                  <a:gd name="connsiteY0" fmla="*/ 895057 h 900514"/>
                  <a:gd name="connsiteX1" fmla="*/ 424435 w 489646"/>
                  <a:gd name="connsiteY1" fmla="*/ 889888 h 900514"/>
                  <a:gd name="connsiteX2" fmla="*/ 489646 w 489646"/>
                  <a:gd name="connsiteY2" fmla="*/ 274036 h 900514"/>
                  <a:gd name="connsiteX3" fmla="*/ 336750 w 489646"/>
                  <a:gd name="connsiteY3" fmla="*/ 162661 h 900514"/>
                  <a:gd name="connsiteX4" fmla="*/ 273539 w 489646"/>
                  <a:gd name="connsiteY4" fmla="*/ 37616 h 900514"/>
                  <a:gd name="connsiteX5" fmla="*/ 120937 w 489646"/>
                  <a:gd name="connsiteY5" fmla="*/ 1819 h 900514"/>
                  <a:gd name="connsiteX6" fmla="*/ 14919 w 489646"/>
                  <a:gd name="connsiteY6" fmla="*/ 35397 h 900514"/>
                  <a:gd name="connsiteX7" fmla="*/ 14337 w 489646"/>
                  <a:gd name="connsiteY7" fmla="*/ 189952 h 900514"/>
                  <a:gd name="connsiteX8" fmla="*/ 22209 w 489646"/>
                  <a:gd name="connsiteY8" fmla="*/ 331361 h 900514"/>
                  <a:gd name="connsiteX9" fmla="*/ 67895 w 489646"/>
                  <a:gd name="connsiteY9" fmla="*/ 473723 h 900514"/>
                  <a:gd name="connsiteX10" fmla="*/ 159922 w 489646"/>
                  <a:gd name="connsiteY10" fmla="*/ 597514 h 900514"/>
                  <a:gd name="connsiteX11" fmla="*/ 189079 w 489646"/>
                  <a:gd name="connsiteY11" fmla="*/ 688995 h 900514"/>
                  <a:gd name="connsiteX12" fmla="*/ 241757 w 489646"/>
                  <a:gd name="connsiteY12" fmla="*/ 793627 h 900514"/>
                  <a:gd name="connsiteX13" fmla="*/ 303694 w 489646"/>
                  <a:gd name="connsiteY13" fmla="*/ 869987 h 900514"/>
                  <a:gd name="connsiteX14" fmla="*/ 361635 w 489646"/>
                  <a:gd name="connsiteY14" fmla="*/ 895057 h 900514"/>
                  <a:gd name="connsiteX0" fmla="*/ 361635 w 489646"/>
                  <a:gd name="connsiteY0" fmla="*/ 895057 h 900514"/>
                  <a:gd name="connsiteX1" fmla="*/ 424435 w 489646"/>
                  <a:gd name="connsiteY1" fmla="*/ 889888 h 900514"/>
                  <a:gd name="connsiteX2" fmla="*/ 489646 w 489646"/>
                  <a:gd name="connsiteY2" fmla="*/ 274036 h 900514"/>
                  <a:gd name="connsiteX3" fmla="*/ 336750 w 489646"/>
                  <a:gd name="connsiteY3" fmla="*/ 162661 h 900514"/>
                  <a:gd name="connsiteX4" fmla="*/ 273539 w 489646"/>
                  <a:gd name="connsiteY4" fmla="*/ 37616 h 900514"/>
                  <a:gd name="connsiteX5" fmla="*/ 120937 w 489646"/>
                  <a:gd name="connsiteY5" fmla="*/ 1819 h 900514"/>
                  <a:gd name="connsiteX6" fmla="*/ 14919 w 489646"/>
                  <a:gd name="connsiteY6" fmla="*/ 35397 h 900514"/>
                  <a:gd name="connsiteX7" fmla="*/ 14337 w 489646"/>
                  <a:gd name="connsiteY7" fmla="*/ 189952 h 900514"/>
                  <a:gd name="connsiteX8" fmla="*/ 22209 w 489646"/>
                  <a:gd name="connsiteY8" fmla="*/ 331361 h 900514"/>
                  <a:gd name="connsiteX9" fmla="*/ 67895 w 489646"/>
                  <a:gd name="connsiteY9" fmla="*/ 473723 h 900514"/>
                  <a:gd name="connsiteX10" fmla="*/ 159922 w 489646"/>
                  <a:gd name="connsiteY10" fmla="*/ 597514 h 900514"/>
                  <a:gd name="connsiteX11" fmla="*/ 189079 w 489646"/>
                  <a:gd name="connsiteY11" fmla="*/ 688995 h 900514"/>
                  <a:gd name="connsiteX12" fmla="*/ 241757 w 489646"/>
                  <a:gd name="connsiteY12" fmla="*/ 793627 h 900514"/>
                  <a:gd name="connsiteX13" fmla="*/ 303694 w 489646"/>
                  <a:gd name="connsiteY13" fmla="*/ 869987 h 900514"/>
                  <a:gd name="connsiteX14" fmla="*/ 361635 w 489646"/>
                  <a:gd name="connsiteY14" fmla="*/ 895057 h 9005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89646" h="900514">
                    <a:moveTo>
                      <a:pt x="361635" y="895057"/>
                    </a:moveTo>
                    <a:cubicBezTo>
                      <a:pt x="371597" y="895349"/>
                      <a:pt x="425412" y="910077"/>
                      <a:pt x="424435" y="889888"/>
                    </a:cubicBezTo>
                    <a:cubicBezTo>
                      <a:pt x="447844" y="734868"/>
                      <a:pt x="468254" y="445041"/>
                      <a:pt x="489646" y="274036"/>
                    </a:cubicBezTo>
                    <a:cubicBezTo>
                      <a:pt x="410412" y="208933"/>
                      <a:pt x="372768" y="202064"/>
                      <a:pt x="336750" y="162661"/>
                    </a:cubicBezTo>
                    <a:cubicBezTo>
                      <a:pt x="300732" y="123258"/>
                      <a:pt x="309508" y="64423"/>
                      <a:pt x="273539" y="37616"/>
                    </a:cubicBezTo>
                    <a:cubicBezTo>
                      <a:pt x="237570" y="10809"/>
                      <a:pt x="199267" y="-5695"/>
                      <a:pt x="120937" y="1819"/>
                    </a:cubicBezTo>
                    <a:cubicBezTo>
                      <a:pt x="75980" y="34566"/>
                      <a:pt x="47518" y="19811"/>
                      <a:pt x="14919" y="35397"/>
                    </a:cubicBezTo>
                    <a:cubicBezTo>
                      <a:pt x="-17680" y="50983"/>
                      <a:pt x="13122" y="140625"/>
                      <a:pt x="14337" y="189952"/>
                    </a:cubicBezTo>
                    <a:cubicBezTo>
                      <a:pt x="15552" y="239279"/>
                      <a:pt x="13283" y="284066"/>
                      <a:pt x="22209" y="331361"/>
                    </a:cubicBezTo>
                    <a:cubicBezTo>
                      <a:pt x="31135" y="378656"/>
                      <a:pt x="44943" y="429364"/>
                      <a:pt x="67895" y="473723"/>
                    </a:cubicBezTo>
                    <a:cubicBezTo>
                      <a:pt x="90847" y="518082"/>
                      <a:pt x="139725" y="561635"/>
                      <a:pt x="159922" y="597514"/>
                    </a:cubicBezTo>
                    <a:cubicBezTo>
                      <a:pt x="180119" y="633393"/>
                      <a:pt x="175440" y="656310"/>
                      <a:pt x="189079" y="688995"/>
                    </a:cubicBezTo>
                    <a:cubicBezTo>
                      <a:pt x="202718" y="721681"/>
                      <a:pt x="214124" y="749666"/>
                      <a:pt x="241757" y="793627"/>
                    </a:cubicBezTo>
                    <a:cubicBezTo>
                      <a:pt x="274523" y="819501"/>
                      <a:pt x="283714" y="853082"/>
                      <a:pt x="303694" y="869987"/>
                    </a:cubicBezTo>
                    <a:cubicBezTo>
                      <a:pt x="323674" y="886892"/>
                      <a:pt x="293173" y="831701"/>
                      <a:pt x="361635" y="895057"/>
                    </a:cubicBezTo>
                    <a:close/>
                  </a:path>
                </a:pathLst>
              </a:custGeom>
              <a:solidFill>
                <a:srgbClr val="FF9999">
                  <a:alpha val="5098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3" name="Lyserødt felt HØ">
                <a:extLst>
                  <a:ext uri="{FF2B5EF4-FFF2-40B4-BE49-F238E27FC236}">
                    <a16:creationId xmlns:a16="http://schemas.microsoft.com/office/drawing/2014/main" id="{EDFC43BF-F354-40E9-B5D6-CD981E8B814F}"/>
                  </a:ext>
                </a:extLst>
              </p:cNvPr>
              <p:cNvSpPr/>
              <p:nvPr/>
            </p:nvSpPr>
            <p:spPr>
              <a:xfrm flipH="1">
                <a:off x="5751339" y="3935570"/>
                <a:ext cx="480521" cy="985321"/>
              </a:xfrm>
              <a:custGeom>
                <a:avLst/>
                <a:gdLst>
                  <a:gd name="connsiteX0" fmla="*/ 439200 w 493200"/>
                  <a:gd name="connsiteY0" fmla="*/ 1184400 h 1184400"/>
                  <a:gd name="connsiteX1" fmla="*/ 493200 w 493200"/>
                  <a:gd name="connsiteY1" fmla="*/ 234000 h 1184400"/>
                  <a:gd name="connsiteX2" fmla="*/ 0 w 493200"/>
                  <a:gd name="connsiteY2" fmla="*/ 0 h 1184400"/>
                  <a:gd name="connsiteX3" fmla="*/ 439200 w 493200"/>
                  <a:gd name="connsiteY3"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111600 w 493200"/>
                  <a:gd name="connsiteY3" fmla="*/ 640800 h 1184400"/>
                  <a:gd name="connsiteX4" fmla="*/ 439200 w 493200"/>
                  <a:gd name="connsiteY4" fmla="*/ 1184400 h 1184400"/>
                  <a:gd name="connsiteX0" fmla="*/ 469822 w 523822"/>
                  <a:gd name="connsiteY0" fmla="*/ 1184400 h 1184400"/>
                  <a:gd name="connsiteX1" fmla="*/ 523822 w 523822"/>
                  <a:gd name="connsiteY1" fmla="*/ 234000 h 1184400"/>
                  <a:gd name="connsiteX2" fmla="*/ 30622 w 523822"/>
                  <a:gd name="connsiteY2" fmla="*/ 0 h 1184400"/>
                  <a:gd name="connsiteX3" fmla="*/ 55822 w 523822"/>
                  <a:gd name="connsiteY3" fmla="*/ 284400 h 1184400"/>
                  <a:gd name="connsiteX4" fmla="*/ 142222 w 523822"/>
                  <a:gd name="connsiteY4" fmla="*/ 640800 h 1184400"/>
                  <a:gd name="connsiteX5" fmla="*/ 469822 w 523822"/>
                  <a:gd name="connsiteY5" fmla="*/ 1184400 h 1184400"/>
                  <a:gd name="connsiteX0" fmla="*/ 469822 w 523822"/>
                  <a:gd name="connsiteY0" fmla="*/ 1184400 h 1184400"/>
                  <a:gd name="connsiteX1" fmla="*/ 523822 w 523822"/>
                  <a:gd name="connsiteY1" fmla="*/ 234000 h 1184400"/>
                  <a:gd name="connsiteX2" fmla="*/ 30622 w 523822"/>
                  <a:gd name="connsiteY2" fmla="*/ 0 h 1184400"/>
                  <a:gd name="connsiteX3" fmla="*/ 55822 w 523822"/>
                  <a:gd name="connsiteY3" fmla="*/ 284400 h 1184400"/>
                  <a:gd name="connsiteX4" fmla="*/ 142222 w 523822"/>
                  <a:gd name="connsiteY4" fmla="*/ 640800 h 1184400"/>
                  <a:gd name="connsiteX5" fmla="*/ 268222 w 523822"/>
                  <a:gd name="connsiteY5" fmla="*/ 928800 h 1184400"/>
                  <a:gd name="connsiteX6" fmla="*/ 469822 w 523822"/>
                  <a:gd name="connsiteY6" fmla="*/ 1184400 h 1184400"/>
                  <a:gd name="connsiteX0" fmla="*/ 440501 w 494501"/>
                  <a:gd name="connsiteY0" fmla="*/ 1184400 h 1184400"/>
                  <a:gd name="connsiteX1" fmla="*/ 494501 w 494501"/>
                  <a:gd name="connsiteY1" fmla="*/ 234000 h 1184400"/>
                  <a:gd name="connsiteX2" fmla="*/ 1301 w 494501"/>
                  <a:gd name="connsiteY2" fmla="*/ 0 h 1184400"/>
                  <a:gd name="connsiteX3" fmla="*/ 26501 w 494501"/>
                  <a:gd name="connsiteY3" fmla="*/ 284400 h 1184400"/>
                  <a:gd name="connsiteX4" fmla="*/ 112901 w 494501"/>
                  <a:gd name="connsiteY4" fmla="*/ 640800 h 1184400"/>
                  <a:gd name="connsiteX5" fmla="*/ 238901 w 494501"/>
                  <a:gd name="connsiteY5" fmla="*/ 928800 h 1184400"/>
                  <a:gd name="connsiteX6" fmla="*/ 440501 w 494501"/>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9200 w 493200"/>
                  <a:gd name="connsiteY0" fmla="*/ 1184400 h 1184400"/>
                  <a:gd name="connsiteX1" fmla="*/ 493200 w 493200"/>
                  <a:gd name="connsiteY1" fmla="*/ 234000 h 1184400"/>
                  <a:gd name="connsiteX2" fmla="*/ 0 w 493200"/>
                  <a:gd name="connsiteY2" fmla="*/ 0 h 1184400"/>
                  <a:gd name="connsiteX3" fmla="*/ 25200 w 493200"/>
                  <a:gd name="connsiteY3" fmla="*/ 284400 h 1184400"/>
                  <a:gd name="connsiteX4" fmla="*/ 111600 w 493200"/>
                  <a:gd name="connsiteY4" fmla="*/ 640800 h 1184400"/>
                  <a:gd name="connsiteX5" fmla="*/ 237600 w 493200"/>
                  <a:gd name="connsiteY5" fmla="*/ 928800 h 1184400"/>
                  <a:gd name="connsiteX6" fmla="*/ 439200 w 493200"/>
                  <a:gd name="connsiteY6" fmla="*/ 1184400 h 1184400"/>
                  <a:gd name="connsiteX0" fmla="*/ 436688 w 493200"/>
                  <a:gd name="connsiteY0" fmla="*/ 1196960 h 1196960"/>
                  <a:gd name="connsiteX1" fmla="*/ 493200 w 493200"/>
                  <a:gd name="connsiteY1" fmla="*/ 234000 h 1196960"/>
                  <a:gd name="connsiteX2" fmla="*/ 0 w 493200"/>
                  <a:gd name="connsiteY2" fmla="*/ 0 h 1196960"/>
                  <a:gd name="connsiteX3" fmla="*/ 25200 w 493200"/>
                  <a:gd name="connsiteY3" fmla="*/ 284400 h 1196960"/>
                  <a:gd name="connsiteX4" fmla="*/ 111600 w 493200"/>
                  <a:gd name="connsiteY4" fmla="*/ 640800 h 1196960"/>
                  <a:gd name="connsiteX5" fmla="*/ 237600 w 493200"/>
                  <a:gd name="connsiteY5" fmla="*/ 928800 h 1196960"/>
                  <a:gd name="connsiteX6" fmla="*/ 436688 w 493200"/>
                  <a:gd name="connsiteY6" fmla="*/ 1196960 h 1196960"/>
                  <a:gd name="connsiteX0" fmla="*/ 436688 w 493200"/>
                  <a:gd name="connsiteY0" fmla="*/ 1196960 h 1238214"/>
                  <a:gd name="connsiteX1" fmla="*/ 493200 w 493200"/>
                  <a:gd name="connsiteY1" fmla="*/ 234000 h 1238214"/>
                  <a:gd name="connsiteX2" fmla="*/ 0 w 493200"/>
                  <a:gd name="connsiteY2" fmla="*/ 0 h 1238214"/>
                  <a:gd name="connsiteX3" fmla="*/ 25200 w 493200"/>
                  <a:gd name="connsiteY3" fmla="*/ 284400 h 1238214"/>
                  <a:gd name="connsiteX4" fmla="*/ 111600 w 493200"/>
                  <a:gd name="connsiteY4" fmla="*/ 640800 h 1238214"/>
                  <a:gd name="connsiteX5" fmla="*/ 237600 w 493200"/>
                  <a:gd name="connsiteY5" fmla="*/ 928800 h 1238214"/>
                  <a:gd name="connsiteX6" fmla="*/ 322254 w 493200"/>
                  <a:gd name="connsiteY6" fmla="*/ 1048866 h 1238214"/>
                  <a:gd name="connsiteX7" fmla="*/ 436688 w 493200"/>
                  <a:gd name="connsiteY7" fmla="*/ 1196960 h 1238214"/>
                  <a:gd name="connsiteX0" fmla="*/ 436688 w 493200"/>
                  <a:gd name="connsiteY0" fmla="*/ 1196960 h 1238214"/>
                  <a:gd name="connsiteX1" fmla="*/ 493200 w 493200"/>
                  <a:gd name="connsiteY1" fmla="*/ 234000 h 1238214"/>
                  <a:gd name="connsiteX2" fmla="*/ 0 w 493200"/>
                  <a:gd name="connsiteY2" fmla="*/ 0 h 1238214"/>
                  <a:gd name="connsiteX3" fmla="*/ 25200 w 493200"/>
                  <a:gd name="connsiteY3" fmla="*/ 284400 h 1238214"/>
                  <a:gd name="connsiteX4" fmla="*/ 111600 w 493200"/>
                  <a:gd name="connsiteY4" fmla="*/ 640800 h 1238214"/>
                  <a:gd name="connsiteX5" fmla="*/ 237600 w 493200"/>
                  <a:gd name="connsiteY5" fmla="*/ 928800 h 1238214"/>
                  <a:gd name="connsiteX6" fmla="*/ 322254 w 493200"/>
                  <a:gd name="connsiteY6" fmla="*/ 1048866 h 1238214"/>
                  <a:gd name="connsiteX7" fmla="*/ 436688 w 493200"/>
                  <a:gd name="connsiteY7" fmla="*/ 1196960 h 1238214"/>
                  <a:gd name="connsiteX0" fmla="*/ 436688 w 493200"/>
                  <a:gd name="connsiteY0" fmla="*/ 1196960 h 1196960"/>
                  <a:gd name="connsiteX1" fmla="*/ 493200 w 493200"/>
                  <a:gd name="connsiteY1" fmla="*/ 234000 h 1196960"/>
                  <a:gd name="connsiteX2" fmla="*/ 0 w 493200"/>
                  <a:gd name="connsiteY2" fmla="*/ 0 h 1196960"/>
                  <a:gd name="connsiteX3" fmla="*/ 25200 w 493200"/>
                  <a:gd name="connsiteY3" fmla="*/ 284400 h 1196960"/>
                  <a:gd name="connsiteX4" fmla="*/ 111600 w 493200"/>
                  <a:gd name="connsiteY4" fmla="*/ 640800 h 1196960"/>
                  <a:gd name="connsiteX5" fmla="*/ 237600 w 493200"/>
                  <a:gd name="connsiteY5" fmla="*/ 928800 h 1196960"/>
                  <a:gd name="connsiteX6" fmla="*/ 322254 w 493200"/>
                  <a:gd name="connsiteY6" fmla="*/ 1048866 h 1196960"/>
                  <a:gd name="connsiteX7" fmla="*/ 436688 w 493200"/>
                  <a:gd name="connsiteY7" fmla="*/ 1196960 h 1196960"/>
                  <a:gd name="connsiteX0" fmla="*/ 436688 w 493200"/>
                  <a:gd name="connsiteY0" fmla="*/ 1196960 h 1196960"/>
                  <a:gd name="connsiteX1" fmla="*/ 493200 w 493200"/>
                  <a:gd name="connsiteY1" fmla="*/ 234000 h 1196960"/>
                  <a:gd name="connsiteX2" fmla="*/ 0 w 493200"/>
                  <a:gd name="connsiteY2" fmla="*/ 0 h 1196960"/>
                  <a:gd name="connsiteX3" fmla="*/ 25200 w 493200"/>
                  <a:gd name="connsiteY3" fmla="*/ 284400 h 1196960"/>
                  <a:gd name="connsiteX4" fmla="*/ 104064 w 493200"/>
                  <a:gd name="connsiteY4" fmla="*/ 640800 h 1196960"/>
                  <a:gd name="connsiteX5" fmla="*/ 237600 w 493200"/>
                  <a:gd name="connsiteY5" fmla="*/ 928800 h 1196960"/>
                  <a:gd name="connsiteX6" fmla="*/ 322254 w 493200"/>
                  <a:gd name="connsiteY6" fmla="*/ 1048866 h 1196960"/>
                  <a:gd name="connsiteX7" fmla="*/ 436688 w 493200"/>
                  <a:gd name="connsiteY7" fmla="*/ 1196960 h 1196960"/>
                  <a:gd name="connsiteX0" fmla="*/ 436688 w 493200"/>
                  <a:gd name="connsiteY0" fmla="*/ 1196960 h 1196960"/>
                  <a:gd name="connsiteX1" fmla="*/ 493200 w 493200"/>
                  <a:gd name="connsiteY1" fmla="*/ 234000 h 1196960"/>
                  <a:gd name="connsiteX2" fmla="*/ 0 w 493200"/>
                  <a:gd name="connsiteY2" fmla="*/ 0 h 1196960"/>
                  <a:gd name="connsiteX3" fmla="*/ 20176 w 493200"/>
                  <a:gd name="connsiteY3" fmla="*/ 284400 h 1196960"/>
                  <a:gd name="connsiteX4" fmla="*/ 104064 w 493200"/>
                  <a:gd name="connsiteY4" fmla="*/ 640800 h 1196960"/>
                  <a:gd name="connsiteX5" fmla="*/ 237600 w 493200"/>
                  <a:gd name="connsiteY5" fmla="*/ 928800 h 1196960"/>
                  <a:gd name="connsiteX6" fmla="*/ 322254 w 493200"/>
                  <a:gd name="connsiteY6" fmla="*/ 1048866 h 1196960"/>
                  <a:gd name="connsiteX7" fmla="*/ 436688 w 493200"/>
                  <a:gd name="connsiteY7" fmla="*/ 1196960 h 1196960"/>
                  <a:gd name="connsiteX0" fmla="*/ 436688 w 493200"/>
                  <a:gd name="connsiteY0" fmla="*/ 1196960 h 1196960"/>
                  <a:gd name="connsiteX1" fmla="*/ 493200 w 493200"/>
                  <a:gd name="connsiteY1" fmla="*/ 234000 h 1196960"/>
                  <a:gd name="connsiteX2" fmla="*/ 0 w 493200"/>
                  <a:gd name="connsiteY2" fmla="*/ 0 h 1196960"/>
                  <a:gd name="connsiteX3" fmla="*/ 20176 w 493200"/>
                  <a:gd name="connsiteY3" fmla="*/ 284400 h 1196960"/>
                  <a:gd name="connsiteX4" fmla="*/ 104064 w 493200"/>
                  <a:gd name="connsiteY4" fmla="*/ 640800 h 1196960"/>
                  <a:gd name="connsiteX5" fmla="*/ 237600 w 493200"/>
                  <a:gd name="connsiteY5" fmla="*/ 928800 h 1196960"/>
                  <a:gd name="connsiteX6" fmla="*/ 322254 w 493200"/>
                  <a:gd name="connsiteY6" fmla="*/ 1066450 h 1196960"/>
                  <a:gd name="connsiteX7" fmla="*/ 436688 w 493200"/>
                  <a:gd name="connsiteY7" fmla="*/ 1196960 h 1196960"/>
                  <a:gd name="connsiteX0" fmla="*/ 436688 w 570276"/>
                  <a:gd name="connsiteY0" fmla="*/ 1196960 h 1196960"/>
                  <a:gd name="connsiteX1" fmla="*/ 570276 w 570276"/>
                  <a:gd name="connsiteY1" fmla="*/ 297063 h 1196960"/>
                  <a:gd name="connsiteX2" fmla="*/ 0 w 570276"/>
                  <a:gd name="connsiteY2" fmla="*/ 0 h 1196960"/>
                  <a:gd name="connsiteX3" fmla="*/ 20176 w 570276"/>
                  <a:gd name="connsiteY3" fmla="*/ 284400 h 1196960"/>
                  <a:gd name="connsiteX4" fmla="*/ 104064 w 570276"/>
                  <a:gd name="connsiteY4" fmla="*/ 640800 h 1196960"/>
                  <a:gd name="connsiteX5" fmla="*/ 237600 w 570276"/>
                  <a:gd name="connsiteY5" fmla="*/ 928800 h 1196960"/>
                  <a:gd name="connsiteX6" fmla="*/ 322254 w 570276"/>
                  <a:gd name="connsiteY6" fmla="*/ 1066450 h 1196960"/>
                  <a:gd name="connsiteX7" fmla="*/ 436688 w 570276"/>
                  <a:gd name="connsiteY7" fmla="*/ 1196960 h 1196960"/>
                  <a:gd name="connsiteX0" fmla="*/ 541791 w 570276"/>
                  <a:gd name="connsiteY0" fmla="*/ 1133898 h 1133898"/>
                  <a:gd name="connsiteX1" fmla="*/ 570276 w 570276"/>
                  <a:gd name="connsiteY1" fmla="*/ 297063 h 1133898"/>
                  <a:gd name="connsiteX2" fmla="*/ 0 w 570276"/>
                  <a:gd name="connsiteY2" fmla="*/ 0 h 1133898"/>
                  <a:gd name="connsiteX3" fmla="*/ 20176 w 570276"/>
                  <a:gd name="connsiteY3" fmla="*/ 284400 h 1133898"/>
                  <a:gd name="connsiteX4" fmla="*/ 104064 w 570276"/>
                  <a:gd name="connsiteY4" fmla="*/ 640800 h 1133898"/>
                  <a:gd name="connsiteX5" fmla="*/ 237600 w 570276"/>
                  <a:gd name="connsiteY5" fmla="*/ 928800 h 1133898"/>
                  <a:gd name="connsiteX6" fmla="*/ 322254 w 570276"/>
                  <a:gd name="connsiteY6" fmla="*/ 1066450 h 1133898"/>
                  <a:gd name="connsiteX7" fmla="*/ 541791 w 570276"/>
                  <a:gd name="connsiteY7" fmla="*/ 1133898 h 1133898"/>
                  <a:gd name="connsiteX0" fmla="*/ 541791 w 570276"/>
                  <a:gd name="connsiteY0" fmla="*/ 1133898 h 1133898"/>
                  <a:gd name="connsiteX1" fmla="*/ 570276 w 570276"/>
                  <a:gd name="connsiteY1" fmla="*/ 297063 h 1133898"/>
                  <a:gd name="connsiteX2" fmla="*/ 0 w 570276"/>
                  <a:gd name="connsiteY2" fmla="*/ 0 h 1133898"/>
                  <a:gd name="connsiteX3" fmla="*/ 20176 w 570276"/>
                  <a:gd name="connsiteY3" fmla="*/ 340456 h 1133898"/>
                  <a:gd name="connsiteX4" fmla="*/ 104064 w 570276"/>
                  <a:gd name="connsiteY4" fmla="*/ 640800 h 1133898"/>
                  <a:gd name="connsiteX5" fmla="*/ 237600 w 570276"/>
                  <a:gd name="connsiteY5" fmla="*/ 928800 h 1133898"/>
                  <a:gd name="connsiteX6" fmla="*/ 322254 w 570276"/>
                  <a:gd name="connsiteY6" fmla="*/ 1066450 h 1133898"/>
                  <a:gd name="connsiteX7" fmla="*/ 541791 w 570276"/>
                  <a:gd name="connsiteY7" fmla="*/ 1133898 h 1133898"/>
                  <a:gd name="connsiteX0" fmla="*/ 541791 w 570276"/>
                  <a:gd name="connsiteY0" fmla="*/ 1152349 h 1152349"/>
                  <a:gd name="connsiteX1" fmla="*/ 570276 w 570276"/>
                  <a:gd name="connsiteY1" fmla="*/ 315514 h 1152349"/>
                  <a:gd name="connsiteX2" fmla="*/ 274938 w 570276"/>
                  <a:gd name="connsiteY2" fmla="*/ 53131 h 1152349"/>
                  <a:gd name="connsiteX3" fmla="*/ 0 w 570276"/>
                  <a:gd name="connsiteY3" fmla="*/ 18451 h 1152349"/>
                  <a:gd name="connsiteX4" fmla="*/ 20176 w 570276"/>
                  <a:gd name="connsiteY4" fmla="*/ 358907 h 1152349"/>
                  <a:gd name="connsiteX5" fmla="*/ 104064 w 570276"/>
                  <a:gd name="connsiteY5" fmla="*/ 659251 h 1152349"/>
                  <a:gd name="connsiteX6" fmla="*/ 237600 w 570276"/>
                  <a:gd name="connsiteY6" fmla="*/ 947251 h 1152349"/>
                  <a:gd name="connsiteX7" fmla="*/ 322254 w 570276"/>
                  <a:gd name="connsiteY7" fmla="*/ 1084901 h 1152349"/>
                  <a:gd name="connsiteX8" fmla="*/ 541791 w 570276"/>
                  <a:gd name="connsiteY8" fmla="*/ 1152349 h 1152349"/>
                  <a:gd name="connsiteX0" fmla="*/ 541791 w 570276"/>
                  <a:gd name="connsiteY0" fmla="*/ 1147275 h 1147275"/>
                  <a:gd name="connsiteX1" fmla="*/ 570276 w 570276"/>
                  <a:gd name="connsiteY1" fmla="*/ 310440 h 1147275"/>
                  <a:gd name="connsiteX2" fmla="*/ 390552 w 570276"/>
                  <a:gd name="connsiteY2" fmla="*/ 181189 h 1147275"/>
                  <a:gd name="connsiteX3" fmla="*/ 274938 w 570276"/>
                  <a:gd name="connsiteY3" fmla="*/ 48057 h 1147275"/>
                  <a:gd name="connsiteX4" fmla="*/ 0 w 570276"/>
                  <a:gd name="connsiteY4" fmla="*/ 13377 h 1147275"/>
                  <a:gd name="connsiteX5" fmla="*/ 20176 w 570276"/>
                  <a:gd name="connsiteY5" fmla="*/ 353833 h 1147275"/>
                  <a:gd name="connsiteX6" fmla="*/ 104064 w 570276"/>
                  <a:gd name="connsiteY6" fmla="*/ 654177 h 1147275"/>
                  <a:gd name="connsiteX7" fmla="*/ 237600 w 570276"/>
                  <a:gd name="connsiteY7" fmla="*/ 942177 h 1147275"/>
                  <a:gd name="connsiteX8" fmla="*/ 322254 w 570276"/>
                  <a:gd name="connsiteY8" fmla="*/ 1079827 h 1147275"/>
                  <a:gd name="connsiteX9" fmla="*/ 541791 w 570276"/>
                  <a:gd name="connsiteY9" fmla="*/ 1147275 h 1147275"/>
                  <a:gd name="connsiteX0" fmla="*/ 541791 w 570276"/>
                  <a:gd name="connsiteY0" fmla="*/ 1160133 h 1160133"/>
                  <a:gd name="connsiteX1" fmla="*/ 570276 w 570276"/>
                  <a:gd name="connsiteY1" fmla="*/ 323298 h 1160133"/>
                  <a:gd name="connsiteX2" fmla="*/ 390552 w 570276"/>
                  <a:gd name="connsiteY2" fmla="*/ 194047 h 1160133"/>
                  <a:gd name="connsiteX3" fmla="*/ 274938 w 570276"/>
                  <a:gd name="connsiteY3" fmla="*/ 60915 h 1160133"/>
                  <a:gd name="connsiteX4" fmla="*/ 138304 w 570276"/>
                  <a:gd name="connsiteY4" fmla="*/ 29385 h 1160133"/>
                  <a:gd name="connsiteX5" fmla="*/ 0 w 570276"/>
                  <a:gd name="connsiteY5" fmla="*/ 26235 h 1160133"/>
                  <a:gd name="connsiteX6" fmla="*/ 20176 w 570276"/>
                  <a:gd name="connsiteY6" fmla="*/ 366691 h 1160133"/>
                  <a:gd name="connsiteX7" fmla="*/ 104064 w 570276"/>
                  <a:gd name="connsiteY7" fmla="*/ 667035 h 1160133"/>
                  <a:gd name="connsiteX8" fmla="*/ 237600 w 570276"/>
                  <a:gd name="connsiteY8" fmla="*/ 955035 h 1160133"/>
                  <a:gd name="connsiteX9" fmla="*/ 322254 w 570276"/>
                  <a:gd name="connsiteY9" fmla="*/ 1092685 h 1160133"/>
                  <a:gd name="connsiteX10" fmla="*/ 541791 w 570276"/>
                  <a:gd name="connsiteY10" fmla="*/ 1160133 h 1160133"/>
                  <a:gd name="connsiteX0" fmla="*/ 541791 w 570276"/>
                  <a:gd name="connsiteY0" fmla="*/ 1150416 h 1150416"/>
                  <a:gd name="connsiteX1" fmla="*/ 570276 w 570276"/>
                  <a:gd name="connsiteY1" fmla="*/ 313581 h 1150416"/>
                  <a:gd name="connsiteX2" fmla="*/ 390552 w 570276"/>
                  <a:gd name="connsiteY2" fmla="*/ 184330 h 1150416"/>
                  <a:gd name="connsiteX3" fmla="*/ 274938 w 570276"/>
                  <a:gd name="connsiteY3" fmla="*/ 51198 h 1150416"/>
                  <a:gd name="connsiteX4" fmla="*/ 138304 w 570276"/>
                  <a:gd name="connsiteY4" fmla="*/ 19668 h 1150416"/>
                  <a:gd name="connsiteX5" fmla="*/ 0 w 570276"/>
                  <a:gd name="connsiteY5" fmla="*/ 30532 h 1150416"/>
                  <a:gd name="connsiteX6" fmla="*/ 20176 w 570276"/>
                  <a:gd name="connsiteY6" fmla="*/ 356974 h 1150416"/>
                  <a:gd name="connsiteX7" fmla="*/ 104064 w 570276"/>
                  <a:gd name="connsiteY7" fmla="*/ 657318 h 1150416"/>
                  <a:gd name="connsiteX8" fmla="*/ 237600 w 570276"/>
                  <a:gd name="connsiteY8" fmla="*/ 945318 h 1150416"/>
                  <a:gd name="connsiteX9" fmla="*/ 322254 w 570276"/>
                  <a:gd name="connsiteY9" fmla="*/ 1082968 h 1150416"/>
                  <a:gd name="connsiteX10" fmla="*/ 541791 w 570276"/>
                  <a:gd name="connsiteY10" fmla="*/ 1150416 h 1150416"/>
                  <a:gd name="connsiteX0" fmla="*/ 541791 w 570276"/>
                  <a:gd name="connsiteY0" fmla="*/ 1150416 h 1150416"/>
                  <a:gd name="connsiteX1" fmla="*/ 570276 w 570276"/>
                  <a:gd name="connsiteY1" fmla="*/ 313581 h 1150416"/>
                  <a:gd name="connsiteX2" fmla="*/ 390552 w 570276"/>
                  <a:gd name="connsiteY2" fmla="*/ 184330 h 1150416"/>
                  <a:gd name="connsiteX3" fmla="*/ 274938 w 570276"/>
                  <a:gd name="connsiteY3" fmla="*/ 51198 h 1150416"/>
                  <a:gd name="connsiteX4" fmla="*/ 138304 w 570276"/>
                  <a:gd name="connsiteY4" fmla="*/ 19668 h 1150416"/>
                  <a:gd name="connsiteX5" fmla="*/ 0 w 570276"/>
                  <a:gd name="connsiteY5" fmla="*/ 30532 h 1150416"/>
                  <a:gd name="connsiteX6" fmla="*/ 20176 w 570276"/>
                  <a:gd name="connsiteY6" fmla="*/ 356974 h 1150416"/>
                  <a:gd name="connsiteX7" fmla="*/ 104064 w 570276"/>
                  <a:gd name="connsiteY7" fmla="*/ 657318 h 1150416"/>
                  <a:gd name="connsiteX8" fmla="*/ 262124 w 570276"/>
                  <a:gd name="connsiteY8" fmla="*/ 864739 h 1150416"/>
                  <a:gd name="connsiteX9" fmla="*/ 322254 w 570276"/>
                  <a:gd name="connsiteY9" fmla="*/ 1082968 h 1150416"/>
                  <a:gd name="connsiteX10" fmla="*/ 541791 w 570276"/>
                  <a:gd name="connsiteY10" fmla="*/ 1150416 h 1150416"/>
                  <a:gd name="connsiteX0" fmla="*/ 541791 w 570276"/>
                  <a:gd name="connsiteY0" fmla="*/ 1150416 h 1150416"/>
                  <a:gd name="connsiteX1" fmla="*/ 570276 w 570276"/>
                  <a:gd name="connsiteY1" fmla="*/ 313581 h 1150416"/>
                  <a:gd name="connsiteX2" fmla="*/ 390552 w 570276"/>
                  <a:gd name="connsiteY2" fmla="*/ 184330 h 1150416"/>
                  <a:gd name="connsiteX3" fmla="*/ 274938 w 570276"/>
                  <a:gd name="connsiteY3" fmla="*/ 51198 h 1150416"/>
                  <a:gd name="connsiteX4" fmla="*/ 138304 w 570276"/>
                  <a:gd name="connsiteY4" fmla="*/ 19668 h 1150416"/>
                  <a:gd name="connsiteX5" fmla="*/ 0 w 570276"/>
                  <a:gd name="connsiteY5" fmla="*/ 30532 h 1150416"/>
                  <a:gd name="connsiteX6" fmla="*/ 20176 w 570276"/>
                  <a:gd name="connsiteY6" fmla="*/ 356974 h 1150416"/>
                  <a:gd name="connsiteX7" fmla="*/ 104064 w 570276"/>
                  <a:gd name="connsiteY7" fmla="*/ 657318 h 1150416"/>
                  <a:gd name="connsiteX8" fmla="*/ 262124 w 570276"/>
                  <a:gd name="connsiteY8" fmla="*/ 864739 h 1150416"/>
                  <a:gd name="connsiteX9" fmla="*/ 381812 w 570276"/>
                  <a:gd name="connsiteY9" fmla="*/ 1019906 h 1150416"/>
                  <a:gd name="connsiteX10" fmla="*/ 541791 w 570276"/>
                  <a:gd name="connsiteY10" fmla="*/ 1150416 h 1150416"/>
                  <a:gd name="connsiteX0" fmla="*/ 541791 w 570276"/>
                  <a:gd name="connsiteY0" fmla="*/ 1150416 h 1150416"/>
                  <a:gd name="connsiteX1" fmla="*/ 570276 w 570276"/>
                  <a:gd name="connsiteY1" fmla="*/ 313581 h 1150416"/>
                  <a:gd name="connsiteX2" fmla="*/ 390552 w 570276"/>
                  <a:gd name="connsiteY2" fmla="*/ 184330 h 1150416"/>
                  <a:gd name="connsiteX3" fmla="*/ 274938 w 570276"/>
                  <a:gd name="connsiteY3" fmla="*/ 51198 h 1150416"/>
                  <a:gd name="connsiteX4" fmla="*/ 138304 w 570276"/>
                  <a:gd name="connsiteY4" fmla="*/ 19668 h 1150416"/>
                  <a:gd name="connsiteX5" fmla="*/ 0 w 570276"/>
                  <a:gd name="connsiteY5" fmla="*/ 30532 h 1150416"/>
                  <a:gd name="connsiteX6" fmla="*/ 20176 w 570276"/>
                  <a:gd name="connsiteY6" fmla="*/ 356974 h 1150416"/>
                  <a:gd name="connsiteX7" fmla="*/ 153113 w 570276"/>
                  <a:gd name="connsiteY7" fmla="*/ 646807 h 1150416"/>
                  <a:gd name="connsiteX8" fmla="*/ 262124 w 570276"/>
                  <a:gd name="connsiteY8" fmla="*/ 864739 h 1150416"/>
                  <a:gd name="connsiteX9" fmla="*/ 381812 w 570276"/>
                  <a:gd name="connsiteY9" fmla="*/ 1019906 h 1150416"/>
                  <a:gd name="connsiteX10" fmla="*/ 541791 w 570276"/>
                  <a:gd name="connsiteY10" fmla="*/ 1150416 h 1150416"/>
                  <a:gd name="connsiteX0" fmla="*/ 541791 w 570276"/>
                  <a:gd name="connsiteY0" fmla="*/ 1150416 h 1150416"/>
                  <a:gd name="connsiteX1" fmla="*/ 570276 w 570276"/>
                  <a:gd name="connsiteY1" fmla="*/ 313581 h 1150416"/>
                  <a:gd name="connsiteX2" fmla="*/ 390552 w 570276"/>
                  <a:gd name="connsiteY2" fmla="*/ 184330 h 1150416"/>
                  <a:gd name="connsiteX3" fmla="*/ 274938 w 570276"/>
                  <a:gd name="connsiteY3" fmla="*/ 51198 h 1150416"/>
                  <a:gd name="connsiteX4" fmla="*/ 138304 w 570276"/>
                  <a:gd name="connsiteY4" fmla="*/ 19668 h 1150416"/>
                  <a:gd name="connsiteX5" fmla="*/ 0 w 570276"/>
                  <a:gd name="connsiteY5" fmla="*/ 30532 h 1150416"/>
                  <a:gd name="connsiteX6" fmla="*/ 20176 w 570276"/>
                  <a:gd name="connsiteY6" fmla="*/ 356974 h 1150416"/>
                  <a:gd name="connsiteX7" fmla="*/ 61228 w 570276"/>
                  <a:gd name="connsiteY7" fmla="*/ 503143 h 1150416"/>
                  <a:gd name="connsiteX8" fmla="*/ 153113 w 570276"/>
                  <a:gd name="connsiteY8" fmla="*/ 646807 h 1150416"/>
                  <a:gd name="connsiteX9" fmla="*/ 262124 w 570276"/>
                  <a:gd name="connsiteY9" fmla="*/ 864739 h 1150416"/>
                  <a:gd name="connsiteX10" fmla="*/ 381812 w 570276"/>
                  <a:gd name="connsiteY10" fmla="*/ 1019906 h 1150416"/>
                  <a:gd name="connsiteX11" fmla="*/ 541791 w 570276"/>
                  <a:gd name="connsiteY11" fmla="*/ 1150416 h 1150416"/>
                  <a:gd name="connsiteX0" fmla="*/ 548942 w 577427"/>
                  <a:gd name="connsiteY0" fmla="*/ 1140042 h 1140042"/>
                  <a:gd name="connsiteX1" fmla="*/ 577427 w 577427"/>
                  <a:gd name="connsiteY1" fmla="*/ 303207 h 1140042"/>
                  <a:gd name="connsiteX2" fmla="*/ 397703 w 577427"/>
                  <a:gd name="connsiteY2" fmla="*/ 173956 h 1140042"/>
                  <a:gd name="connsiteX3" fmla="*/ 282089 w 577427"/>
                  <a:gd name="connsiteY3" fmla="*/ 40824 h 1140042"/>
                  <a:gd name="connsiteX4" fmla="*/ 145455 w 577427"/>
                  <a:gd name="connsiteY4" fmla="*/ 9294 h 1140042"/>
                  <a:gd name="connsiteX5" fmla="*/ 7151 w 577427"/>
                  <a:gd name="connsiteY5" fmla="*/ 20158 h 1140042"/>
                  <a:gd name="connsiteX6" fmla="*/ 26338 w 577427"/>
                  <a:gd name="connsiteY6" fmla="*/ 208990 h 1140042"/>
                  <a:gd name="connsiteX7" fmla="*/ 27327 w 577427"/>
                  <a:gd name="connsiteY7" fmla="*/ 346600 h 1140042"/>
                  <a:gd name="connsiteX8" fmla="*/ 68379 w 577427"/>
                  <a:gd name="connsiteY8" fmla="*/ 492769 h 1140042"/>
                  <a:gd name="connsiteX9" fmla="*/ 160264 w 577427"/>
                  <a:gd name="connsiteY9" fmla="*/ 636433 h 1140042"/>
                  <a:gd name="connsiteX10" fmla="*/ 269275 w 577427"/>
                  <a:gd name="connsiteY10" fmla="*/ 854365 h 1140042"/>
                  <a:gd name="connsiteX11" fmla="*/ 388963 w 577427"/>
                  <a:gd name="connsiteY11" fmla="*/ 1009532 h 1140042"/>
                  <a:gd name="connsiteX12" fmla="*/ 548942 w 577427"/>
                  <a:gd name="connsiteY12" fmla="*/ 1140042 h 1140042"/>
                  <a:gd name="connsiteX0" fmla="*/ 548942 w 577427"/>
                  <a:gd name="connsiteY0" fmla="*/ 1140042 h 1140042"/>
                  <a:gd name="connsiteX1" fmla="*/ 577427 w 577427"/>
                  <a:gd name="connsiteY1" fmla="*/ 303207 h 1140042"/>
                  <a:gd name="connsiteX2" fmla="*/ 397703 w 577427"/>
                  <a:gd name="connsiteY2" fmla="*/ 173956 h 1140042"/>
                  <a:gd name="connsiteX3" fmla="*/ 282089 w 577427"/>
                  <a:gd name="connsiteY3" fmla="*/ 40824 h 1140042"/>
                  <a:gd name="connsiteX4" fmla="*/ 145455 w 577427"/>
                  <a:gd name="connsiteY4" fmla="*/ 9294 h 1140042"/>
                  <a:gd name="connsiteX5" fmla="*/ 7151 w 577427"/>
                  <a:gd name="connsiteY5" fmla="*/ 20158 h 1140042"/>
                  <a:gd name="connsiteX6" fmla="*/ 26338 w 577427"/>
                  <a:gd name="connsiteY6" fmla="*/ 208990 h 1140042"/>
                  <a:gd name="connsiteX7" fmla="*/ 27327 w 577427"/>
                  <a:gd name="connsiteY7" fmla="*/ 346600 h 1140042"/>
                  <a:gd name="connsiteX8" fmla="*/ 68379 w 577427"/>
                  <a:gd name="connsiteY8" fmla="*/ 492769 h 1140042"/>
                  <a:gd name="connsiteX9" fmla="*/ 160264 w 577427"/>
                  <a:gd name="connsiteY9" fmla="*/ 636433 h 1140042"/>
                  <a:gd name="connsiteX10" fmla="*/ 269275 w 577427"/>
                  <a:gd name="connsiteY10" fmla="*/ 854365 h 1140042"/>
                  <a:gd name="connsiteX11" fmla="*/ 388963 w 577427"/>
                  <a:gd name="connsiteY11" fmla="*/ 1009532 h 1140042"/>
                  <a:gd name="connsiteX12" fmla="*/ 548942 w 577427"/>
                  <a:gd name="connsiteY12" fmla="*/ 1140042 h 1140042"/>
                  <a:gd name="connsiteX0" fmla="*/ 566460 w 577427"/>
                  <a:gd name="connsiteY0" fmla="*/ 1157559 h 1157559"/>
                  <a:gd name="connsiteX1" fmla="*/ 577427 w 577427"/>
                  <a:gd name="connsiteY1" fmla="*/ 303207 h 1157559"/>
                  <a:gd name="connsiteX2" fmla="*/ 397703 w 577427"/>
                  <a:gd name="connsiteY2" fmla="*/ 173956 h 1157559"/>
                  <a:gd name="connsiteX3" fmla="*/ 282089 w 577427"/>
                  <a:gd name="connsiteY3" fmla="*/ 40824 h 1157559"/>
                  <a:gd name="connsiteX4" fmla="*/ 145455 w 577427"/>
                  <a:gd name="connsiteY4" fmla="*/ 9294 h 1157559"/>
                  <a:gd name="connsiteX5" fmla="*/ 7151 w 577427"/>
                  <a:gd name="connsiteY5" fmla="*/ 20158 h 1157559"/>
                  <a:gd name="connsiteX6" fmla="*/ 26338 w 577427"/>
                  <a:gd name="connsiteY6" fmla="*/ 208990 h 1157559"/>
                  <a:gd name="connsiteX7" fmla="*/ 27327 w 577427"/>
                  <a:gd name="connsiteY7" fmla="*/ 346600 h 1157559"/>
                  <a:gd name="connsiteX8" fmla="*/ 68379 w 577427"/>
                  <a:gd name="connsiteY8" fmla="*/ 492769 h 1157559"/>
                  <a:gd name="connsiteX9" fmla="*/ 160264 w 577427"/>
                  <a:gd name="connsiteY9" fmla="*/ 636433 h 1157559"/>
                  <a:gd name="connsiteX10" fmla="*/ 269275 w 577427"/>
                  <a:gd name="connsiteY10" fmla="*/ 854365 h 1157559"/>
                  <a:gd name="connsiteX11" fmla="*/ 388963 w 577427"/>
                  <a:gd name="connsiteY11" fmla="*/ 1009532 h 1157559"/>
                  <a:gd name="connsiteX12" fmla="*/ 566460 w 577427"/>
                  <a:gd name="connsiteY12" fmla="*/ 1157559 h 1157559"/>
                  <a:gd name="connsiteX0" fmla="*/ 566460 w 630501"/>
                  <a:gd name="connsiteY0" fmla="*/ 1157559 h 1157559"/>
                  <a:gd name="connsiteX1" fmla="*/ 630501 w 630501"/>
                  <a:gd name="connsiteY1" fmla="*/ 147066 h 1157559"/>
                  <a:gd name="connsiteX2" fmla="*/ 397703 w 630501"/>
                  <a:gd name="connsiteY2" fmla="*/ 173956 h 1157559"/>
                  <a:gd name="connsiteX3" fmla="*/ 282089 w 630501"/>
                  <a:gd name="connsiteY3" fmla="*/ 40824 h 1157559"/>
                  <a:gd name="connsiteX4" fmla="*/ 145455 w 630501"/>
                  <a:gd name="connsiteY4" fmla="*/ 9294 h 1157559"/>
                  <a:gd name="connsiteX5" fmla="*/ 7151 w 630501"/>
                  <a:gd name="connsiteY5" fmla="*/ 20158 h 1157559"/>
                  <a:gd name="connsiteX6" fmla="*/ 26338 w 630501"/>
                  <a:gd name="connsiteY6" fmla="*/ 208990 h 1157559"/>
                  <a:gd name="connsiteX7" fmla="*/ 27327 w 630501"/>
                  <a:gd name="connsiteY7" fmla="*/ 346600 h 1157559"/>
                  <a:gd name="connsiteX8" fmla="*/ 68379 w 630501"/>
                  <a:gd name="connsiteY8" fmla="*/ 492769 h 1157559"/>
                  <a:gd name="connsiteX9" fmla="*/ 160264 w 630501"/>
                  <a:gd name="connsiteY9" fmla="*/ 636433 h 1157559"/>
                  <a:gd name="connsiteX10" fmla="*/ 269275 w 630501"/>
                  <a:gd name="connsiteY10" fmla="*/ 854365 h 1157559"/>
                  <a:gd name="connsiteX11" fmla="*/ 388963 w 630501"/>
                  <a:gd name="connsiteY11" fmla="*/ 1009532 h 1157559"/>
                  <a:gd name="connsiteX12" fmla="*/ 566460 w 630501"/>
                  <a:gd name="connsiteY12" fmla="*/ 1157559 h 1157559"/>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69275 w 630501"/>
                  <a:gd name="connsiteY10" fmla="*/ 854365 h 1176601"/>
                  <a:gd name="connsiteX11" fmla="*/ 388963 w 630501"/>
                  <a:gd name="connsiteY11" fmla="*/ 1009532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69275 w 630501"/>
                  <a:gd name="connsiteY10" fmla="*/ 854365 h 1176601"/>
                  <a:gd name="connsiteX11" fmla="*/ 452653 w 630501"/>
                  <a:gd name="connsiteY11" fmla="*/ 1081890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48047 w 630501"/>
                  <a:gd name="connsiteY10" fmla="*/ 842939 h 1176601"/>
                  <a:gd name="connsiteX11" fmla="*/ 452653 w 630501"/>
                  <a:gd name="connsiteY11" fmla="*/ 1081890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48047 w 630501"/>
                  <a:gd name="connsiteY10" fmla="*/ 842939 h 1176601"/>
                  <a:gd name="connsiteX11" fmla="*/ 431422 w 630501"/>
                  <a:gd name="connsiteY11" fmla="*/ 1100931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48047 w 630501"/>
                  <a:gd name="connsiteY10" fmla="*/ 842939 h 1176601"/>
                  <a:gd name="connsiteX11" fmla="*/ 436730 w 630501"/>
                  <a:gd name="connsiteY11" fmla="*/ 1085697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60264 w 630501"/>
                  <a:gd name="connsiteY9" fmla="*/ 636433 h 1176601"/>
                  <a:gd name="connsiteX10" fmla="*/ 248047 w 630501"/>
                  <a:gd name="connsiteY10" fmla="*/ 842939 h 1176601"/>
                  <a:gd name="connsiteX11" fmla="*/ 436730 w 630501"/>
                  <a:gd name="connsiteY11" fmla="*/ 1085697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68379 w 630501"/>
                  <a:gd name="connsiteY8" fmla="*/ 492769 h 1176601"/>
                  <a:gd name="connsiteX9" fmla="*/ 107190 w 630501"/>
                  <a:gd name="connsiteY9" fmla="*/ 693558 h 1176601"/>
                  <a:gd name="connsiteX10" fmla="*/ 248047 w 630501"/>
                  <a:gd name="connsiteY10" fmla="*/ 842939 h 1176601"/>
                  <a:gd name="connsiteX11" fmla="*/ 436730 w 630501"/>
                  <a:gd name="connsiteY11" fmla="*/ 1085697 h 1176601"/>
                  <a:gd name="connsiteX12" fmla="*/ 582382 w 630501"/>
                  <a:gd name="connsiteY12" fmla="*/ 1176601 h 1176601"/>
                  <a:gd name="connsiteX0" fmla="*/ 582382 w 630501"/>
                  <a:gd name="connsiteY0" fmla="*/ 1176601 h 1176601"/>
                  <a:gd name="connsiteX1" fmla="*/ 630501 w 630501"/>
                  <a:gd name="connsiteY1" fmla="*/ 147066 h 1176601"/>
                  <a:gd name="connsiteX2" fmla="*/ 397703 w 630501"/>
                  <a:gd name="connsiteY2" fmla="*/ 173956 h 1176601"/>
                  <a:gd name="connsiteX3" fmla="*/ 282089 w 630501"/>
                  <a:gd name="connsiteY3" fmla="*/ 40824 h 1176601"/>
                  <a:gd name="connsiteX4" fmla="*/ 145455 w 630501"/>
                  <a:gd name="connsiteY4" fmla="*/ 9294 h 1176601"/>
                  <a:gd name="connsiteX5" fmla="*/ 7151 w 630501"/>
                  <a:gd name="connsiteY5" fmla="*/ 20158 h 1176601"/>
                  <a:gd name="connsiteX6" fmla="*/ 26338 w 630501"/>
                  <a:gd name="connsiteY6" fmla="*/ 208990 h 1176601"/>
                  <a:gd name="connsiteX7" fmla="*/ 27327 w 630501"/>
                  <a:gd name="connsiteY7" fmla="*/ 346600 h 1176601"/>
                  <a:gd name="connsiteX8" fmla="*/ 31225 w 630501"/>
                  <a:gd name="connsiteY8" fmla="*/ 557511 h 1176601"/>
                  <a:gd name="connsiteX9" fmla="*/ 107190 w 630501"/>
                  <a:gd name="connsiteY9" fmla="*/ 693558 h 1176601"/>
                  <a:gd name="connsiteX10" fmla="*/ 248047 w 630501"/>
                  <a:gd name="connsiteY10" fmla="*/ 842939 h 1176601"/>
                  <a:gd name="connsiteX11" fmla="*/ 436730 w 630501"/>
                  <a:gd name="connsiteY11" fmla="*/ 1085697 h 1176601"/>
                  <a:gd name="connsiteX12" fmla="*/ 582382 w 630501"/>
                  <a:gd name="connsiteY12" fmla="*/ 1176601 h 1176601"/>
                  <a:gd name="connsiteX0" fmla="*/ 596899 w 645018"/>
                  <a:gd name="connsiteY0" fmla="*/ 1212444 h 1212444"/>
                  <a:gd name="connsiteX1" fmla="*/ 645018 w 645018"/>
                  <a:gd name="connsiteY1" fmla="*/ 182909 h 1212444"/>
                  <a:gd name="connsiteX2" fmla="*/ 412220 w 645018"/>
                  <a:gd name="connsiteY2" fmla="*/ 209799 h 1212444"/>
                  <a:gd name="connsiteX3" fmla="*/ 296606 w 645018"/>
                  <a:gd name="connsiteY3" fmla="*/ 76667 h 1212444"/>
                  <a:gd name="connsiteX4" fmla="*/ 159972 w 645018"/>
                  <a:gd name="connsiteY4" fmla="*/ 45137 h 1212444"/>
                  <a:gd name="connsiteX5" fmla="*/ 5745 w 645018"/>
                  <a:gd name="connsiteY5" fmla="*/ 10301 h 1212444"/>
                  <a:gd name="connsiteX6" fmla="*/ 40855 w 645018"/>
                  <a:gd name="connsiteY6" fmla="*/ 244833 h 1212444"/>
                  <a:gd name="connsiteX7" fmla="*/ 41844 w 645018"/>
                  <a:gd name="connsiteY7" fmla="*/ 382443 h 1212444"/>
                  <a:gd name="connsiteX8" fmla="*/ 45742 w 645018"/>
                  <a:gd name="connsiteY8" fmla="*/ 593354 h 1212444"/>
                  <a:gd name="connsiteX9" fmla="*/ 121707 w 645018"/>
                  <a:gd name="connsiteY9" fmla="*/ 729401 h 1212444"/>
                  <a:gd name="connsiteX10" fmla="*/ 262564 w 645018"/>
                  <a:gd name="connsiteY10" fmla="*/ 878782 h 1212444"/>
                  <a:gd name="connsiteX11" fmla="*/ 451247 w 645018"/>
                  <a:gd name="connsiteY11" fmla="*/ 1121540 h 1212444"/>
                  <a:gd name="connsiteX12" fmla="*/ 596899 w 645018"/>
                  <a:gd name="connsiteY12" fmla="*/ 1212444 h 1212444"/>
                  <a:gd name="connsiteX0" fmla="*/ 596899 w 645018"/>
                  <a:gd name="connsiteY0" fmla="*/ 1212444 h 1212444"/>
                  <a:gd name="connsiteX1" fmla="*/ 645018 w 645018"/>
                  <a:gd name="connsiteY1" fmla="*/ 182909 h 1212444"/>
                  <a:gd name="connsiteX2" fmla="*/ 507756 w 645018"/>
                  <a:gd name="connsiteY2" fmla="*/ 87933 h 1212444"/>
                  <a:gd name="connsiteX3" fmla="*/ 296606 w 645018"/>
                  <a:gd name="connsiteY3" fmla="*/ 76667 h 1212444"/>
                  <a:gd name="connsiteX4" fmla="*/ 159972 w 645018"/>
                  <a:gd name="connsiteY4" fmla="*/ 45137 h 1212444"/>
                  <a:gd name="connsiteX5" fmla="*/ 5745 w 645018"/>
                  <a:gd name="connsiteY5" fmla="*/ 10301 h 1212444"/>
                  <a:gd name="connsiteX6" fmla="*/ 40855 w 645018"/>
                  <a:gd name="connsiteY6" fmla="*/ 244833 h 1212444"/>
                  <a:gd name="connsiteX7" fmla="*/ 41844 w 645018"/>
                  <a:gd name="connsiteY7" fmla="*/ 382443 h 1212444"/>
                  <a:gd name="connsiteX8" fmla="*/ 45742 w 645018"/>
                  <a:gd name="connsiteY8" fmla="*/ 593354 h 1212444"/>
                  <a:gd name="connsiteX9" fmla="*/ 121707 w 645018"/>
                  <a:gd name="connsiteY9" fmla="*/ 729401 h 1212444"/>
                  <a:gd name="connsiteX10" fmla="*/ 262564 w 645018"/>
                  <a:gd name="connsiteY10" fmla="*/ 878782 h 1212444"/>
                  <a:gd name="connsiteX11" fmla="*/ 451247 w 645018"/>
                  <a:gd name="connsiteY11" fmla="*/ 1121540 h 1212444"/>
                  <a:gd name="connsiteX12" fmla="*/ 596899 w 645018"/>
                  <a:gd name="connsiteY12" fmla="*/ 1212444 h 1212444"/>
                  <a:gd name="connsiteX0" fmla="*/ 596899 w 645018"/>
                  <a:gd name="connsiteY0" fmla="*/ 1211891 h 1211891"/>
                  <a:gd name="connsiteX1" fmla="*/ 645018 w 645018"/>
                  <a:gd name="connsiteY1" fmla="*/ 182356 h 1211891"/>
                  <a:gd name="connsiteX2" fmla="*/ 507756 w 645018"/>
                  <a:gd name="connsiteY2" fmla="*/ 87380 h 1211891"/>
                  <a:gd name="connsiteX3" fmla="*/ 349681 w 645018"/>
                  <a:gd name="connsiteY3" fmla="*/ 45648 h 1211891"/>
                  <a:gd name="connsiteX4" fmla="*/ 159972 w 645018"/>
                  <a:gd name="connsiteY4" fmla="*/ 44584 h 1211891"/>
                  <a:gd name="connsiteX5" fmla="*/ 5745 w 645018"/>
                  <a:gd name="connsiteY5" fmla="*/ 9748 h 1211891"/>
                  <a:gd name="connsiteX6" fmla="*/ 40855 w 645018"/>
                  <a:gd name="connsiteY6" fmla="*/ 244280 h 1211891"/>
                  <a:gd name="connsiteX7" fmla="*/ 41844 w 645018"/>
                  <a:gd name="connsiteY7" fmla="*/ 381890 h 1211891"/>
                  <a:gd name="connsiteX8" fmla="*/ 45742 w 645018"/>
                  <a:gd name="connsiteY8" fmla="*/ 592801 h 1211891"/>
                  <a:gd name="connsiteX9" fmla="*/ 121707 w 645018"/>
                  <a:gd name="connsiteY9" fmla="*/ 728848 h 1211891"/>
                  <a:gd name="connsiteX10" fmla="*/ 262564 w 645018"/>
                  <a:gd name="connsiteY10" fmla="*/ 878229 h 1211891"/>
                  <a:gd name="connsiteX11" fmla="*/ 451247 w 645018"/>
                  <a:gd name="connsiteY11" fmla="*/ 1120987 h 1211891"/>
                  <a:gd name="connsiteX12" fmla="*/ 596899 w 645018"/>
                  <a:gd name="connsiteY12" fmla="*/ 1211891 h 1211891"/>
                  <a:gd name="connsiteX0" fmla="*/ 596899 w 645018"/>
                  <a:gd name="connsiteY0" fmla="*/ 1211698 h 1211698"/>
                  <a:gd name="connsiteX1" fmla="*/ 645018 w 645018"/>
                  <a:gd name="connsiteY1" fmla="*/ 182163 h 1211698"/>
                  <a:gd name="connsiteX2" fmla="*/ 507756 w 645018"/>
                  <a:gd name="connsiteY2" fmla="*/ 87187 h 1211698"/>
                  <a:gd name="connsiteX3" fmla="*/ 360296 w 645018"/>
                  <a:gd name="connsiteY3" fmla="*/ 34030 h 1211698"/>
                  <a:gd name="connsiteX4" fmla="*/ 159972 w 645018"/>
                  <a:gd name="connsiteY4" fmla="*/ 44391 h 1211698"/>
                  <a:gd name="connsiteX5" fmla="*/ 5745 w 645018"/>
                  <a:gd name="connsiteY5" fmla="*/ 9555 h 1211698"/>
                  <a:gd name="connsiteX6" fmla="*/ 40855 w 645018"/>
                  <a:gd name="connsiteY6" fmla="*/ 244087 h 1211698"/>
                  <a:gd name="connsiteX7" fmla="*/ 41844 w 645018"/>
                  <a:gd name="connsiteY7" fmla="*/ 381697 h 1211698"/>
                  <a:gd name="connsiteX8" fmla="*/ 45742 w 645018"/>
                  <a:gd name="connsiteY8" fmla="*/ 592608 h 1211698"/>
                  <a:gd name="connsiteX9" fmla="*/ 121707 w 645018"/>
                  <a:gd name="connsiteY9" fmla="*/ 728655 h 1211698"/>
                  <a:gd name="connsiteX10" fmla="*/ 262564 w 645018"/>
                  <a:gd name="connsiteY10" fmla="*/ 878036 h 1211698"/>
                  <a:gd name="connsiteX11" fmla="*/ 451247 w 645018"/>
                  <a:gd name="connsiteY11" fmla="*/ 1120794 h 1211698"/>
                  <a:gd name="connsiteX12" fmla="*/ 596899 w 645018"/>
                  <a:gd name="connsiteY12" fmla="*/ 1211698 h 1211698"/>
                  <a:gd name="connsiteX0" fmla="*/ 607289 w 655408"/>
                  <a:gd name="connsiteY0" fmla="*/ 1211698 h 1211698"/>
                  <a:gd name="connsiteX1" fmla="*/ 655408 w 655408"/>
                  <a:gd name="connsiteY1" fmla="*/ 182163 h 1211698"/>
                  <a:gd name="connsiteX2" fmla="*/ 518146 w 655408"/>
                  <a:gd name="connsiteY2" fmla="*/ 87187 h 1211698"/>
                  <a:gd name="connsiteX3" fmla="*/ 370686 w 655408"/>
                  <a:gd name="connsiteY3" fmla="*/ 34030 h 1211698"/>
                  <a:gd name="connsiteX4" fmla="*/ 170362 w 655408"/>
                  <a:gd name="connsiteY4" fmla="*/ 44391 h 1211698"/>
                  <a:gd name="connsiteX5" fmla="*/ 16135 w 655408"/>
                  <a:gd name="connsiteY5" fmla="*/ 9555 h 1211698"/>
                  <a:gd name="connsiteX6" fmla="*/ 8784 w 655408"/>
                  <a:gd name="connsiteY6" fmla="*/ 244087 h 1211698"/>
                  <a:gd name="connsiteX7" fmla="*/ 52234 w 655408"/>
                  <a:gd name="connsiteY7" fmla="*/ 381697 h 1211698"/>
                  <a:gd name="connsiteX8" fmla="*/ 56132 w 655408"/>
                  <a:gd name="connsiteY8" fmla="*/ 592608 h 1211698"/>
                  <a:gd name="connsiteX9" fmla="*/ 132097 w 655408"/>
                  <a:gd name="connsiteY9" fmla="*/ 728655 h 1211698"/>
                  <a:gd name="connsiteX10" fmla="*/ 272954 w 655408"/>
                  <a:gd name="connsiteY10" fmla="*/ 878036 h 1211698"/>
                  <a:gd name="connsiteX11" fmla="*/ 461637 w 655408"/>
                  <a:gd name="connsiteY11" fmla="*/ 1120794 h 1211698"/>
                  <a:gd name="connsiteX12" fmla="*/ 607289 w 655408"/>
                  <a:gd name="connsiteY12" fmla="*/ 1211698 h 1211698"/>
                  <a:gd name="connsiteX0" fmla="*/ 607289 w 655408"/>
                  <a:gd name="connsiteY0" fmla="*/ 1211698 h 1211698"/>
                  <a:gd name="connsiteX1" fmla="*/ 655408 w 655408"/>
                  <a:gd name="connsiteY1" fmla="*/ 182163 h 1211698"/>
                  <a:gd name="connsiteX2" fmla="*/ 518146 w 655408"/>
                  <a:gd name="connsiteY2" fmla="*/ 87187 h 1211698"/>
                  <a:gd name="connsiteX3" fmla="*/ 370686 w 655408"/>
                  <a:gd name="connsiteY3" fmla="*/ 34030 h 1211698"/>
                  <a:gd name="connsiteX4" fmla="*/ 170362 w 655408"/>
                  <a:gd name="connsiteY4" fmla="*/ 44391 h 1211698"/>
                  <a:gd name="connsiteX5" fmla="*/ 16135 w 655408"/>
                  <a:gd name="connsiteY5" fmla="*/ 9555 h 1211698"/>
                  <a:gd name="connsiteX6" fmla="*/ 8784 w 655408"/>
                  <a:gd name="connsiteY6" fmla="*/ 244087 h 1211698"/>
                  <a:gd name="connsiteX7" fmla="*/ 52234 w 655408"/>
                  <a:gd name="connsiteY7" fmla="*/ 381697 h 1211698"/>
                  <a:gd name="connsiteX8" fmla="*/ 56132 w 655408"/>
                  <a:gd name="connsiteY8" fmla="*/ 592608 h 1211698"/>
                  <a:gd name="connsiteX9" fmla="*/ 132097 w 655408"/>
                  <a:gd name="connsiteY9" fmla="*/ 728655 h 1211698"/>
                  <a:gd name="connsiteX10" fmla="*/ 272954 w 655408"/>
                  <a:gd name="connsiteY10" fmla="*/ 878036 h 1211698"/>
                  <a:gd name="connsiteX11" fmla="*/ 461637 w 655408"/>
                  <a:gd name="connsiteY11" fmla="*/ 1120794 h 1211698"/>
                  <a:gd name="connsiteX12" fmla="*/ 607289 w 655408"/>
                  <a:gd name="connsiteY12" fmla="*/ 1211698 h 1211698"/>
                  <a:gd name="connsiteX0" fmla="*/ 607289 w 655408"/>
                  <a:gd name="connsiteY0" fmla="*/ 1211698 h 1211698"/>
                  <a:gd name="connsiteX1" fmla="*/ 655408 w 655408"/>
                  <a:gd name="connsiteY1" fmla="*/ 182163 h 1211698"/>
                  <a:gd name="connsiteX2" fmla="*/ 518146 w 655408"/>
                  <a:gd name="connsiteY2" fmla="*/ 87187 h 1211698"/>
                  <a:gd name="connsiteX3" fmla="*/ 370686 w 655408"/>
                  <a:gd name="connsiteY3" fmla="*/ 34030 h 1211698"/>
                  <a:gd name="connsiteX4" fmla="*/ 170362 w 655408"/>
                  <a:gd name="connsiteY4" fmla="*/ 44391 h 1211698"/>
                  <a:gd name="connsiteX5" fmla="*/ 16135 w 655408"/>
                  <a:gd name="connsiteY5" fmla="*/ 9555 h 1211698"/>
                  <a:gd name="connsiteX6" fmla="*/ 8784 w 655408"/>
                  <a:gd name="connsiteY6" fmla="*/ 244087 h 1211698"/>
                  <a:gd name="connsiteX7" fmla="*/ 52234 w 655408"/>
                  <a:gd name="connsiteY7" fmla="*/ 381697 h 1211698"/>
                  <a:gd name="connsiteX8" fmla="*/ 56132 w 655408"/>
                  <a:gd name="connsiteY8" fmla="*/ 592608 h 1211698"/>
                  <a:gd name="connsiteX9" fmla="*/ 107186 w 655408"/>
                  <a:gd name="connsiteY9" fmla="*/ 745742 h 1211698"/>
                  <a:gd name="connsiteX10" fmla="*/ 272954 w 655408"/>
                  <a:gd name="connsiteY10" fmla="*/ 878036 h 1211698"/>
                  <a:gd name="connsiteX11" fmla="*/ 461637 w 655408"/>
                  <a:gd name="connsiteY11" fmla="*/ 1120794 h 1211698"/>
                  <a:gd name="connsiteX12" fmla="*/ 607289 w 655408"/>
                  <a:gd name="connsiteY12" fmla="*/ 1211698 h 1211698"/>
                  <a:gd name="connsiteX0" fmla="*/ 607289 w 655408"/>
                  <a:gd name="connsiteY0" fmla="*/ 1211698 h 1211698"/>
                  <a:gd name="connsiteX1" fmla="*/ 655408 w 655408"/>
                  <a:gd name="connsiteY1" fmla="*/ 182163 h 1211698"/>
                  <a:gd name="connsiteX2" fmla="*/ 518146 w 655408"/>
                  <a:gd name="connsiteY2" fmla="*/ 87187 h 1211698"/>
                  <a:gd name="connsiteX3" fmla="*/ 370686 w 655408"/>
                  <a:gd name="connsiteY3" fmla="*/ 34030 h 1211698"/>
                  <a:gd name="connsiteX4" fmla="*/ 170362 w 655408"/>
                  <a:gd name="connsiteY4" fmla="*/ 44391 h 1211698"/>
                  <a:gd name="connsiteX5" fmla="*/ 16135 w 655408"/>
                  <a:gd name="connsiteY5" fmla="*/ 9555 h 1211698"/>
                  <a:gd name="connsiteX6" fmla="*/ 8784 w 655408"/>
                  <a:gd name="connsiteY6" fmla="*/ 244087 h 1211698"/>
                  <a:gd name="connsiteX7" fmla="*/ 52234 w 655408"/>
                  <a:gd name="connsiteY7" fmla="*/ 381697 h 1211698"/>
                  <a:gd name="connsiteX8" fmla="*/ 56132 w 655408"/>
                  <a:gd name="connsiteY8" fmla="*/ 592608 h 1211698"/>
                  <a:gd name="connsiteX9" fmla="*/ 107186 w 655408"/>
                  <a:gd name="connsiteY9" fmla="*/ 745742 h 1211698"/>
                  <a:gd name="connsiteX10" fmla="*/ 244485 w 655408"/>
                  <a:gd name="connsiteY10" fmla="*/ 900818 h 1211698"/>
                  <a:gd name="connsiteX11" fmla="*/ 461637 w 655408"/>
                  <a:gd name="connsiteY11" fmla="*/ 1120794 h 1211698"/>
                  <a:gd name="connsiteX12" fmla="*/ 607289 w 655408"/>
                  <a:gd name="connsiteY12" fmla="*/ 1211698 h 1211698"/>
                  <a:gd name="connsiteX0" fmla="*/ 568144 w 655408"/>
                  <a:gd name="connsiteY0" fmla="*/ 1234478 h 1234478"/>
                  <a:gd name="connsiteX1" fmla="*/ 655408 w 655408"/>
                  <a:gd name="connsiteY1" fmla="*/ 182163 h 1234478"/>
                  <a:gd name="connsiteX2" fmla="*/ 518146 w 655408"/>
                  <a:gd name="connsiteY2" fmla="*/ 87187 h 1234478"/>
                  <a:gd name="connsiteX3" fmla="*/ 370686 w 655408"/>
                  <a:gd name="connsiteY3" fmla="*/ 34030 h 1234478"/>
                  <a:gd name="connsiteX4" fmla="*/ 170362 w 655408"/>
                  <a:gd name="connsiteY4" fmla="*/ 44391 h 1234478"/>
                  <a:gd name="connsiteX5" fmla="*/ 16135 w 655408"/>
                  <a:gd name="connsiteY5" fmla="*/ 9555 h 1234478"/>
                  <a:gd name="connsiteX6" fmla="*/ 8784 w 655408"/>
                  <a:gd name="connsiteY6" fmla="*/ 244087 h 1234478"/>
                  <a:gd name="connsiteX7" fmla="*/ 52234 w 655408"/>
                  <a:gd name="connsiteY7" fmla="*/ 381697 h 1234478"/>
                  <a:gd name="connsiteX8" fmla="*/ 56132 w 655408"/>
                  <a:gd name="connsiteY8" fmla="*/ 592608 h 1234478"/>
                  <a:gd name="connsiteX9" fmla="*/ 107186 w 655408"/>
                  <a:gd name="connsiteY9" fmla="*/ 745742 h 1234478"/>
                  <a:gd name="connsiteX10" fmla="*/ 244485 w 655408"/>
                  <a:gd name="connsiteY10" fmla="*/ 900818 h 1234478"/>
                  <a:gd name="connsiteX11" fmla="*/ 461637 w 655408"/>
                  <a:gd name="connsiteY11" fmla="*/ 1120794 h 1234478"/>
                  <a:gd name="connsiteX12" fmla="*/ 568144 w 655408"/>
                  <a:gd name="connsiteY12" fmla="*/ 1234478 h 1234478"/>
                  <a:gd name="connsiteX0" fmla="*/ 568144 w 655408"/>
                  <a:gd name="connsiteY0" fmla="*/ 1234478 h 1234478"/>
                  <a:gd name="connsiteX1" fmla="*/ 655408 w 655408"/>
                  <a:gd name="connsiteY1" fmla="*/ 182163 h 1234478"/>
                  <a:gd name="connsiteX2" fmla="*/ 518146 w 655408"/>
                  <a:gd name="connsiteY2" fmla="*/ 87187 h 1234478"/>
                  <a:gd name="connsiteX3" fmla="*/ 370686 w 655408"/>
                  <a:gd name="connsiteY3" fmla="*/ 34030 h 1234478"/>
                  <a:gd name="connsiteX4" fmla="*/ 170362 w 655408"/>
                  <a:gd name="connsiteY4" fmla="*/ 44391 h 1234478"/>
                  <a:gd name="connsiteX5" fmla="*/ 16135 w 655408"/>
                  <a:gd name="connsiteY5" fmla="*/ 9555 h 1234478"/>
                  <a:gd name="connsiteX6" fmla="*/ 8784 w 655408"/>
                  <a:gd name="connsiteY6" fmla="*/ 244087 h 1234478"/>
                  <a:gd name="connsiteX7" fmla="*/ 52234 w 655408"/>
                  <a:gd name="connsiteY7" fmla="*/ 381697 h 1234478"/>
                  <a:gd name="connsiteX8" fmla="*/ 56132 w 655408"/>
                  <a:gd name="connsiteY8" fmla="*/ 592608 h 1234478"/>
                  <a:gd name="connsiteX9" fmla="*/ 107186 w 655408"/>
                  <a:gd name="connsiteY9" fmla="*/ 745742 h 1234478"/>
                  <a:gd name="connsiteX10" fmla="*/ 244485 w 655408"/>
                  <a:gd name="connsiteY10" fmla="*/ 900818 h 1234478"/>
                  <a:gd name="connsiteX11" fmla="*/ 404699 w 655408"/>
                  <a:gd name="connsiteY11" fmla="*/ 1157813 h 1234478"/>
                  <a:gd name="connsiteX12" fmla="*/ 568144 w 655408"/>
                  <a:gd name="connsiteY12" fmla="*/ 1234478 h 1234478"/>
                  <a:gd name="connsiteX0" fmla="*/ 568144 w 655408"/>
                  <a:gd name="connsiteY0" fmla="*/ 1234478 h 1311818"/>
                  <a:gd name="connsiteX1" fmla="*/ 655408 w 655408"/>
                  <a:gd name="connsiteY1" fmla="*/ 182163 h 1311818"/>
                  <a:gd name="connsiteX2" fmla="*/ 518146 w 655408"/>
                  <a:gd name="connsiteY2" fmla="*/ 87187 h 1311818"/>
                  <a:gd name="connsiteX3" fmla="*/ 370686 w 655408"/>
                  <a:gd name="connsiteY3" fmla="*/ 34030 h 1311818"/>
                  <a:gd name="connsiteX4" fmla="*/ 170362 w 655408"/>
                  <a:gd name="connsiteY4" fmla="*/ 44391 h 1311818"/>
                  <a:gd name="connsiteX5" fmla="*/ 16135 w 655408"/>
                  <a:gd name="connsiteY5" fmla="*/ 9555 h 1311818"/>
                  <a:gd name="connsiteX6" fmla="*/ 8784 w 655408"/>
                  <a:gd name="connsiteY6" fmla="*/ 244087 h 1311818"/>
                  <a:gd name="connsiteX7" fmla="*/ 52234 w 655408"/>
                  <a:gd name="connsiteY7" fmla="*/ 381697 h 1311818"/>
                  <a:gd name="connsiteX8" fmla="*/ 56132 w 655408"/>
                  <a:gd name="connsiteY8" fmla="*/ 592608 h 1311818"/>
                  <a:gd name="connsiteX9" fmla="*/ 107186 w 655408"/>
                  <a:gd name="connsiteY9" fmla="*/ 745742 h 1311818"/>
                  <a:gd name="connsiteX10" fmla="*/ 244485 w 655408"/>
                  <a:gd name="connsiteY10" fmla="*/ 900818 h 1311818"/>
                  <a:gd name="connsiteX11" fmla="*/ 404699 w 655408"/>
                  <a:gd name="connsiteY11" fmla="*/ 1157813 h 1311818"/>
                  <a:gd name="connsiteX12" fmla="*/ 466881 w 655408"/>
                  <a:gd name="connsiteY12" fmla="*/ 1232218 h 1311818"/>
                  <a:gd name="connsiteX13" fmla="*/ 568144 w 655408"/>
                  <a:gd name="connsiteY13" fmla="*/ 1234478 h 1311818"/>
                  <a:gd name="connsiteX0" fmla="*/ 568144 w 644733"/>
                  <a:gd name="connsiteY0" fmla="*/ 1234478 h 1311818"/>
                  <a:gd name="connsiteX1" fmla="*/ 644733 w 644733"/>
                  <a:gd name="connsiteY1" fmla="*/ 182163 h 1311818"/>
                  <a:gd name="connsiteX2" fmla="*/ 518146 w 644733"/>
                  <a:gd name="connsiteY2" fmla="*/ 87187 h 1311818"/>
                  <a:gd name="connsiteX3" fmla="*/ 370686 w 644733"/>
                  <a:gd name="connsiteY3" fmla="*/ 34030 h 1311818"/>
                  <a:gd name="connsiteX4" fmla="*/ 170362 w 644733"/>
                  <a:gd name="connsiteY4" fmla="*/ 44391 h 1311818"/>
                  <a:gd name="connsiteX5" fmla="*/ 16135 w 644733"/>
                  <a:gd name="connsiteY5" fmla="*/ 9555 h 1311818"/>
                  <a:gd name="connsiteX6" fmla="*/ 8784 w 644733"/>
                  <a:gd name="connsiteY6" fmla="*/ 244087 h 1311818"/>
                  <a:gd name="connsiteX7" fmla="*/ 52234 w 644733"/>
                  <a:gd name="connsiteY7" fmla="*/ 381697 h 1311818"/>
                  <a:gd name="connsiteX8" fmla="*/ 56132 w 644733"/>
                  <a:gd name="connsiteY8" fmla="*/ 592608 h 1311818"/>
                  <a:gd name="connsiteX9" fmla="*/ 107186 w 644733"/>
                  <a:gd name="connsiteY9" fmla="*/ 745742 h 1311818"/>
                  <a:gd name="connsiteX10" fmla="*/ 244485 w 644733"/>
                  <a:gd name="connsiteY10" fmla="*/ 900818 h 1311818"/>
                  <a:gd name="connsiteX11" fmla="*/ 404699 w 644733"/>
                  <a:gd name="connsiteY11" fmla="*/ 1157813 h 1311818"/>
                  <a:gd name="connsiteX12" fmla="*/ 466881 w 644733"/>
                  <a:gd name="connsiteY12" fmla="*/ 1232218 h 1311818"/>
                  <a:gd name="connsiteX13" fmla="*/ 568144 w 644733"/>
                  <a:gd name="connsiteY13" fmla="*/ 1234478 h 1311818"/>
                  <a:gd name="connsiteX0" fmla="*/ 562620 w 639209"/>
                  <a:gd name="connsiteY0" fmla="*/ 1239675 h 1317015"/>
                  <a:gd name="connsiteX1" fmla="*/ 639209 w 639209"/>
                  <a:gd name="connsiteY1" fmla="*/ 187360 h 1317015"/>
                  <a:gd name="connsiteX2" fmla="*/ 512622 w 639209"/>
                  <a:gd name="connsiteY2" fmla="*/ 92384 h 1317015"/>
                  <a:gd name="connsiteX3" fmla="*/ 365162 w 639209"/>
                  <a:gd name="connsiteY3" fmla="*/ 39227 h 1317015"/>
                  <a:gd name="connsiteX4" fmla="*/ 164838 w 639209"/>
                  <a:gd name="connsiteY4" fmla="*/ 49588 h 1317015"/>
                  <a:gd name="connsiteX5" fmla="*/ 21285 w 639209"/>
                  <a:gd name="connsiteY5" fmla="*/ 9057 h 1317015"/>
                  <a:gd name="connsiteX6" fmla="*/ 3260 w 639209"/>
                  <a:gd name="connsiteY6" fmla="*/ 249284 h 1317015"/>
                  <a:gd name="connsiteX7" fmla="*/ 46710 w 639209"/>
                  <a:gd name="connsiteY7" fmla="*/ 386894 h 1317015"/>
                  <a:gd name="connsiteX8" fmla="*/ 50608 w 639209"/>
                  <a:gd name="connsiteY8" fmla="*/ 597805 h 1317015"/>
                  <a:gd name="connsiteX9" fmla="*/ 101662 w 639209"/>
                  <a:gd name="connsiteY9" fmla="*/ 750939 h 1317015"/>
                  <a:gd name="connsiteX10" fmla="*/ 238961 w 639209"/>
                  <a:gd name="connsiteY10" fmla="*/ 906015 h 1317015"/>
                  <a:gd name="connsiteX11" fmla="*/ 399175 w 639209"/>
                  <a:gd name="connsiteY11" fmla="*/ 1163010 h 1317015"/>
                  <a:gd name="connsiteX12" fmla="*/ 461357 w 639209"/>
                  <a:gd name="connsiteY12" fmla="*/ 1237415 h 1317015"/>
                  <a:gd name="connsiteX13" fmla="*/ 562620 w 639209"/>
                  <a:gd name="connsiteY13" fmla="*/ 1239675 h 1317015"/>
                  <a:gd name="connsiteX0" fmla="*/ 563646 w 640235"/>
                  <a:gd name="connsiteY0" fmla="*/ 1232144 h 1309484"/>
                  <a:gd name="connsiteX1" fmla="*/ 640235 w 640235"/>
                  <a:gd name="connsiteY1" fmla="*/ 179829 h 1309484"/>
                  <a:gd name="connsiteX2" fmla="*/ 513648 w 640235"/>
                  <a:gd name="connsiteY2" fmla="*/ 84853 h 1309484"/>
                  <a:gd name="connsiteX3" fmla="*/ 366188 w 640235"/>
                  <a:gd name="connsiteY3" fmla="*/ 31696 h 1309484"/>
                  <a:gd name="connsiteX4" fmla="*/ 165864 w 640235"/>
                  <a:gd name="connsiteY4" fmla="*/ 42057 h 1309484"/>
                  <a:gd name="connsiteX5" fmla="*/ 22311 w 640235"/>
                  <a:gd name="connsiteY5" fmla="*/ 1526 h 1309484"/>
                  <a:gd name="connsiteX6" fmla="*/ 4286 w 640235"/>
                  <a:gd name="connsiteY6" fmla="*/ 241753 h 1309484"/>
                  <a:gd name="connsiteX7" fmla="*/ 47736 w 640235"/>
                  <a:gd name="connsiteY7" fmla="*/ 379363 h 1309484"/>
                  <a:gd name="connsiteX8" fmla="*/ 51634 w 640235"/>
                  <a:gd name="connsiteY8" fmla="*/ 590274 h 1309484"/>
                  <a:gd name="connsiteX9" fmla="*/ 102688 w 640235"/>
                  <a:gd name="connsiteY9" fmla="*/ 743408 h 1309484"/>
                  <a:gd name="connsiteX10" fmla="*/ 239987 w 640235"/>
                  <a:gd name="connsiteY10" fmla="*/ 898484 h 1309484"/>
                  <a:gd name="connsiteX11" fmla="*/ 400201 w 640235"/>
                  <a:gd name="connsiteY11" fmla="*/ 1155479 h 1309484"/>
                  <a:gd name="connsiteX12" fmla="*/ 462383 w 640235"/>
                  <a:gd name="connsiteY12" fmla="*/ 1229884 h 1309484"/>
                  <a:gd name="connsiteX13" fmla="*/ 563646 w 640235"/>
                  <a:gd name="connsiteY13" fmla="*/ 1232144 h 1309484"/>
                  <a:gd name="connsiteX0" fmla="*/ 563646 w 640235"/>
                  <a:gd name="connsiteY0" fmla="*/ 1251967 h 1329307"/>
                  <a:gd name="connsiteX1" fmla="*/ 640235 w 640235"/>
                  <a:gd name="connsiteY1" fmla="*/ 199652 h 1329307"/>
                  <a:gd name="connsiteX2" fmla="*/ 513648 w 640235"/>
                  <a:gd name="connsiteY2" fmla="*/ 104676 h 1329307"/>
                  <a:gd name="connsiteX3" fmla="*/ 366188 w 640235"/>
                  <a:gd name="connsiteY3" fmla="*/ 51519 h 1329307"/>
                  <a:gd name="connsiteX4" fmla="*/ 165864 w 640235"/>
                  <a:gd name="connsiteY4" fmla="*/ 61880 h 1329307"/>
                  <a:gd name="connsiteX5" fmla="*/ 22311 w 640235"/>
                  <a:gd name="connsiteY5" fmla="*/ 1415 h 1329307"/>
                  <a:gd name="connsiteX6" fmla="*/ 4286 w 640235"/>
                  <a:gd name="connsiteY6" fmla="*/ 261576 h 1329307"/>
                  <a:gd name="connsiteX7" fmla="*/ 47736 w 640235"/>
                  <a:gd name="connsiteY7" fmla="*/ 399186 h 1329307"/>
                  <a:gd name="connsiteX8" fmla="*/ 51634 w 640235"/>
                  <a:gd name="connsiteY8" fmla="*/ 610097 h 1329307"/>
                  <a:gd name="connsiteX9" fmla="*/ 102688 w 640235"/>
                  <a:gd name="connsiteY9" fmla="*/ 763231 h 1329307"/>
                  <a:gd name="connsiteX10" fmla="*/ 239987 w 640235"/>
                  <a:gd name="connsiteY10" fmla="*/ 918307 h 1329307"/>
                  <a:gd name="connsiteX11" fmla="*/ 400201 w 640235"/>
                  <a:gd name="connsiteY11" fmla="*/ 1175302 h 1329307"/>
                  <a:gd name="connsiteX12" fmla="*/ 462383 w 640235"/>
                  <a:gd name="connsiteY12" fmla="*/ 1249707 h 1329307"/>
                  <a:gd name="connsiteX13" fmla="*/ 563646 w 640235"/>
                  <a:gd name="connsiteY13" fmla="*/ 1251967 h 1329307"/>
                  <a:gd name="connsiteX0" fmla="*/ 556147 w 632736"/>
                  <a:gd name="connsiteY0" fmla="*/ 1258377 h 1335717"/>
                  <a:gd name="connsiteX1" fmla="*/ 632736 w 632736"/>
                  <a:gd name="connsiteY1" fmla="*/ 206062 h 1335717"/>
                  <a:gd name="connsiteX2" fmla="*/ 506149 w 632736"/>
                  <a:gd name="connsiteY2" fmla="*/ 111086 h 1335717"/>
                  <a:gd name="connsiteX3" fmla="*/ 358689 w 632736"/>
                  <a:gd name="connsiteY3" fmla="*/ 57929 h 1335717"/>
                  <a:gd name="connsiteX4" fmla="*/ 158365 w 632736"/>
                  <a:gd name="connsiteY4" fmla="*/ 68290 h 1335717"/>
                  <a:gd name="connsiteX5" fmla="*/ 14812 w 632736"/>
                  <a:gd name="connsiteY5" fmla="*/ 7825 h 1335717"/>
                  <a:gd name="connsiteX6" fmla="*/ 7463 w 632736"/>
                  <a:gd name="connsiteY6" fmla="*/ 270834 h 1335717"/>
                  <a:gd name="connsiteX7" fmla="*/ 40237 w 632736"/>
                  <a:gd name="connsiteY7" fmla="*/ 405596 h 1335717"/>
                  <a:gd name="connsiteX8" fmla="*/ 44135 w 632736"/>
                  <a:gd name="connsiteY8" fmla="*/ 616507 h 1335717"/>
                  <a:gd name="connsiteX9" fmla="*/ 95189 w 632736"/>
                  <a:gd name="connsiteY9" fmla="*/ 769641 h 1335717"/>
                  <a:gd name="connsiteX10" fmla="*/ 232488 w 632736"/>
                  <a:gd name="connsiteY10" fmla="*/ 924717 h 1335717"/>
                  <a:gd name="connsiteX11" fmla="*/ 392702 w 632736"/>
                  <a:gd name="connsiteY11" fmla="*/ 1181712 h 1335717"/>
                  <a:gd name="connsiteX12" fmla="*/ 454884 w 632736"/>
                  <a:gd name="connsiteY12" fmla="*/ 1256117 h 1335717"/>
                  <a:gd name="connsiteX13" fmla="*/ 556147 w 632736"/>
                  <a:gd name="connsiteY13" fmla="*/ 1258377 h 1335717"/>
                  <a:gd name="connsiteX0" fmla="*/ 556147 w 632736"/>
                  <a:gd name="connsiteY0" fmla="*/ 1258377 h 1335717"/>
                  <a:gd name="connsiteX1" fmla="*/ 632736 w 632736"/>
                  <a:gd name="connsiteY1" fmla="*/ 206062 h 1335717"/>
                  <a:gd name="connsiteX2" fmla="*/ 506149 w 632736"/>
                  <a:gd name="connsiteY2" fmla="*/ 111086 h 1335717"/>
                  <a:gd name="connsiteX3" fmla="*/ 358689 w 632736"/>
                  <a:gd name="connsiteY3" fmla="*/ 57929 h 1335717"/>
                  <a:gd name="connsiteX4" fmla="*/ 158365 w 632736"/>
                  <a:gd name="connsiteY4" fmla="*/ 68290 h 1335717"/>
                  <a:gd name="connsiteX5" fmla="*/ 14812 w 632736"/>
                  <a:gd name="connsiteY5" fmla="*/ 7825 h 1335717"/>
                  <a:gd name="connsiteX6" fmla="*/ 7463 w 632736"/>
                  <a:gd name="connsiteY6" fmla="*/ 270834 h 1335717"/>
                  <a:gd name="connsiteX7" fmla="*/ 40237 w 632736"/>
                  <a:gd name="connsiteY7" fmla="*/ 405596 h 1335717"/>
                  <a:gd name="connsiteX8" fmla="*/ 58369 w 632736"/>
                  <a:gd name="connsiteY8" fmla="*/ 619355 h 1335717"/>
                  <a:gd name="connsiteX9" fmla="*/ 95189 w 632736"/>
                  <a:gd name="connsiteY9" fmla="*/ 769641 h 1335717"/>
                  <a:gd name="connsiteX10" fmla="*/ 232488 w 632736"/>
                  <a:gd name="connsiteY10" fmla="*/ 924717 h 1335717"/>
                  <a:gd name="connsiteX11" fmla="*/ 392702 w 632736"/>
                  <a:gd name="connsiteY11" fmla="*/ 1181712 h 1335717"/>
                  <a:gd name="connsiteX12" fmla="*/ 454884 w 632736"/>
                  <a:gd name="connsiteY12" fmla="*/ 1256117 h 1335717"/>
                  <a:gd name="connsiteX13" fmla="*/ 556147 w 632736"/>
                  <a:gd name="connsiteY13" fmla="*/ 1258377 h 1335717"/>
                  <a:gd name="connsiteX0" fmla="*/ 556147 w 632736"/>
                  <a:gd name="connsiteY0" fmla="*/ 1258377 h 1335717"/>
                  <a:gd name="connsiteX1" fmla="*/ 632736 w 632736"/>
                  <a:gd name="connsiteY1" fmla="*/ 206062 h 1335717"/>
                  <a:gd name="connsiteX2" fmla="*/ 506149 w 632736"/>
                  <a:gd name="connsiteY2" fmla="*/ 111086 h 1335717"/>
                  <a:gd name="connsiteX3" fmla="*/ 358689 w 632736"/>
                  <a:gd name="connsiteY3" fmla="*/ 57929 h 1335717"/>
                  <a:gd name="connsiteX4" fmla="*/ 158365 w 632736"/>
                  <a:gd name="connsiteY4" fmla="*/ 68290 h 1335717"/>
                  <a:gd name="connsiteX5" fmla="*/ 14812 w 632736"/>
                  <a:gd name="connsiteY5" fmla="*/ 7825 h 1335717"/>
                  <a:gd name="connsiteX6" fmla="*/ 7463 w 632736"/>
                  <a:gd name="connsiteY6" fmla="*/ 270834 h 1335717"/>
                  <a:gd name="connsiteX7" fmla="*/ 40237 w 632736"/>
                  <a:gd name="connsiteY7" fmla="*/ 405596 h 1335717"/>
                  <a:gd name="connsiteX8" fmla="*/ 58369 w 632736"/>
                  <a:gd name="connsiteY8" fmla="*/ 619355 h 1335717"/>
                  <a:gd name="connsiteX9" fmla="*/ 95189 w 632736"/>
                  <a:gd name="connsiteY9" fmla="*/ 769641 h 1335717"/>
                  <a:gd name="connsiteX10" fmla="*/ 232488 w 632736"/>
                  <a:gd name="connsiteY10" fmla="*/ 924717 h 1335717"/>
                  <a:gd name="connsiteX11" fmla="*/ 312538 w 632736"/>
                  <a:gd name="connsiteY11" fmla="*/ 1108043 h 1335717"/>
                  <a:gd name="connsiteX12" fmla="*/ 392702 w 632736"/>
                  <a:gd name="connsiteY12" fmla="*/ 1181712 h 1335717"/>
                  <a:gd name="connsiteX13" fmla="*/ 454884 w 632736"/>
                  <a:gd name="connsiteY13" fmla="*/ 1256117 h 1335717"/>
                  <a:gd name="connsiteX14" fmla="*/ 556147 w 632736"/>
                  <a:gd name="connsiteY14" fmla="*/ 1258377 h 1335717"/>
                  <a:gd name="connsiteX0" fmla="*/ 556147 w 632736"/>
                  <a:gd name="connsiteY0" fmla="*/ 1258377 h 1263531"/>
                  <a:gd name="connsiteX1" fmla="*/ 632736 w 632736"/>
                  <a:gd name="connsiteY1" fmla="*/ 206062 h 1263531"/>
                  <a:gd name="connsiteX2" fmla="*/ 506149 w 632736"/>
                  <a:gd name="connsiteY2" fmla="*/ 111086 h 1263531"/>
                  <a:gd name="connsiteX3" fmla="*/ 358689 w 632736"/>
                  <a:gd name="connsiteY3" fmla="*/ 57929 h 1263531"/>
                  <a:gd name="connsiteX4" fmla="*/ 158365 w 632736"/>
                  <a:gd name="connsiteY4" fmla="*/ 68290 h 1263531"/>
                  <a:gd name="connsiteX5" fmla="*/ 14812 w 632736"/>
                  <a:gd name="connsiteY5" fmla="*/ 7825 h 1263531"/>
                  <a:gd name="connsiteX6" fmla="*/ 7463 w 632736"/>
                  <a:gd name="connsiteY6" fmla="*/ 270834 h 1263531"/>
                  <a:gd name="connsiteX7" fmla="*/ 40237 w 632736"/>
                  <a:gd name="connsiteY7" fmla="*/ 405596 h 1263531"/>
                  <a:gd name="connsiteX8" fmla="*/ 58369 w 632736"/>
                  <a:gd name="connsiteY8" fmla="*/ 619355 h 1263531"/>
                  <a:gd name="connsiteX9" fmla="*/ 95189 w 632736"/>
                  <a:gd name="connsiteY9" fmla="*/ 769641 h 1263531"/>
                  <a:gd name="connsiteX10" fmla="*/ 232488 w 632736"/>
                  <a:gd name="connsiteY10" fmla="*/ 924717 h 1263531"/>
                  <a:gd name="connsiteX11" fmla="*/ 312538 w 632736"/>
                  <a:gd name="connsiteY11" fmla="*/ 1108043 h 1263531"/>
                  <a:gd name="connsiteX12" fmla="*/ 392702 w 632736"/>
                  <a:gd name="connsiteY12" fmla="*/ 1181712 h 1263531"/>
                  <a:gd name="connsiteX13" fmla="*/ 454884 w 632736"/>
                  <a:gd name="connsiteY13" fmla="*/ 1256117 h 1263531"/>
                  <a:gd name="connsiteX14" fmla="*/ 556147 w 632736"/>
                  <a:gd name="connsiteY14" fmla="*/ 1258377 h 1263531"/>
                  <a:gd name="connsiteX0" fmla="*/ 556147 w 624078"/>
                  <a:gd name="connsiteY0" fmla="*/ 1258377 h 1263531"/>
                  <a:gd name="connsiteX1" fmla="*/ 624078 w 624078"/>
                  <a:gd name="connsiteY1" fmla="*/ 517809 h 1263531"/>
                  <a:gd name="connsiteX2" fmla="*/ 506149 w 624078"/>
                  <a:gd name="connsiteY2" fmla="*/ 111086 h 1263531"/>
                  <a:gd name="connsiteX3" fmla="*/ 358689 w 624078"/>
                  <a:gd name="connsiteY3" fmla="*/ 57929 h 1263531"/>
                  <a:gd name="connsiteX4" fmla="*/ 158365 w 624078"/>
                  <a:gd name="connsiteY4" fmla="*/ 68290 h 1263531"/>
                  <a:gd name="connsiteX5" fmla="*/ 14812 w 624078"/>
                  <a:gd name="connsiteY5" fmla="*/ 7825 h 1263531"/>
                  <a:gd name="connsiteX6" fmla="*/ 7463 w 624078"/>
                  <a:gd name="connsiteY6" fmla="*/ 270834 h 1263531"/>
                  <a:gd name="connsiteX7" fmla="*/ 40237 w 624078"/>
                  <a:gd name="connsiteY7" fmla="*/ 405596 h 1263531"/>
                  <a:gd name="connsiteX8" fmla="*/ 58369 w 624078"/>
                  <a:gd name="connsiteY8" fmla="*/ 619355 h 1263531"/>
                  <a:gd name="connsiteX9" fmla="*/ 95189 w 624078"/>
                  <a:gd name="connsiteY9" fmla="*/ 769641 h 1263531"/>
                  <a:gd name="connsiteX10" fmla="*/ 232488 w 624078"/>
                  <a:gd name="connsiteY10" fmla="*/ 924717 h 1263531"/>
                  <a:gd name="connsiteX11" fmla="*/ 312538 w 624078"/>
                  <a:gd name="connsiteY11" fmla="*/ 1108043 h 1263531"/>
                  <a:gd name="connsiteX12" fmla="*/ 392702 w 624078"/>
                  <a:gd name="connsiteY12" fmla="*/ 1181712 h 1263531"/>
                  <a:gd name="connsiteX13" fmla="*/ 454884 w 624078"/>
                  <a:gd name="connsiteY13" fmla="*/ 1256117 h 1263531"/>
                  <a:gd name="connsiteX14" fmla="*/ 556147 w 624078"/>
                  <a:gd name="connsiteY14" fmla="*/ 1258377 h 1263531"/>
                  <a:gd name="connsiteX0" fmla="*/ 556147 w 624078"/>
                  <a:gd name="connsiteY0" fmla="*/ 1258377 h 1263531"/>
                  <a:gd name="connsiteX1" fmla="*/ 624078 w 624078"/>
                  <a:gd name="connsiteY1" fmla="*/ 517809 h 1263531"/>
                  <a:gd name="connsiteX2" fmla="*/ 428230 w 624078"/>
                  <a:gd name="connsiteY2" fmla="*/ 360482 h 1263531"/>
                  <a:gd name="connsiteX3" fmla="*/ 358689 w 624078"/>
                  <a:gd name="connsiteY3" fmla="*/ 57929 h 1263531"/>
                  <a:gd name="connsiteX4" fmla="*/ 158365 w 624078"/>
                  <a:gd name="connsiteY4" fmla="*/ 68290 h 1263531"/>
                  <a:gd name="connsiteX5" fmla="*/ 14812 w 624078"/>
                  <a:gd name="connsiteY5" fmla="*/ 7825 h 1263531"/>
                  <a:gd name="connsiteX6" fmla="*/ 7463 w 624078"/>
                  <a:gd name="connsiteY6" fmla="*/ 270834 h 1263531"/>
                  <a:gd name="connsiteX7" fmla="*/ 40237 w 624078"/>
                  <a:gd name="connsiteY7" fmla="*/ 405596 h 1263531"/>
                  <a:gd name="connsiteX8" fmla="*/ 58369 w 624078"/>
                  <a:gd name="connsiteY8" fmla="*/ 619355 h 1263531"/>
                  <a:gd name="connsiteX9" fmla="*/ 95189 w 624078"/>
                  <a:gd name="connsiteY9" fmla="*/ 769641 h 1263531"/>
                  <a:gd name="connsiteX10" fmla="*/ 232488 w 624078"/>
                  <a:gd name="connsiteY10" fmla="*/ 924717 h 1263531"/>
                  <a:gd name="connsiteX11" fmla="*/ 312538 w 624078"/>
                  <a:gd name="connsiteY11" fmla="*/ 1108043 h 1263531"/>
                  <a:gd name="connsiteX12" fmla="*/ 392702 w 624078"/>
                  <a:gd name="connsiteY12" fmla="*/ 1181712 h 1263531"/>
                  <a:gd name="connsiteX13" fmla="*/ 454884 w 624078"/>
                  <a:gd name="connsiteY13" fmla="*/ 1256117 h 1263531"/>
                  <a:gd name="connsiteX14" fmla="*/ 556147 w 624078"/>
                  <a:gd name="connsiteY14" fmla="*/ 1258377 h 1263531"/>
                  <a:gd name="connsiteX0" fmla="*/ 556147 w 624078"/>
                  <a:gd name="connsiteY0" fmla="*/ 1262294 h 1267448"/>
                  <a:gd name="connsiteX1" fmla="*/ 624078 w 624078"/>
                  <a:gd name="connsiteY1" fmla="*/ 521726 h 1267448"/>
                  <a:gd name="connsiteX2" fmla="*/ 428230 w 624078"/>
                  <a:gd name="connsiteY2" fmla="*/ 364399 h 1267448"/>
                  <a:gd name="connsiteX3" fmla="*/ 315402 w 624078"/>
                  <a:gd name="connsiteY3" fmla="*/ 307780 h 1267448"/>
                  <a:gd name="connsiteX4" fmla="*/ 158365 w 624078"/>
                  <a:gd name="connsiteY4" fmla="*/ 72207 h 1267448"/>
                  <a:gd name="connsiteX5" fmla="*/ 14812 w 624078"/>
                  <a:gd name="connsiteY5" fmla="*/ 11742 h 1267448"/>
                  <a:gd name="connsiteX6" fmla="*/ 7463 w 624078"/>
                  <a:gd name="connsiteY6" fmla="*/ 274751 h 1267448"/>
                  <a:gd name="connsiteX7" fmla="*/ 40237 w 624078"/>
                  <a:gd name="connsiteY7" fmla="*/ 409513 h 1267448"/>
                  <a:gd name="connsiteX8" fmla="*/ 58369 w 624078"/>
                  <a:gd name="connsiteY8" fmla="*/ 623272 h 1267448"/>
                  <a:gd name="connsiteX9" fmla="*/ 95189 w 624078"/>
                  <a:gd name="connsiteY9" fmla="*/ 773558 h 1267448"/>
                  <a:gd name="connsiteX10" fmla="*/ 232488 w 624078"/>
                  <a:gd name="connsiteY10" fmla="*/ 928634 h 1267448"/>
                  <a:gd name="connsiteX11" fmla="*/ 312538 w 624078"/>
                  <a:gd name="connsiteY11" fmla="*/ 1111960 h 1267448"/>
                  <a:gd name="connsiteX12" fmla="*/ 392702 w 624078"/>
                  <a:gd name="connsiteY12" fmla="*/ 1185629 h 1267448"/>
                  <a:gd name="connsiteX13" fmla="*/ 454884 w 624078"/>
                  <a:gd name="connsiteY13" fmla="*/ 1260034 h 1267448"/>
                  <a:gd name="connsiteX14" fmla="*/ 556147 w 624078"/>
                  <a:gd name="connsiteY14" fmla="*/ 1262294 h 1267448"/>
                  <a:gd name="connsiteX0" fmla="*/ 548684 w 616615"/>
                  <a:gd name="connsiteY0" fmla="*/ 1190233 h 1195387"/>
                  <a:gd name="connsiteX1" fmla="*/ 616615 w 616615"/>
                  <a:gd name="connsiteY1" fmla="*/ 449665 h 1195387"/>
                  <a:gd name="connsiteX2" fmla="*/ 420767 w 616615"/>
                  <a:gd name="connsiteY2" fmla="*/ 292338 h 1195387"/>
                  <a:gd name="connsiteX3" fmla="*/ 307939 w 616615"/>
                  <a:gd name="connsiteY3" fmla="*/ 235719 h 1195387"/>
                  <a:gd name="connsiteX4" fmla="*/ 150902 w 616615"/>
                  <a:gd name="connsiteY4" fmla="*/ 146 h 1195387"/>
                  <a:gd name="connsiteX5" fmla="*/ 0 w 616615"/>
                  <a:gd name="connsiteY5" fmla="*/ 202690 h 1195387"/>
                  <a:gd name="connsiteX6" fmla="*/ 32774 w 616615"/>
                  <a:gd name="connsiteY6" fmla="*/ 337452 h 1195387"/>
                  <a:gd name="connsiteX7" fmla="*/ 50906 w 616615"/>
                  <a:gd name="connsiteY7" fmla="*/ 551211 h 1195387"/>
                  <a:gd name="connsiteX8" fmla="*/ 87726 w 616615"/>
                  <a:gd name="connsiteY8" fmla="*/ 701497 h 1195387"/>
                  <a:gd name="connsiteX9" fmla="*/ 225025 w 616615"/>
                  <a:gd name="connsiteY9" fmla="*/ 856573 h 1195387"/>
                  <a:gd name="connsiteX10" fmla="*/ 305075 w 616615"/>
                  <a:gd name="connsiteY10" fmla="*/ 1039899 h 1195387"/>
                  <a:gd name="connsiteX11" fmla="*/ 385239 w 616615"/>
                  <a:gd name="connsiteY11" fmla="*/ 1113568 h 1195387"/>
                  <a:gd name="connsiteX12" fmla="*/ 447421 w 616615"/>
                  <a:gd name="connsiteY12" fmla="*/ 1187973 h 1195387"/>
                  <a:gd name="connsiteX13" fmla="*/ 548684 w 616615"/>
                  <a:gd name="connsiteY13" fmla="*/ 1190233 h 1195387"/>
                  <a:gd name="connsiteX0" fmla="*/ 553297 w 621228"/>
                  <a:gd name="connsiteY0" fmla="*/ 996995 h 1002149"/>
                  <a:gd name="connsiteX1" fmla="*/ 621228 w 621228"/>
                  <a:gd name="connsiteY1" fmla="*/ 256427 h 1002149"/>
                  <a:gd name="connsiteX2" fmla="*/ 425380 w 621228"/>
                  <a:gd name="connsiteY2" fmla="*/ 99100 h 1002149"/>
                  <a:gd name="connsiteX3" fmla="*/ 312552 w 621228"/>
                  <a:gd name="connsiteY3" fmla="*/ 42481 h 1002149"/>
                  <a:gd name="connsiteX4" fmla="*/ 146858 w 621228"/>
                  <a:gd name="connsiteY4" fmla="*/ 14739 h 1002149"/>
                  <a:gd name="connsiteX5" fmla="*/ 4613 w 621228"/>
                  <a:gd name="connsiteY5" fmla="*/ 9452 h 1002149"/>
                  <a:gd name="connsiteX6" fmla="*/ 37387 w 621228"/>
                  <a:gd name="connsiteY6" fmla="*/ 144214 h 1002149"/>
                  <a:gd name="connsiteX7" fmla="*/ 55519 w 621228"/>
                  <a:gd name="connsiteY7" fmla="*/ 357973 h 1002149"/>
                  <a:gd name="connsiteX8" fmla="*/ 92339 w 621228"/>
                  <a:gd name="connsiteY8" fmla="*/ 508259 h 1002149"/>
                  <a:gd name="connsiteX9" fmla="*/ 229638 w 621228"/>
                  <a:gd name="connsiteY9" fmla="*/ 663335 h 1002149"/>
                  <a:gd name="connsiteX10" fmla="*/ 309688 w 621228"/>
                  <a:gd name="connsiteY10" fmla="*/ 846661 h 1002149"/>
                  <a:gd name="connsiteX11" fmla="*/ 389852 w 621228"/>
                  <a:gd name="connsiteY11" fmla="*/ 920330 h 1002149"/>
                  <a:gd name="connsiteX12" fmla="*/ 452034 w 621228"/>
                  <a:gd name="connsiteY12" fmla="*/ 994735 h 1002149"/>
                  <a:gd name="connsiteX13" fmla="*/ 553297 w 621228"/>
                  <a:gd name="connsiteY13" fmla="*/ 996995 h 1002149"/>
                  <a:gd name="connsiteX0" fmla="*/ 553297 w 621228"/>
                  <a:gd name="connsiteY0" fmla="*/ 995688 h 1000842"/>
                  <a:gd name="connsiteX1" fmla="*/ 621228 w 621228"/>
                  <a:gd name="connsiteY1" fmla="*/ 255120 h 1000842"/>
                  <a:gd name="connsiteX2" fmla="*/ 425380 w 621228"/>
                  <a:gd name="connsiteY2" fmla="*/ 97793 h 1000842"/>
                  <a:gd name="connsiteX3" fmla="*/ 312552 w 621228"/>
                  <a:gd name="connsiteY3" fmla="*/ 41174 h 1000842"/>
                  <a:gd name="connsiteX4" fmla="*/ 146858 w 621228"/>
                  <a:gd name="connsiteY4" fmla="*/ 13432 h 1000842"/>
                  <a:gd name="connsiteX5" fmla="*/ 4613 w 621228"/>
                  <a:gd name="connsiteY5" fmla="*/ 8145 h 1000842"/>
                  <a:gd name="connsiteX6" fmla="*/ 37387 w 621228"/>
                  <a:gd name="connsiteY6" fmla="*/ 142907 h 1000842"/>
                  <a:gd name="connsiteX7" fmla="*/ 55519 w 621228"/>
                  <a:gd name="connsiteY7" fmla="*/ 356666 h 1000842"/>
                  <a:gd name="connsiteX8" fmla="*/ 92339 w 621228"/>
                  <a:gd name="connsiteY8" fmla="*/ 506952 h 1000842"/>
                  <a:gd name="connsiteX9" fmla="*/ 229638 w 621228"/>
                  <a:gd name="connsiteY9" fmla="*/ 662028 h 1000842"/>
                  <a:gd name="connsiteX10" fmla="*/ 309688 w 621228"/>
                  <a:gd name="connsiteY10" fmla="*/ 845354 h 1000842"/>
                  <a:gd name="connsiteX11" fmla="*/ 389852 w 621228"/>
                  <a:gd name="connsiteY11" fmla="*/ 919023 h 1000842"/>
                  <a:gd name="connsiteX12" fmla="*/ 452034 w 621228"/>
                  <a:gd name="connsiteY12" fmla="*/ 993428 h 1000842"/>
                  <a:gd name="connsiteX13" fmla="*/ 553297 w 621228"/>
                  <a:gd name="connsiteY13" fmla="*/ 995688 h 1000842"/>
                  <a:gd name="connsiteX0" fmla="*/ 545494 w 613425"/>
                  <a:gd name="connsiteY0" fmla="*/ 983951 h 989105"/>
                  <a:gd name="connsiteX1" fmla="*/ 613425 w 613425"/>
                  <a:gd name="connsiteY1" fmla="*/ 243383 h 989105"/>
                  <a:gd name="connsiteX2" fmla="*/ 417577 w 613425"/>
                  <a:gd name="connsiteY2" fmla="*/ 86056 h 989105"/>
                  <a:gd name="connsiteX3" fmla="*/ 304749 w 613425"/>
                  <a:gd name="connsiteY3" fmla="*/ 29437 h 989105"/>
                  <a:gd name="connsiteX4" fmla="*/ 139055 w 613425"/>
                  <a:gd name="connsiteY4" fmla="*/ 1695 h 989105"/>
                  <a:gd name="connsiteX5" fmla="*/ 5468 w 613425"/>
                  <a:gd name="connsiteY5" fmla="*/ 17192 h 989105"/>
                  <a:gd name="connsiteX6" fmla="*/ 29584 w 613425"/>
                  <a:gd name="connsiteY6" fmla="*/ 131170 h 989105"/>
                  <a:gd name="connsiteX7" fmla="*/ 47716 w 613425"/>
                  <a:gd name="connsiteY7" fmla="*/ 344929 h 989105"/>
                  <a:gd name="connsiteX8" fmla="*/ 84536 w 613425"/>
                  <a:gd name="connsiteY8" fmla="*/ 495215 h 989105"/>
                  <a:gd name="connsiteX9" fmla="*/ 221835 w 613425"/>
                  <a:gd name="connsiteY9" fmla="*/ 650291 h 989105"/>
                  <a:gd name="connsiteX10" fmla="*/ 301885 w 613425"/>
                  <a:gd name="connsiteY10" fmla="*/ 833617 h 989105"/>
                  <a:gd name="connsiteX11" fmla="*/ 382049 w 613425"/>
                  <a:gd name="connsiteY11" fmla="*/ 907286 h 989105"/>
                  <a:gd name="connsiteX12" fmla="*/ 444231 w 613425"/>
                  <a:gd name="connsiteY12" fmla="*/ 981691 h 989105"/>
                  <a:gd name="connsiteX13" fmla="*/ 545494 w 613425"/>
                  <a:gd name="connsiteY13" fmla="*/ 983951 h 989105"/>
                  <a:gd name="connsiteX0" fmla="*/ 545494 w 613425"/>
                  <a:gd name="connsiteY0" fmla="*/ 986669 h 991823"/>
                  <a:gd name="connsiteX1" fmla="*/ 613425 w 613425"/>
                  <a:gd name="connsiteY1" fmla="*/ 246101 h 991823"/>
                  <a:gd name="connsiteX2" fmla="*/ 417577 w 613425"/>
                  <a:gd name="connsiteY2" fmla="*/ 88774 h 991823"/>
                  <a:gd name="connsiteX3" fmla="*/ 270118 w 613425"/>
                  <a:gd name="connsiteY3" fmla="*/ 7908 h 991823"/>
                  <a:gd name="connsiteX4" fmla="*/ 139055 w 613425"/>
                  <a:gd name="connsiteY4" fmla="*/ 4413 h 991823"/>
                  <a:gd name="connsiteX5" fmla="*/ 5468 w 613425"/>
                  <a:gd name="connsiteY5" fmla="*/ 19910 h 991823"/>
                  <a:gd name="connsiteX6" fmla="*/ 29584 w 613425"/>
                  <a:gd name="connsiteY6" fmla="*/ 133888 h 991823"/>
                  <a:gd name="connsiteX7" fmla="*/ 47716 w 613425"/>
                  <a:gd name="connsiteY7" fmla="*/ 347647 h 991823"/>
                  <a:gd name="connsiteX8" fmla="*/ 84536 w 613425"/>
                  <a:gd name="connsiteY8" fmla="*/ 497933 h 991823"/>
                  <a:gd name="connsiteX9" fmla="*/ 221835 w 613425"/>
                  <a:gd name="connsiteY9" fmla="*/ 653009 h 991823"/>
                  <a:gd name="connsiteX10" fmla="*/ 301885 w 613425"/>
                  <a:gd name="connsiteY10" fmla="*/ 836335 h 991823"/>
                  <a:gd name="connsiteX11" fmla="*/ 382049 w 613425"/>
                  <a:gd name="connsiteY11" fmla="*/ 910004 h 991823"/>
                  <a:gd name="connsiteX12" fmla="*/ 444231 w 613425"/>
                  <a:gd name="connsiteY12" fmla="*/ 984409 h 991823"/>
                  <a:gd name="connsiteX13" fmla="*/ 545494 w 613425"/>
                  <a:gd name="connsiteY13" fmla="*/ 986669 h 991823"/>
                  <a:gd name="connsiteX0" fmla="*/ 541720 w 609651"/>
                  <a:gd name="connsiteY0" fmla="*/ 987237 h 992391"/>
                  <a:gd name="connsiteX1" fmla="*/ 609651 w 609651"/>
                  <a:gd name="connsiteY1" fmla="*/ 246669 h 992391"/>
                  <a:gd name="connsiteX2" fmla="*/ 413803 w 609651"/>
                  <a:gd name="connsiteY2" fmla="*/ 89342 h 992391"/>
                  <a:gd name="connsiteX3" fmla="*/ 266344 w 609651"/>
                  <a:gd name="connsiteY3" fmla="*/ 8476 h 992391"/>
                  <a:gd name="connsiteX4" fmla="*/ 135281 w 609651"/>
                  <a:gd name="connsiteY4" fmla="*/ 4981 h 992391"/>
                  <a:gd name="connsiteX5" fmla="*/ 6023 w 609651"/>
                  <a:gd name="connsiteY5" fmla="*/ 30870 h 992391"/>
                  <a:gd name="connsiteX6" fmla="*/ 25810 w 609651"/>
                  <a:gd name="connsiteY6" fmla="*/ 134456 h 992391"/>
                  <a:gd name="connsiteX7" fmla="*/ 43942 w 609651"/>
                  <a:gd name="connsiteY7" fmla="*/ 348215 h 992391"/>
                  <a:gd name="connsiteX8" fmla="*/ 80762 w 609651"/>
                  <a:gd name="connsiteY8" fmla="*/ 498501 h 992391"/>
                  <a:gd name="connsiteX9" fmla="*/ 218061 w 609651"/>
                  <a:gd name="connsiteY9" fmla="*/ 653577 h 992391"/>
                  <a:gd name="connsiteX10" fmla="*/ 298111 w 609651"/>
                  <a:gd name="connsiteY10" fmla="*/ 836903 h 992391"/>
                  <a:gd name="connsiteX11" fmla="*/ 378275 w 609651"/>
                  <a:gd name="connsiteY11" fmla="*/ 910572 h 992391"/>
                  <a:gd name="connsiteX12" fmla="*/ 440457 w 609651"/>
                  <a:gd name="connsiteY12" fmla="*/ 984977 h 992391"/>
                  <a:gd name="connsiteX13" fmla="*/ 541720 w 609651"/>
                  <a:gd name="connsiteY13" fmla="*/ 987237 h 992391"/>
                  <a:gd name="connsiteX0" fmla="*/ 541719 w 609650"/>
                  <a:gd name="connsiteY0" fmla="*/ 987237 h 999647"/>
                  <a:gd name="connsiteX1" fmla="*/ 609650 w 609650"/>
                  <a:gd name="connsiteY1" fmla="*/ 246669 h 999647"/>
                  <a:gd name="connsiteX2" fmla="*/ 413802 w 609650"/>
                  <a:gd name="connsiteY2" fmla="*/ 89342 h 999647"/>
                  <a:gd name="connsiteX3" fmla="*/ 266343 w 609650"/>
                  <a:gd name="connsiteY3" fmla="*/ 8476 h 999647"/>
                  <a:gd name="connsiteX4" fmla="*/ 135280 w 609650"/>
                  <a:gd name="connsiteY4" fmla="*/ 4981 h 999647"/>
                  <a:gd name="connsiteX5" fmla="*/ 6022 w 609650"/>
                  <a:gd name="connsiteY5" fmla="*/ 30870 h 999647"/>
                  <a:gd name="connsiteX6" fmla="*/ 25809 w 609650"/>
                  <a:gd name="connsiteY6" fmla="*/ 134456 h 999647"/>
                  <a:gd name="connsiteX7" fmla="*/ 43941 w 609650"/>
                  <a:gd name="connsiteY7" fmla="*/ 348215 h 999647"/>
                  <a:gd name="connsiteX8" fmla="*/ 80761 w 609650"/>
                  <a:gd name="connsiteY8" fmla="*/ 498501 h 999647"/>
                  <a:gd name="connsiteX9" fmla="*/ 218060 w 609650"/>
                  <a:gd name="connsiteY9" fmla="*/ 653577 h 999647"/>
                  <a:gd name="connsiteX10" fmla="*/ 298110 w 609650"/>
                  <a:gd name="connsiteY10" fmla="*/ 836903 h 999647"/>
                  <a:gd name="connsiteX11" fmla="*/ 378274 w 609650"/>
                  <a:gd name="connsiteY11" fmla="*/ 910572 h 999647"/>
                  <a:gd name="connsiteX12" fmla="*/ 444599 w 609650"/>
                  <a:gd name="connsiteY12" fmla="*/ 994923 h 999647"/>
                  <a:gd name="connsiteX13" fmla="*/ 541719 w 609650"/>
                  <a:gd name="connsiteY13" fmla="*/ 987237 h 999647"/>
                  <a:gd name="connsiteX0" fmla="*/ 541719 w 609650"/>
                  <a:gd name="connsiteY0" fmla="*/ 990553 h 1000313"/>
                  <a:gd name="connsiteX1" fmla="*/ 609650 w 609650"/>
                  <a:gd name="connsiteY1" fmla="*/ 246669 h 1000313"/>
                  <a:gd name="connsiteX2" fmla="*/ 413802 w 609650"/>
                  <a:gd name="connsiteY2" fmla="*/ 89342 h 1000313"/>
                  <a:gd name="connsiteX3" fmla="*/ 266343 w 609650"/>
                  <a:gd name="connsiteY3" fmla="*/ 8476 h 1000313"/>
                  <a:gd name="connsiteX4" fmla="*/ 135280 w 609650"/>
                  <a:gd name="connsiteY4" fmla="*/ 4981 h 1000313"/>
                  <a:gd name="connsiteX5" fmla="*/ 6022 w 609650"/>
                  <a:gd name="connsiteY5" fmla="*/ 30870 h 1000313"/>
                  <a:gd name="connsiteX6" fmla="*/ 25809 w 609650"/>
                  <a:gd name="connsiteY6" fmla="*/ 134456 h 1000313"/>
                  <a:gd name="connsiteX7" fmla="*/ 43941 w 609650"/>
                  <a:gd name="connsiteY7" fmla="*/ 348215 h 1000313"/>
                  <a:gd name="connsiteX8" fmla="*/ 80761 w 609650"/>
                  <a:gd name="connsiteY8" fmla="*/ 498501 h 1000313"/>
                  <a:gd name="connsiteX9" fmla="*/ 218060 w 609650"/>
                  <a:gd name="connsiteY9" fmla="*/ 653577 h 1000313"/>
                  <a:gd name="connsiteX10" fmla="*/ 298110 w 609650"/>
                  <a:gd name="connsiteY10" fmla="*/ 836903 h 1000313"/>
                  <a:gd name="connsiteX11" fmla="*/ 378274 w 609650"/>
                  <a:gd name="connsiteY11" fmla="*/ 910572 h 1000313"/>
                  <a:gd name="connsiteX12" fmla="*/ 444599 w 609650"/>
                  <a:gd name="connsiteY12" fmla="*/ 994923 h 1000313"/>
                  <a:gd name="connsiteX13" fmla="*/ 541719 w 609650"/>
                  <a:gd name="connsiteY13" fmla="*/ 990553 h 1000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09650" h="1000313">
                    <a:moveTo>
                      <a:pt x="541719" y="990553"/>
                    </a:moveTo>
                    <a:cubicBezTo>
                      <a:pt x="545375" y="705769"/>
                      <a:pt x="605994" y="531453"/>
                      <a:pt x="609650" y="246669"/>
                    </a:cubicBezTo>
                    <a:cubicBezTo>
                      <a:pt x="446058" y="153973"/>
                      <a:pt x="471020" y="129041"/>
                      <a:pt x="413802" y="89342"/>
                    </a:cubicBezTo>
                    <a:cubicBezTo>
                      <a:pt x="356584" y="49643"/>
                      <a:pt x="312763" y="22536"/>
                      <a:pt x="266343" y="8476"/>
                    </a:cubicBezTo>
                    <a:cubicBezTo>
                      <a:pt x="219923" y="-5584"/>
                      <a:pt x="178667" y="1249"/>
                      <a:pt x="135280" y="4981"/>
                    </a:cubicBezTo>
                    <a:cubicBezTo>
                      <a:pt x="91893" y="8713"/>
                      <a:pt x="24267" y="9291"/>
                      <a:pt x="6022" y="30870"/>
                    </a:cubicBezTo>
                    <a:cubicBezTo>
                      <a:pt x="-12223" y="52449"/>
                      <a:pt x="15883" y="87160"/>
                      <a:pt x="25809" y="134456"/>
                    </a:cubicBezTo>
                    <a:cubicBezTo>
                      <a:pt x="38349" y="212057"/>
                      <a:pt x="34782" y="287541"/>
                      <a:pt x="43941" y="348215"/>
                    </a:cubicBezTo>
                    <a:cubicBezTo>
                      <a:pt x="53100" y="408889"/>
                      <a:pt x="49614" y="437067"/>
                      <a:pt x="80761" y="498501"/>
                    </a:cubicBezTo>
                    <a:cubicBezTo>
                      <a:pt x="188344" y="609478"/>
                      <a:pt x="168860" y="570777"/>
                      <a:pt x="218060" y="653577"/>
                    </a:cubicBezTo>
                    <a:cubicBezTo>
                      <a:pt x="258437" y="707130"/>
                      <a:pt x="271408" y="794071"/>
                      <a:pt x="298110" y="836903"/>
                    </a:cubicBezTo>
                    <a:cubicBezTo>
                      <a:pt x="324812" y="879735"/>
                      <a:pt x="353859" y="884235"/>
                      <a:pt x="378274" y="910572"/>
                    </a:cubicBezTo>
                    <a:cubicBezTo>
                      <a:pt x="402689" y="936909"/>
                      <a:pt x="417358" y="982146"/>
                      <a:pt x="444599" y="994923"/>
                    </a:cubicBezTo>
                    <a:cubicBezTo>
                      <a:pt x="471840" y="1007701"/>
                      <a:pt x="461071" y="994233"/>
                      <a:pt x="541719" y="990553"/>
                    </a:cubicBezTo>
                    <a:close/>
                  </a:path>
                </a:pathLst>
              </a:custGeom>
              <a:solidFill>
                <a:srgbClr val="FF9999">
                  <a:alpha val="5098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cxnSp>
          <p:nvCxnSpPr>
            <p:cNvPr id="14" name="Lige forbindelse 13">
              <a:extLst>
                <a:ext uri="{FF2B5EF4-FFF2-40B4-BE49-F238E27FC236}">
                  <a16:creationId xmlns:a16="http://schemas.microsoft.com/office/drawing/2014/main" id="{6ADEAD43-A822-477A-A4DC-2FDA858C5146}"/>
                </a:ext>
              </a:extLst>
            </p:cNvPr>
            <p:cNvCxnSpPr>
              <a:cxnSpLocks/>
            </p:cNvCxnSpPr>
            <p:nvPr/>
          </p:nvCxnSpPr>
          <p:spPr>
            <a:xfrm>
              <a:off x="3067371" y="3799510"/>
              <a:ext cx="0" cy="0"/>
            </a:xfrm>
            <a:prstGeom prst="line">
              <a:avLst/>
            </a:prstGeom>
            <a:ln w="28575">
              <a:solidFill>
                <a:srgbClr val="1F2936"/>
              </a:solidFill>
            </a:ln>
          </p:spPr>
          <p:style>
            <a:lnRef idx="1">
              <a:schemeClr val="accent1"/>
            </a:lnRef>
            <a:fillRef idx="0">
              <a:schemeClr val="accent1"/>
            </a:fillRef>
            <a:effectRef idx="0">
              <a:schemeClr val="accent1"/>
            </a:effectRef>
            <a:fontRef idx="minor">
              <a:schemeClr val="tx1"/>
            </a:fontRef>
          </p:style>
        </p:cxnSp>
      </p:grpSp>
      <p:sp>
        <p:nvSpPr>
          <p:cNvPr id="24" name="Tekstfelt 23">
            <a:extLst>
              <a:ext uri="{FF2B5EF4-FFF2-40B4-BE49-F238E27FC236}">
                <a16:creationId xmlns:a16="http://schemas.microsoft.com/office/drawing/2014/main" id="{BEE6B0A6-441A-4D22-B1B9-088075062EBE}"/>
              </a:ext>
            </a:extLst>
          </p:cNvPr>
          <p:cNvSpPr txBox="1"/>
          <p:nvPr/>
        </p:nvSpPr>
        <p:spPr>
          <a:xfrm>
            <a:off x="6856840" y="1520193"/>
            <a:ext cx="1008106" cy="360040"/>
          </a:xfrm>
          <a:prstGeom prst="rect">
            <a:avLst/>
          </a:prstGeom>
          <a:noFill/>
        </p:spPr>
        <p:txBody>
          <a:bodyPr wrap="square" lIns="0" tIns="0" rIns="0" bIns="0" rtlCol="0">
            <a:noAutofit/>
          </a:bodyPr>
          <a:lstStyle/>
          <a:p>
            <a:pPr algn="ctr"/>
            <a:r>
              <a:rPr lang="da-DK" sz="2000" u="sng" dirty="0"/>
              <a:t>Højre</a:t>
            </a:r>
          </a:p>
        </p:txBody>
      </p:sp>
      <p:sp>
        <p:nvSpPr>
          <p:cNvPr id="25" name="Tekstfelt 24">
            <a:extLst>
              <a:ext uri="{FF2B5EF4-FFF2-40B4-BE49-F238E27FC236}">
                <a16:creationId xmlns:a16="http://schemas.microsoft.com/office/drawing/2014/main" id="{BB8020C5-7E68-431A-A3FB-4663278D62D6}"/>
              </a:ext>
            </a:extLst>
          </p:cNvPr>
          <p:cNvSpPr txBox="1"/>
          <p:nvPr/>
        </p:nvSpPr>
        <p:spPr>
          <a:xfrm>
            <a:off x="1623515" y="1505925"/>
            <a:ext cx="1008106" cy="360040"/>
          </a:xfrm>
          <a:prstGeom prst="rect">
            <a:avLst/>
          </a:prstGeom>
          <a:noFill/>
        </p:spPr>
        <p:txBody>
          <a:bodyPr wrap="square" lIns="0" tIns="0" rIns="0" bIns="0" rtlCol="0">
            <a:noAutofit/>
          </a:bodyPr>
          <a:lstStyle/>
          <a:p>
            <a:pPr algn="ctr"/>
            <a:r>
              <a:rPr lang="da-DK" sz="2000" u="sng" dirty="0"/>
              <a:t>Venstre</a:t>
            </a:r>
          </a:p>
        </p:txBody>
      </p:sp>
      <p:sp>
        <p:nvSpPr>
          <p:cNvPr id="27" name="Tekstfelt 26">
            <a:extLst>
              <a:ext uri="{FF2B5EF4-FFF2-40B4-BE49-F238E27FC236}">
                <a16:creationId xmlns:a16="http://schemas.microsoft.com/office/drawing/2014/main" id="{5F918F25-C8D1-4994-905B-40087C3A36B1}"/>
              </a:ext>
            </a:extLst>
          </p:cNvPr>
          <p:cNvSpPr txBox="1"/>
          <p:nvPr/>
        </p:nvSpPr>
        <p:spPr>
          <a:xfrm>
            <a:off x="810277" y="2001876"/>
            <a:ext cx="1994761" cy="3219219"/>
          </a:xfrm>
          <a:prstGeom prst="rect">
            <a:avLst/>
          </a:prstGeom>
          <a:noFill/>
        </p:spPr>
        <p:txBody>
          <a:bodyPr wrap="square" lIns="0" tIns="0" rIns="0" bIns="0" rtlCol="0">
            <a:noAutofit/>
          </a:bodyPr>
          <a:lstStyle/>
          <a:p>
            <a:pPr marL="285750" indent="-285750">
              <a:spcAft>
                <a:spcPts val="600"/>
              </a:spcAft>
              <a:buFont typeface="Arial" panose="020B0604020202020204" pitchFamily="34" charset="0"/>
              <a:buChar char="•"/>
            </a:pPr>
            <a:r>
              <a:rPr lang="da-DK" sz="1600" dirty="0"/>
              <a:t>Højresidige motoriske og sensoriske udfald</a:t>
            </a:r>
          </a:p>
          <a:p>
            <a:pPr marL="285750" indent="-285750">
              <a:spcAft>
                <a:spcPts val="600"/>
              </a:spcAft>
              <a:buFont typeface="Arial" panose="020B0604020202020204" pitchFamily="34" charset="0"/>
              <a:buChar char="•"/>
            </a:pPr>
            <a:r>
              <a:rPr lang="da-DK" sz="1600" dirty="0"/>
              <a:t>Højresidige synsudfald</a:t>
            </a:r>
          </a:p>
          <a:p>
            <a:pPr marL="285750" indent="-285750">
              <a:spcAft>
                <a:spcPts val="600"/>
              </a:spcAft>
              <a:buFont typeface="Arial" panose="020B0604020202020204" pitchFamily="34" charset="0"/>
              <a:buChar char="•"/>
            </a:pPr>
            <a:r>
              <a:rPr lang="da-DK" sz="1600" dirty="0"/>
              <a:t>Sproglige udfald </a:t>
            </a:r>
            <a:br>
              <a:rPr lang="da-DK" sz="1600" dirty="0"/>
            </a:br>
            <a:r>
              <a:rPr lang="da-DK" sz="1600" i="1" dirty="0"/>
              <a:t>(tale, forståelse, læse, skrive, regne)</a:t>
            </a:r>
          </a:p>
          <a:p>
            <a:pPr marL="285750" indent="-285750">
              <a:spcAft>
                <a:spcPts val="600"/>
              </a:spcAft>
              <a:buFont typeface="Arial" panose="020B0604020202020204" pitchFamily="34" charset="0"/>
              <a:buChar char="•"/>
            </a:pPr>
            <a:r>
              <a:rPr lang="da-DK" sz="1600" dirty="0" err="1"/>
              <a:t>Apraksi</a:t>
            </a:r>
            <a:endParaRPr lang="da-DK" sz="1600" dirty="0"/>
          </a:p>
          <a:p>
            <a:pPr marL="285750" indent="-285750">
              <a:spcAft>
                <a:spcPts val="600"/>
              </a:spcAft>
              <a:buFont typeface="Arial" panose="020B0604020202020204" pitchFamily="34" charset="0"/>
              <a:buChar char="•"/>
            </a:pPr>
            <a:r>
              <a:rPr lang="da-DK" sz="1600" dirty="0"/>
              <a:t>Negativ affekt/ nedsat </a:t>
            </a:r>
            <a:r>
              <a:rPr lang="da-DK" sz="1600" dirty="0" err="1"/>
              <a:t>psyko</a:t>
            </a:r>
            <a:r>
              <a:rPr lang="da-DK" sz="1600" dirty="0"/>
              <a:t>-motorisk tempo</a:t>
            </a:r>
          </a:p>
          <a:p>
            <a:pPr marL="285750" indent="-285750">
              <a:buFont typeface="Arial" panose="020B0604020202020204" pitchFamily="34" charset="0"/>
              <a:buChar char="•"/>
            </a:pPr>
            <a:endParaRPr lang="da-DK" dirty="0" err="1"/>
          </a:p>
        </p:txBody>
      </p:sp>
      <p:sp>
        <p:nvSpPr>
          <p:cNvPr id="28" name="Tekstfelt 27">
            <a:extLst>
              <a:ext uri="{FF2B5EF4-FFF2-40B4-BE49-F238E27FC236}">
                <a16:creationId xmlns:a16="http://schemas.microsoft.com/office/drawing/2014/main" id="{3B1A3F45-2534-48D4-9A69-0E41C65C4881}"/>
              </a:ext>
            </a:extLst>
          </p:cNvPr>
          <p:cNvSpPr txBox="1"/>
          <p:nvPr/>
        </p:nvSpPr>
        <p:spPr>
          <a:xfrm>
            <a:off x="6436936" y="2007834"/>
            <a:ext cx="2383535" cy="3219219"/>
          </a:xfrm>
          <a:prstGeom prst="rect">
            <a:avLst/>
          </a:prstGeom>
          <a:noFill/>
        </p:spPr>
        <p:txBody>
          <a:bodyPr wrap="square" lIns="0" tIns="0" rIns="0" bIns="0" rtlCol="0">
            <a:noAutofit/>
          </a:bodyPr>
          <a:lstStyle/>
          <a:p>
            <a:pPr marL="285750" indent="-285750">
              <a:spcAft>
                <a:spcPts val="600"/>
              </a:spcAft>
              <a:buFont typeface="Arial" panose="020B0604020202020204" pitchFamily="34" charset="0"/>
              <a:buChar char="•"/>
            </a:pPr>
            <a:r>
              <a:rPr lang="da-DK" sz="1600" dirty="0" err="1"/>
              <a:t>Venstresidige</a:t>
            </a:r>
            <a:r>
              <a:rPr lang="da-DK" sz="1600" dirty="0"/>
              <a:t> motoriske og sensoriske udfald</a:t>
            </a:r>
          </a:p>
          <a:p>
            <a:pPr marL="285750" indent="-285750">
              <a:spcAft>
                <a:spcPts val="600"/>
              </a:spcAft>
              <a:buFont typeface="Arial" panose="020B0604020202020204" pitchFamily="34" charset="0"/>
              <a:buChar char="•"/>
            </a:pPr>
            <a:r>
              <a:rPr lang="da-DK" sz="1600" dirty="0" err="1"/>
              <a:t>Venstresidige</a:t>
            </a:r>
            <a:r>
              <a:rPr lang="da-DK" sz="1600" dirty="0"/>
              <a:t> synsudfald</a:t>
            </a:r>
          </a:p>
          <a:p>
            <a:pPr marL="285750" indent="-285750">
              <a:spcAft>
                <a:spcPts val="600"/>
              </a:spcAft>
              <a:buFont typeface="Arial" panose="020B0604020202020204" pitchFamily="34" charset="0"/>
              <a:buChar char="•"/>
            </a:pPr>
            <a:r>
              <a:rPr lang="da-DK" sz="1600" dirty="0"/>
              <a:t>Nedsat sygdoms-erkendelse</a:t>
            </a:r>
          </a:p>
          <a:p>
            <a:pPr marL="285750" indent="-285750">
              <a:spcAft>
                <a:spcPts val="600"/>
              </a:spcAft>
              <a:buFont typeface="Arial" panose="020B0604020202020204" pitchFamily="34" charset="0"/>
              <a:buChar char="•"/>
            </a:pPr>
            <a:r>
              <a:rPr lang="da-DK" sz="1600" dirty="0"/>
              <a:t>Manglende overblik/ rum-retnings forstyrrelser</a:t>
            </a:r>
          </a:p>
          <a:p>
            <a:pPr marL="285750" indent="-285750">
              <a:spcAft>
                <a:spcPts val="600"/>
              </a:spcAft>
              <a:buFont typeface="Arial" panose="020B0604020202020204" pitchFamily="34" charset="0"/>
              <a:buChar char="•"/>
            </a:pPr>
            <a:r>
              <a:rPr lang="da-DK" sz="1600" dirty="0" err="1"/>
              <a:t>Neglekt</a:t>
            </a:r>
            <a:endParaRPr lang="da-DK" sz="1600" dirty="0"/>
          </a:p>
          <a:p>
            <a:pPr marL="285750" indent="-285750">
              <a:spcAft>
                <a:spcPts val="600"/>
              </a:spcAft>
              <a:buFont typeface="Arial" panose="020B0604020202020204" pitchFamily="34" charset="0"/>
              <a:buChar char="•"/>
            </a:pPr>
            <a:r>
              <a:rPr lang="da-DK" sz="1600" dirty="0"/>
              <a:t>Positiv affekt/ hurtigt </a:t>
            </a:r>
            <a:r>
              <a:rPr lang="da-DK" sz="1600" dirty="0" err="1"/>
              <a:t>psyko</a:t>
            </a:r>
            <a:r>
              <a:rPr lang="da-DK" sz="1600" dirty="0"/>
              <a:t>-motorisk tempo </a:t>
            </a:r>
          </a:p>
          <a:p>
            <a:pPr marL="285750" indent="-285750">
              <a:buFont typeface="Arial" panose="020B0604020202020204" pitchFamily="34" charset="0"/>
              <a:buChar char="•"/>
            </a:pPr>
            <a:endParaRPr lang="da-DK" dirty="0" err="1"/>
          </a:p>
        </p:txBody>
      </p:sp>
      <p:sp>
        <p:nvSpPr>
          <p:cNvPr id="29" name="Tekstfelt 28">
            <a:extLst>
              <a:ext uri="{FF2B5EF4-FFF2-40B4-BE49-F238E27FC236}">
                <a16:creationId xmlns:a16="http://schemas.microsoft.com/office/drawing/2014/main" id="{6856FB40-D011-4E61-9B1A-65EA54A1177F}"/>
              </a:ext>
            </a:extLst>
          </p:cNvPr>
          <p:cNvSpPr txBox="1"/>
          <p:nvPr/>
        </p:nvSpPr>
        <p:spPr>
          <a:xfrm>
            <a:off x="7020272" y="5967232"/>
            <a:ext cx="2025632" cy="144000"/>
          </a:xfrm>
          <a:prstGeom prst="rect">
            <a:avLst/>
          </a:prstGeom>
          <a:noFill/>
        </p:spPr>
        <p:txBody>
          <a:bodyPr wrap="square" lIns="0" tIns="0" rIns="0" bIns="0" rtlCol="0">
            <a:noAutofit/>
          </a:bodyPr>
          <a:lstStyle/>
          <a:p>
            <a:r>
              <a:rPr lang="da-DK" sz="1100" dirty="0"/>
              <a:t>Illustration: Jacob Liljehult 2021</a:t>
            </a:r>
          </a:p>
        </p:txBody>
      </p:sp>
    </p:spTree>
    <p:extLst>
      <p:ext uri="{BB962C8B-B14F-4D97-AF65-F5344CB8AC3E}">
        <p14:creationId xmlns:p14="http://schemas.microsoft.com/office/powerpoint/2010/main" val="429137789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1FD5A6C3-0675-4C80-8C83-C5983E87C0B9}"/>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463D969B-A56E-4C81-9F41-29D1425D539C}"/>
              </a:ext>
            </a:extLst>
          </p:cNvPr>
          <p:cNvSpPr>
            <a:spLocks noGrp="1"/>
          </p:cNvSpPr>
          <p:nvPr>
            <p:ph type="ftr" sz="quarter" idx="11"/>
          </p:nvPr>
        </p:nvSpPr>
        <p:spPr/>
        <p:txBody>
          <a:bodyPr/>
          <a:lstStyle/>
          <a:p>
            <a:r>
              <a:rPr lang="en-GB"/>
              <a:t>Apopleksi og sundhedsadfærd</a:t>
            </a:r>
          </a:p>
        </p:txBody>
      </p:sp>
      <p:sp>
        <p:nvSpPr>
          <p:cNvPr id="4" name="Pladsholder til slidenummer 3">
            <a:extLst>
              <a:ext uri="{FF2B5EF4-FFF2-40B4-BE49-F238E27FC236}">
                <a16:creationId xmlns:a16="http://schemas.microsoft.com/office/drawing/2014/main" id="{256E2E51-91A3-42E8-8894-D62613F2D174}"/>
              </a:ext>
            </a:extLst>
          </p:cNvPr>
          <p:cNvSpPr>
            <a:spLocks noGrp="1"/>
          </p:cNvSpPr>
          <p:nvPr>
            <p:ph type="sldNum" sz="quarter" idx="12"/>
          </p:nvPr>
        </p:nvSpPr>
        <p:spPr/>
        <p:txBody>
          <a:bodyPr/>
          <a:lstStyle/>
          <a:p>
            <a:fld id="{0DAB5548-7253-48D6-B95B-F3D312A72220}" type="slidenum">
              <a:rPr lang="da-DK" smtClean="0"/>
              <a:pPr/>
              <a:t>9</a:t>
            </a:fld>
            <a:endParaRPr lang="da-DK" dirty="0"/>
          </a:p>
        </p:txBody>
      </p:sp>
      <p:sp>
        <p:nvSpPr>
          <p:cNvPr id="5" name="Titel 1">
            <a:extLst>
              <a:ext uri="{FF2B5EF4-FFF2-40B4-BE49-F238E27FC236}">
                <a16:creationId xmlns:a16="http://schemas.microsoft.com/office/drawing/2014/main" id="{1BE0758F-EA83-47DF-B16B-67C8EB33EF6D}"/>
              </a:ext>
            </a:extLst>
          </p:cNvPr>
          <p:cNvSpPr txBox="1">
            <a:spLocks/>
          </p:cNvSpPr>
          <p:nvPr/>
        </p:nvSpPr>
        <p:spPr>
          <a:xfrm>
            <a:off x="1367788" y="505383"/>
            <a:ext cx="7092000" cy="1017326"/>
          </a:xfrm>
          <a:prstGeom prst="rect">
            <a:avLst/>
          </a:prstGeom>
        </p:spPr>
        <p:txBody>
          <a:bodyPr anchor="b"/>
          <a:lstStyle>
            <a:lvl1pPr algn="l" defTabSz="914400" rtl="0" eaLnBrk="1" latinLnBrk="0" hangingPunct="1">
              <a:lnSpc>
                <a:spcPct val="85000"/>
              </a:lnSpc>
              <a:spcBef>
                <a:spcPct val="0"/>
              </a:spcBef>
              <a:buNone/>
              <a:defRPr sz="2700" b="1" kern="1200">
                <a:solidFill>
                  <a:schemeClr val="tx1"/>
                </a:solidFill>
                <a:latin typeface="+mj-lt"/>
                <a:ea typeface="+mj-ea"/>
                <a:cs typeface="+mj-cs"/>
              </a:defRPr>
            </a:lvl1pPr>
          </a:lstStyle>
          <a:p>
            <a:pPr algn="ctr"/>
            <a:r>
              <a:rPr lang="da-DK" dirty="0"/>
              <a:t>Forskellige sværhedsgrader</a:t>
            </a:r>
          </a:p>
        </p:txBody>
      </p:sp>
      <p:grpSp>
        <p:nvGrpSpPr>
          <p:cNvPr id="6" name="Gruppe 5">
            <a:extLst>
              <a:ext uri="{FF2B5EF4-FFF2-40B4-BE49-F238E27FC236}">
                <a16:creationId xmlns:a16="http://schemas.microsoft.com/office/drawing/2014/main" id="{A6E4F4D8-AF3C-40D1-A522-4440EA1F4D32}"/>
              </a:ext>
            </a:extLst>
          </p:cNvPr>
          <p:cNvGrpSpPr/>
          <p:nvPr/>
        </p:nvGrpSpPr>
        <p:grpSpPr>
          <a:xfrm>
            <a:off x="2195736" y="1772816"/>
            <a:ext cx="5205440" cy="4033076"/>
            <a:chOff x="2195736" y="2034662"/>
            <a:chExt cx="5205440" cy="4033076"/>
          </a:xfrm>
        </p:grpSpPr>
        <p:pic>
          <p:nvPicPr>
            <p:cNvPr id="7" name="Billede 6" descr="Et billede, der indeholder frugt, dyr&#10;&#10;Automatisk genereret beskrivelse">
              <a:extLst>
                <a:ext uri="{FF2B5EF4-FFF2-40B4-BE49-F238E27FC236}">
                  <a16:creationId xmlns:a16="http://schemas.microsoft.com/office/drawing/2014/main" id="{9607B803-3F7F-4016-9B45-A70681909F3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12623" t="25851" r="31000" b="22700"/>
            <a:stretch/>
          </p:blipFill>
          <p:spPr>
            <a:xfrm rot="5400000">
              <a:off x="2781918" y="1448480"/>
              <a:ext cx="4033076" cy="5205440"/>
            </a:xfrm>
            <a:prstGeom prst="rect">
              <a:avLst/>
            </a:prstGeom>
          </p:spPr>
        </p:pic>
        <p:sp>
          <p:nvSpPr>
            <p:cNvPr id="8" name="Ellipse 10">
              <a:extLst>
                <a:ext uri="{FF2B5EF4-FFF2-40B4-BE49-F238E27FC236}">
                  <a16:creationId xmlns:a16="http://schemas.microsoft.com/office/drawing/2014/main" id="{A4366A69-D9A7-4602-B0F9-300CEE9A5EE1}"/>
                </a:ext>
              </a:extLst>
            </p:cNvPr>
            <p:cNvSpPr/>
            <p:nvPr/>
          </p:nvSpPr>
          <p:spPr>
            <a:xfrm flipH="1">
              <a:off x="2429065" y="2265155"/>
              <a:ext cx="1663525" cy="2860637"/>
            </a:xfrm>
            <a:custGeom>
              <a:avLst/>
              <a:gdLst>
                <a:gd name="connsiteX0" fmla="*/ 0 w 1440160"/>
                <a:gd name="connsiteY0" fmla="*/ 936104 h 1872208"/>
                <a:gd name="connsiteX1" fmla="*/ 720080 w 1440160"/>
                <a:gd name="connsiteY1" fmla="*/ 0 h 1872208"/>
                <a:gd name="connsiteX2" fmla="*/ 1440160 w 1440160"/>
                <a:gd name="connsiteY2" fmla="*/ 936104 h 1872208"/>
                <a:gd name="connsiteX3" fmla="*/ 720080 w 1440160"/>
                <a:gd name="connsiteY3" fmla="*/ 1872208 h 1872208"/>
                <a:gd name="connsiteX4" fmla="*/ 0 w 1440160"/>
                <a:gd name="connsiteY4" fmla="*/ 936104 h 1872208"/>
                <a:gd name="connsiteX0" fmla="*/ 208 w 1440368"/>
                <a:gd name="connsiteY0" fmla="*/ 688969 h 1625073"/>
                <a:gd name="connsiteX1" fmla="*/ 666742 w 1440368"/>
                <a:gd name="connsiteY1" fmla="*/ 0 h 1625073"/>
                <a:gd name="connsiteX2" fmla="*/ 1440368 w 1440368"/>
                <a:gd name="connsiteY2" fmla="*/ 688969 h 1625073"/>
                <a:gd name="connsiteX3" fmla="*/ 720288 w 1440368"/>
                <a:gd name="connsiteY3" fmla="*/ 1625073 h 1625073"/>
                <a:gd name="connsiteX4" fmla="*/ 208 w 1440368"/>
                <a:gd name="connsiteY4" fmla="*/ 688969 h 1625073"/>
                <a:gd name="connsiteX0" fmla="*/ 180 w 1440340"/>
                <a:gd name="connsiteY0" fmla="*/ 688969 h 2004013"/>
                <a:gd name="connsiteX1" fmla="*/ 666714 w 1440340"/>
                <a:gd name="connsiteY1" fmla="*/ 0 h 2004013"/>
                <a:gd name="connsiteX2" fmla="*/ 1440340 w 1440340"/>
                <a:gd name="connsiteY2" fmla="*/ 688969 h 2004013"/>
                <a:gd name="connsiteX3" fmla="*/ 621406 w 1440340"/>
                <a:gd name="connsiteY3" fmla="*/ 2004013 h 2004013"/>
                <a:gd name="connsiteX4" fmla="*/ 180 w 1440340"/>
                <a:gd name="connsiteY4" fmla="*/ 688969 h 2004013"/>
                <a:gd name="connsiteX0" fmla="*/ 68 w 1712077"/>
                <a:gd name="connsiteY0" fmla="*/ 915552 h 2009426"/>
                <a:gd name="connsiteX1" fmla="*/ 938451 w 1712077"/>
                <a:gd name="connsiteY1" fmla="*/ 4161 h 2009426"/>
                <a:gd name="connsiteX2" fmla="*/ 1712077 w 1712077"/>
                <a:gd name="connsiteY2" fmla="*/ 693130 h 2009426"/>
                <a:gd name="connsiteX3" fmla="*/ 893143 w 1712077"/>
                <a:gd name="connsiteY3" fmla="*/ 2008174 h 2009426"/>
                <a:gd name="connsiteX4" fmla="*/ 68 w 1712077"/>
                <a:gd name="connsiteY4" fmla="*/ 915552 h 2009426"/>
                <a:gd name="connsiteX0" fmla="*/ 92 w 1526749"/>
                <a:gd name="connsiteY0" fmla="*/ 1035068 h 2015564"/>
                <a:gd name="connsiteX1" fmla="*/ 753123 w 1526749"/>
                <a:gd name="connsiteY1" fmla="*/ 8347 h 2015564"/>
                <a:gd name="connsiteX2" fmla="*/ 1526749 w 1526749"/>
                <a:gd name="connsiteY2" fmla="*/ 697316 h 2015564"/>
                <a:gd name="connsiteX3" fmla="*/ 707815 w 1526749"/>
                <a:gd name="connsiteY3" fmla="*/ 2012360 h 2015564"/>
                <a:gd name="connsiteX4" fmla="*/ 92 w 1526749"/>
                <a:gd name="connsiteY4" fmla="*/ 1035068 h 2015564"/>
                <a:gd name="connsiteX0" fmla="*/ 90 w 1534985"/>
                <a:gd name="connsiteY0" fmla="*/ 1005104 h 2013838"/>
                <a:gd name="connsiteX1" fmla="*/ 761359 w 1534985"/>
                <a:gd name="connsiteY1" fmla="*/ 7216 h 2013838"/>
                <a:gd name="connsiteX2" fmla="*/ 1534985 w 1534985"/>
                <a:gd name="connsiteY2" fmla="*/ 696185 h 2013838"/>
                <a:gd name="connsiteX3" fmla="*/ 716051 w 1534985"/>
                <a:gd name="connsiteY3" fmla="*/ 2011229 h 2013838"/>
                <a:gd name="connsiteX4" fmla="*/ 90 w 1534985"/>
                <a:gd name="connsiteY4" fmla="*/ 1005104 h 2013838"/>
                <a:gd name="connsiteX0" fmla="*/ 52150 w 1587045"/>
                <a:gd name="connsiteY0" fmla="*/ 1384277 h 2393217"/>
                <a:gd name="connsiteX1" fmla="*/ 139585 w 1587045"/>
                <a:gd name="connsiteY1" fmla="*/ 44971 h 2393217"/>
                <a:gd name="connsiteX2" fmla="*/ 813419 w 1587045"/>
                <a:gd name="connsiteY2" fmla="*/ 386389 h 2393217"/>
                <a:gd name="connsiteX3" fmla="*/ 1587045 w 1587045"/>
                <a:gd name="connsiteY3" fmla="*/ 1075358 h 2393217"/>
                <a:gd name="connsiteX4" fmla="*/ 768111 w 1587045"/>
                <a:gd name="connsiteY4" fmla="*/ 2390402 h 2393217"/>
                <a:gd name="connsiteX5" fmla="*/ 52150 w 1587045"/>
                <a:gd name="connsiteY5" fmla="*/ 1384277 h 2393217"/>
                <a:gd name="connsiteX0" fmla="*/ 52150 w 1479954"/>
                <a:gd name="connsiteY0" fmla="*/ 1392732 h 2401041"/>
                <a:gd name="connsiteX1" fmla="*/ 139585 w 1479954"/>
                <a:gd name="connsiteY1" fmla="*/ 53426 h 2401041"/>
                <a:gd name="connsiteX2" fmla="*/ 813419 w 1479954"/>
                <a:gd name="connsiteY2" fmla="*/ 394844 h 2401041"/>
                <a:gd name="connsiteX3" fmla="*/ 1479954 w 1479954"/>
                <a:gd name="connsiteY3" fmla="*/ 1586321 h 2401041"/>
                <a:gd name="connsiteX4" fmla="*/ 768111 w 1479954"/>
                <a:gd name="connsiteY4" fmla="*/ 2398857 h 2401041"/>
                <a:gd name="connsiteX5" fmla="*/ 52150 w 1479954"/>
                <a:gd name="connsiteY5" fmla="*/ 1392732 h 2401041"/>
                <a:gd name="connsiteX0" fmla="*/ 52150 w 1491542"/>
                <a:gd name="connsiteY0" fmla="*/ 1380194 h 2387620"/>
                <a:gd name="connsiteX1" fmla="*/ 139585 w 1491542"/>
                <a:gd name="connsiteY1" fmla="*/ 40888 h 2387620"/>
                <a:gd name="connsiteX2" fmla="*/ 813419 w 1491542"/>
                <a:gd name="connsiteY2" fmla="*/ 382306 h 2387620"/>
                <a:gd name="connsiteX3" fmla="*/ 1210504 w 1491542"/>
                <a:gd name="connsiteY3" fmla="*/ 765819 h 2387620"/>
                <a:gd name="connsiteX4" fmla="*/ 1479954 w 1491542"/>
                <a:gd name="connsiteY4" fmla="*/ 1573783 h 2387620"/>
                <a:gd name="connsiteX5" fmla="*/ 768111 w 1491542"/>
                <a:gd name="connsiteY5" fmla="*/ 2386319 h 2387620"/>
                <a:gd name="connsiteX6" fmla="*/ 52150 w 1491542"/>
                <a:gd name="connsiteY6" fmla="*/ 1380194 h 2387620"/>
                <a:gd name="connsiteX0" fmla="*/ 144651 w 1584043"/>
                <a:gd name="connsiteY0" fmla="*/ 1380194 h 2386968"/>
                <a:gd name="connsiteX1" fmla="*/ 232086 w 1584043"/>
                <a:gd name="connsiteY1" fmla="*/ 40888 h 2386968"/>
                <a:gd name="connsiteX2" fmla="*/ 905920 w 1584043"/>
                <a:gd name="connsiteY2" fmla="*/ 382306 h 2386968"/>
                <a:gd name="connsiteX3" fmla="*/ 1303005 w 1584043"/>
                <a:gd name="connsiteY3" fmla="*/ 765819 h 2386968"/>
                <a:gd name="connsiteX4" fmla="*/ 1572455 w 1584043"/>
                <a:gd name="connsiteY4" fmla="*/ 1573783 h 2386968"/>
                <a:gd name="connsiteX5" fmla="*/ 860612 w 1584043"/>
                <a:gd name="connsiteY5" fmla="*/ 2386319 h 2386968"/>
                <a:gd name="connsiteX6" fmla="*/ 38497 w 1584043"/>
                <a:gd name="connsiteY6" fmla="*/ 1704933 h 2386968"/>
                <a:gd name="connsiteX7" fmla="*/ 144651 w 1584043"/>
                <a:gd name="connsiteY7" fmla="*/ 1380194 h 2386968"/>
                <a:gd name="connsiteX0" fmla="*/ 144651 w 1574218"/>
                <a:gd name="connsiteY0" fmla="*/ 1380194 h 2386436"/>
                <a:gd name="connsiteX1" fmla="*/ 232086 w 1574218"/>
                <a:gd name="connsiteY1" fmla="*/ 40888 h 2386436"/>
                <a:gd name="connsiteX2" fmla="*/ 905920 w 1574218"/>
                <a:gd name="connsiteY2" fmla="*/ 382306 h 2386436"/>
                <a:gd name="connsiteX3" fmla="*/ 1303005 w 1574218"/>
                <a:gd name="connsiteY3" fmla="*/ 765819 h 2386436"/>
                <a:gd name="connsiteX4" fmla="*/ 1572455 w 1574218"/>
                <a:gd name="connsiteY4" fmla="*/ 1573783 h 2386436"/>
                <a:gd name="connsiteX5" fmla="*/ 1134130 w 1574218"/>
                <a:gd name="connsiteY5" fmla="*/ 1758479 h 2386436"/>
                <a:gd name="connsiteX6" fmla="*/ 860612 w 1574218"/>
                <a:gd name="connsiteY6" fmla="*/ 2386319 h 2386436"/>
                <a:gd name="connsiteX7" fmla="*/ 38497 w 1574218"/>
                <a:gd name="connsiteY7" fmla="*/ 1704933 h 2386436"/>
                <a:gd name="connsiteX8" fmla="*/ 144651 w 1574218"/>
                <a:gd name="connsiteY8" fmla="*/ 1380194 h 2386436"/>
                <a:gd name="connsiteX0" fmla="*/ 144651 w 1574064"/>
                <a:gd name="connsiteY0" fmla="*/ 1380194 h 2479015"/>
                <a:gd name="connsiteX1" fmla="*/ 232086 w 1574064"/>
                <a:gd name="connsiteY1" fmla="*/ 40888 h 2479015"/>
                <a:gd name="connsiteX2" fmla="*/ 905920 w 1574064"/>
                <a:gd name="connsiteY2" fmla="*/ 382306 h 2479015"/>
                <a:gd name="connsiteX3" fmla="*/ 1303005 w 1574064"/>
                <a:gd name="connsiteY3" fmla="*/ 765819 h 2479015"/>
                <a:gd name="connsiteX4" fmla="*/ 1572455 w 1574064"/>
                <a:gd name="connsiteY4" fmla="*/ 1573783 h 2479015"/>
                <a:gd name="connsiteX5" fmla="*/ 1134130 w 1574064"/>
                <a:gd name="connsiteY5" fmla="*/ 1758479 h 2479015"/>
                <a:gd name="connsiteX6" fmla="*/ 1476001 w 1574064"/>
                <a:gd name="connsiteY6" fmla="*/ 2405149 h 2479015"/>
                <a:gd name="connsiteX7" fmla="*/ 860612 w 1574064"/>
                <a:gd name="connsiteY7" fmla="*/ 2386319 h 2479015"/>
                <a:gd name="connsiteX8" fmla="*/ 38497 w 1574064"/>
                <a:gd name="connsiteY8" fmla="*/ 1704933 h 2479015"/>
                <a:gd name="connsiteX9" fmla="*/ 144651 w 1574064"/>
                <a:gd name="connsiteY9" fmla="*/ 1380194 h 2479015"/>
                <a:gd name="connsiteX0" fmla="*/ 144651 w 1582906"/>
                <a:gd name="connsiteY0" fmla="*/ 1380194 h 2460985"/>
                <a:gd name="connsiteX1" fmla="*/ 232086 w 1582906"/>
                <a:gd name="connsiteY1" fmla="*/ 40888 h 2460985"/>
                <a:gd name="connsiteX2" fmla="*/ 905920 w 1582906"/>
                <a:gd name="connsiteY2" fmla="*/ 382306 h 2460985"/>
                <a:gd name="connsiteX3" fmla="*/ 1303005 w 1582906"/>
                <a:gd name="connsiteY3" fmla="*/ 765819 h 2460985"/>
                <a:gd name="connsiteX4" fmla="*/ 1572455 w 1582906"/>
                <a:gd name="connsiteY4" fmla="*/ 1573783 h 2460985"/>
                <a:gd name="connsiteX5" fmla="*/ 1134130 w 1582906"/>
                <a:gd name="connsiteY5" fmla="*/ 1758479 h 2460985"/>
                <a:gd name="connsiteX6" fmla="*/ 1562498 w 1582906"/>
                <a:gd name="connsiteY6" fmla="*/ 1857333 h 2460985"/>
                <a:gd name="connsiteX7" fmla="*/ 1476001 w 1582906"/>
                <a:gd name="connsiteY7" fmla="*/ 2405149 h 2460985"/>
                <a:gd name="connsiteX8" fmla="*/ 860612 w 1582906"/>
                <a:gd name="connsiteY8" fmla="*/ 2386319 h 2460985"/>
                <a:gd name="connsiteX9" fmla="*/ 38497 w 1582906"/>
                <a:gd name="connsiteY9" fmla="*/ 1704933 h 2460985"/>
                <a:gd name="connsiteX10" fmla="*/ 144651 w 1582906"/>
                <a:gd name="connsiteY10" fmla="*/ 1380194 h 2460985"/>
                <a:gd name="connsiteX0" fmla="*/ 144651 w 1582906"/>
                <a:gd name="connsiteY0" fmla="*/ 1380194 h 2460985"/>
                <a:gd name="connsiteX1" fmla="*/ 232086 w 1582906"/>
                <a:gd name="connsiteY1" fmla="*/ 40888 h 2460985"/>
                <a:gd name="connsiteX2" fmla="*/ 905920 w 1582906"/>
                <a:gd name="connsiteY2" fmla="*/ 382306 h 2460985"/>
                <a:gd name="connsiteX3" fmla="*/ 1303005 w 1582906"/>
                <a:gd name="connsiteY3" fmla="*/ 765819 h 2460985"/>
                <a:gd name="connsiteX4" fmla="*/ 1572455 w 1582906"/>
                <a:gd name="connsiteY4" fmla="*/ 1573783 h 2460985"/>
                <a:gd name="connsiteX5" fmla="*/ 689287 w 1582906"/>
                <a:gd name="connsiteY5" fmla="*/ 1540176 h 2460985"/>
                <a:gd name="connsiteX6" fmla="*/ 1562498 w 1582906"/>
                <a:gd name="connsiteY6" fmla="*/ 1857333 h 2460985"/>
                <a:gd name="connsiteX7" fmla="*/ 1476001 w 1582906"/>
                <a:gd name="connsiteY7" fmla="*/ 2405149 h 2460985"/>
                <a:gd name="connsiteX8" fmla="*/ 860612 w 1582906"/>
                <a:gd name="connsiteY8" fmla="*/ 2386319 h 2460985"/>
                <a:gd name="connsiteX9" fmla="*/ 38497 w 1582906"/>
                <a:gd name="connsiteY9" fmla="*/ 1704933 h 2460985"/>
                <a:gd name="connsiteX10" fmla="*/ 144651 w 1582906"/>
                <a:gd name="connsiteY10" fmla="*/ 1380194 h 2460985"/>
                <a:gd name="connsiteX0" fmla="*/ 144651 w 1587282"/>
                <a:gd name="connsiteY0" fmla="*/ 1380194 h 2460985"/>
                <a:gd name="connsiteX1" fmla="*/ 232086 w 1587282"/>
                <a:gd name="connsiteY1" fmla="*/ 40888 h 2460985"/>
                <a:gd name="connsiteX2" fmla="*/ 905920 w 1587282"/>
                <a:gd name="connsiteY2" fmla="*/ 382306 h 2460985"/>
                <a:gd name="connsiteX3" fmla="*/ 1303005 w 1587282"/>
                <a:gd name="connsiteY3" fmla="*/ 765819 h 2460985"/>
                <a:gd name="connsiteX4" fmla="*/ 1572455 w 1587282"/>
                <a:gd name="connsiteY4" fmla="*/ 1573783 h 2460985"/>
                <a:gd name="connsiteX5" fmla="*/ 689287 w 1587282"/>
                <a:gd name="connsiteY5" fmla="*/ 1540176 h 2460985"/>
                <a:gd name="connsiteX6" fmla="*/ 952898 w 1587282"/>
                <a:gd name="connsiteY6" fmla="*/ 2314533 h 2460985"/>
                <a:gd name="connsiteX7" fmla="*/ 1562498 w 1587282"/>
                <a:gd name="connsiteY7" fmla="*/ 1857333 h 2460985"/>
                <a:gd name="connsiteX8" fmla="*/ 1476001 w 1587282"/>
                <a:gd name="connsiteY8" fmla="*/ 2405149 h 2460985"/>
                <a:gd name="connsiteX9" fmla="*/ 860612 w 1587282"/>
                <a:gd name="connsiteY9" fmla="*/ 2386319 h 2460985"/>
                <a:gd name="connsiteX10" fmla="*/ 38497 w 1587282"/>
                <a:gd name="connsiteY10" fmla="*/ 1704933 h 2460985"/>
                <a:gd name="connsiteX11" fmla="*/ 144651 w 1587282"/>
                <a:gd name="connsiteY11" fmla="*/ 1380194 h 2460985"/>
                <a:gd name="connsiteX0" fmla="*/ 144651 w 1573224"/>
                <a:gd name="connsiteY0" fmla="*/ 1380194 h 2460985"/>
                <a:gd name="connsiteX1" fmla="*/ 232086 w 1573224"/>
                <a:gd name="connsiteY1" fmla="*/ 40888 h 2460985"/>
                <a:gd name="connsiteX2" fmla="*/ 905920 w 1573224"/>
                <a:gd name="connsiteY2" fmla="*/ 382306 h 2460985"/>
                <a:gd name="connsiteX3" fmla="*/ 1303005 w 1573224"/>
                <a:gd name="connsiteY3" fmla="*/ 765819 h 2460985"/>
                <a:gd name="connsiteX4" fmla="*/ 1572455 w 1573224"/>
                <a:gd name="connsiteY4" fmla="*/ 1573783 h 2460985"/>
                <a:gd name="connsiteX5" fmla="*/ 689287 w 1573224"/>
                <a:gd name="connsiteY5" fmla="*/ 1540176 h 2460985"/>
                <a:gd name="connsiteX6" fmla="*/ 952898 w 1573224"/>
                <a:gd name="connsiteY6" fmla="*/ 2314533 h 2460985"/>
                <a:gd name="connsiteX7" fmla="*/ 1162963 w 1573224"/>
                <a:gd name="connsiteY7" fmla="*/ 1820263 h 2460985"/>
                <a:gd name="connsiteX8" fmla="*/ 1562498 w 1573224"/>
                <a:gd name="connsiteY8" fmla="*/ 1857333 h 2460985"/>
                <a:gd name="connsiteX9" fmla="*/ 1476001 w 1573224"/>
                <a:gd name="connsiteY9" fmla="*/ 2405149 h 2460985"/>
                <a:gd name="connsiteX10" fmla="*/ 860612 w 1573224"/>
                <a:gd name="connsiteY10" fmla="*/ 2386319 h 2460985"/>
                <a:gd name="connsiteX11" fmla="*/ 38497 w 1573224"/>
                <a:gd name="connsiteY11" fmla="*/ 1704933 h 2460985"/>
                <a:gd name="connsiteX12" fmla="*/ 144651 w 1573224"/>
                <a:gd name="connsiteY12" fmla="*/ 1380194 h 2460985"/>
                <a:gd name="connsiteX0" fmla="*/ 144651 w 1573224"/>
                <a:gd name="connsiteY0" fmla="*/ 1380194 h 2460985"/>
                <a:gd name="connsiteX1" fmla="*/ 232086 w 1573224"/>
                <a:gd name="connsiteY1" fmla="*/ 40888 h 2460985"/>
                <a:gd name="connsiteX2" fmla="*/ 905920 w 1573224"/>
                <a:gd name="connsiteY2" fmla="*/ 382306 h 2460985"/>
                <a:gd name="connsiteX3" fmla="*/ 1303005 w 1573224"/>
                <a:gd name="connsiteY3" fmla="*/ 765819 h 2460985"/>
                <a:gd name="connsiteX4" fmla="*/ 1572455 w 1573224"/>
                <a:gd name="connsiteY4" fmla="*/ 1573783 h 2460985"/>
                <a:gd name="connsiteX5" fmla="*/ 689287 w 1573224"/>
                <a:gd name="connsiteY5" fmla="*/ 1540176 h 2460985"/>
                <a:gd name="connsiteX6" fmla="*/ 1092941 w 1573224"/>
                <a:gd name="connsiteY6" fmla="*/ 2046803 h 2460985"/>
                <a:gd name="connsiteX7" fmla="*/ 1162963 w 1573224"/>
                <a:gd name="connsiteY7" fmla="*/ 1820263 h 2460985"/>
                <a:gd name="connsiteX8" fmla="*/ 1562498 w 1573224"/>
                <a:gd name="connsiteY8" fmla="*/ 1857333 h 2460985"/>
                <a:gd name="connsiteX9" fmla="*/ 1476001 w 1573224"/>
                <a:gd name="connsiteY9" fmla="*/ 2405149 h 2460985"/>
                <a:gd name="connsiteX10" fmla="*/ 860612 w 1573224"/>
                <a:gd name="connsiteY10" fmla="*/ 2386319 h 2460985"/>
                <a:gd name="connsiteX11" fmla="*/ 38497 w 1573224"/>
                <a:gd name="connsiteY11" fmla="*/ 1704933 h 2460985"/>
                <a:gd name="connsiteX12" fmla="*/ 144651 w 1573224"/>
                <a:gd name="connsiteY12" fmla="*/ 1380194 h 2460985"/>
                <a:gd name="connsiteX0" fmla="*/ 144651 w 1573807"/>
                <a:gd name="connsiteY0" fmla="*/ 1380194 h 2460985"/>
                <a:gd name="connsiteX1" fmla="*/ 232086 w 1573807"/>
                <a:gd name="connsiteY1" fmla="*/ 40888 h 2460985"/>
                <a:gd name="connsiteX2" fmla="*/ 905920 w 1573807"/>
                <a:gd name="connsiteY2" fmla="*/ 382306 h 2460985"/>
                <a:gd name="connsiteX3" fmla="*/ 1303005 w 1573807"/>
                <a:gd name="connsiteY3" fmla="*/ 765819 h 2460985"/>
                <a:gd name="connsiteX4" fmla="*/ 1572455 w 1573807"/>
                <a:gd name="connsiteY4" fmla="*/ 1573783 h 2460985"/>
                <a:gd name="connsiteX5" fmla="*/ 1055871 w 1573807"/>
                <a:gd name="connsiteY5" fmla="*/ 1754360 h 2460985"/>
                <a:gd name="connsiteX6" fmla="*/ 1092941 w 1573807"/>
                <a:gd name="connsiteY6" fmla="*/ 2046803 h 2460985"/>
                <a:gd name="connsiteX7" fmla="*/ 1162963 w 1573807"/>
                <a:gd name="connsiteY7" fmla="*/ 1820263 h 2460985"/>
                <a:gd name="connsiteX8" fmla="*/ 1562498 w 1573807"/>
                <a:gd name="connsiteY8" fmla="*/ 1857333 h 2460985"/>
                <a:gd name="connsiteX9" fmla="*/ 1476001 w 1573807"/>
                <a:gd name="connsiteY9" fmla="*/ 2405149 h 2460985"/>
                <a:gd name="connsiteX10" fmla="*/ 860612 w 1573807"/>
                <a:gd name="connsiteY10" fmla="*/ 2386319 h 2460985"/>
                <a:gd name="connsiteX11" fmla="*/ 38497 w 1573807"/>
                <a:gd name="connsiteY11" fmla="*/ 1704933 h 2460985"/>
                <a:gd name="connsiteX12" fmla="*/ 144651 w 1573807"/>
                <a:gd name="connsiteY12" fmla="*/ 1380194 h 2460985"/>
                <a:gd name="connsiteX0" fmla="*/ 144651 w 1593359"/>
                <a:gd name="connsiteY0" fmla="*/ 1380194 h 2460985"/>
                <a:gd name="connsiteX1" fmla="*/ 232086 w 1593359"/>
                <a:gd name="connsiteY1" fmla="*/ 40888 h 2460985"/>
                <a:gd name="connsiteX2" fmla="*/ 905920 w 1593359"/>
                <a:gd name="connsiteY2" fmla="*/ 382306 h 2460985"/>
                <a:gd name="connsiteX3" fmla="*/ 1303005 w 1593359"/>
                <a:gd name="connsiteY3" fmla="*/ 765819 h 2460985"/>
                <a:gd name="connsiteX4" fmla="*/ 1572455 w 1593359"/>
                <a:gd name="connsiteY4" fmla="*/ 1573783 h 2460985"/>
                <a:gd name="connsiteX5" fmla="*/ 1517190 w 1593359"/>
                <a:gd name="connsiteY5" fmla="*/ 1655506 h 2460985"/>
                <a:gd name="connsiteX6" fmla="*/ 1055871 w 1593359"/>
                <a:gd name="connsiteY6" fmla="*/ 1754360 h 2460985"/>
                <a:gd name="connsiteX7" fmla="*/ 1092941 w 1593359"/>
                <a:gd name="connsiteY7" fmla="*/ 2046803 h 2460985"/>
                <a:gd name="connsiteX8" fmla="*/ 1162963 w 1593359"/>
                <a:gd name="connsiteY8" fmla="*/ 1820263 h 2460985"/>
                <a:gd name="connsiteX9" fmla="*/ 1562498 w 1593359"/>
                <a:gd name="connsiteY9" fmla="*/ 1857333 h 2460985"/>
                <a:gd name="connsiteX10" fmla="*/ 1476001 w 1593359"/>
                <a:gd name="connsiteY10" fmla="*/ 2405149 h 2460985"/>
                <a:gd name="connsiteX11" fmla="*/ 860612 w 1593359"/>
                <a:gd name="connsiteY11" fmla="*/ 2386319 h 2460985"/>
                <a:gd name="connsiteX12" fmla="*/ 38497 w 1593359"/>
                <a:gd name="connsiteY12" fmla="*/ 1704933 h 2460985"/>
                <a:gd name="connsiteX13" fmla="*/ 144651 w 1593359"/>
                <a:gd name="connsiteY13" fmla="*/ 1380194 h 2460985"/>
                <a:gd name="connsiteX0" fmla="*/ 144651 w 1580468"/>
                <a:gd name="connsiteY0" fmla="*/ 1380194 h 2460985"/>
                <a:gd name="connsiteX1" fmla="*/ 232086 w 1580468"/>
                <a:gd name="connsiteY1" fmla="*/ 40888 h 2460985"/>
                <a:gd name="connsiteX2" fmla="*/ 905920 w 1580468"/>
                <a:gd name="connsiteY2" fmla="*/ 382306 h 2460985"/>
                <a:gd name="connsiteX3" fmla="*/ 1303005 w 1580468"/>
                <a:gd name="connsiteY3" fmla="*/ 765819 h 2460985"/>
                <a:gd name="connsiteX4" fmla="*/ 1488357 w 1580468"/>
                <a:gd name="connsiteY4" fmla="*/ 1255971 h 2460985"/>
                <a:gd name="connsiteX5" fmla="*/ 1572455 w 1580468"/>
                <a:gd name="connsiteY5" fmla="*/ 1573783 h 2460985"/>
                <a:gd name="connsiteX6" fmla="*/ 1517190 w 1580468"/>
                <a:gd name="connsiteY6" fmla="*/ 1655506 h 2460985"/>
                <a:gd name="connsiteX7" fmla="*/ 1055871 w 1580468"/>
                <a:gd name="connsiteY7" fmla="*/ 1754360 h 2460985"/>
                <a:gd name="connsiteX8" fmla="*/ 1092941 w 1580468"/>
                <a:gd name="connsiteY8" fmla="*/ 2046803 h 2460985"/>
                <a:gd name="connsiteX9" fmla="*/ 1162963 w 1580468"/>
                <a:gd name="connsiteY9" fmla="*/ 1820263 h 2460985"/>
                <a:gd name="connsiteX10" fmla="*/ 1562498 w 1580468"/>
                <a:gd name="connsiteY10" fmla="*/ 1857333 h 2460985"/>
                <a:gd name="connsiteX11" fmla="*/ 1476001 w 1580468"/>
                <a:gd name="connsiteY11" fmla="*/ 2405149 h 2460985"/>
                <a:gd name="connsiteX12" fmla="*/ 860612 w 1580468"/>
                <a:gd name="connsiteY12" fmla="*/ 2386319 h 2460985"/>
                <a:gd name="connsiteX13" fmla="*/ 38497 w 1580468"/>
                <a:gd name="connsiteY13" fmla="*/ 1704933 h 2460985"/>
                <a:gd name="connsiteX14" fmla="*/ 144651 w 1580468"/>
                <a:gd name="connsiteY14" fmla="*/ 1380194 h 2460985"/>
                <a:gd name="connsiteX0" fmla="*/ 144651 w 1576372"/>
                <a:gd name="connsiteY0" fmla="*/ 1380194 h 2460985"/>
                <a:gd name="connsiteX1" fmla="*/ 232086 w 1576372"/>
                <a:gd name="connsiteY1" fmla="*/ 40888 h 2460985"/>
                <a:gd name="connsiteX2" fmla="*/ 905920 w 1576372"/>
                <a:gd name="connsiteY2" fmla="*/ 382306 h 2460985"/>
                <a:gd name="connsiteX3" fmla="*/ 1303005 w 1576372"/>
                <a:gd name="connsiteY3" fmla="*/ 765819 h 2460985"/>
                <a:gd name="connsiteX4" fmla="*/ 1488357 w 1576372"/>
                <a:gd name="connsiteY4" fmla="*/ 1255971 h 2460985"/>
                <a:gd name="connsiteX5" fmla="*/ 1566617 w 1576372"/>
                <a:gd name="connsiteY5" fmla="*/ 1428965 h 2460985"/>
                <a:gd name="connsiteX6" fmla="*/ 1572455 w 1576372"/>
                <a:gd name="connsiteY6" fmla="*/ 1573783 h 2460985"/>
                <a:gd name="connsiteX7" fmla="*/ 1517190 w 1576372"/>
                <a:gd name="connsiteY7" fmla="*/ 1655506 h 2460985"/>
                <a:gd name="connsiteX8" fmla="*/ 1055871 w 1576372"/>
                <a:gd name="connsiteY8" fmla="*/ 1754360 h 2460985"/>
                <a:gd name="connsiteX9" fmla="*/ 1092941 w 1576372"/>
                <a:gd name="connsiteY9" fmla="*/ 2046803 h 2460985"/>
                <a:gd name="connsiteX10" fmla="*/ 1162963 w 1576372"/>
                <a:gd name="connsiteY10" fmla="*/ 1820263 h 2460985"/>
                <a:gd name="connsiteX11" fmla="*/ 1562498 w 1576372"/>
                <a:gd name="connsiteY11" fmla="*/ 1857333 h 2460985"/>
                <a:gd name="connsiteX12" fmla="*/ 1476001 w 1576372"/>
                <a:gd name="connsiteY12" fmla="*/ 2405149 h 2460985"/>
                <a:gd name="connsiteX13" fmla="*/ 860612 w 1576372"/>
                <a:gd name="connsiteY13" fmla="*/ 2386319 h 2460985"/>
                <a:gd name="connsiteX14" fmla="*/ 38497 w 1576372"/>
                <a:gd name="connsiteY14" fmla="*/ 1704933 h 2460985"/>
                <a:gd name="connsiteX15" fmla="*/ 144651 w 1576372"/>
                <a:gd name="connsiteY15" fmla="*/ 1380194 h 2460985"/>
                <a:gd name="connsiteX0" fmla="*/ 144651 w 1576372"/>
                <a:gd name="connsiteY0" fmla="*/ 1380194 h 2460985"/>
                <a:gd name="connsiteX1" fmla="*/ 232086 w 1576372"/>
                <a:gd name="connsiteY1" fmla="*/ 40888 h 2460985"/>
                <a:gd name="connsiteX2" fmla="*/ 905920 w 1576372"/>
                <a:gd name="connsiteY2" fmla="*/ 382306 h 2460985"/>
                <a:gd name="connsiteX3" fmla="*/ 1303005 w 1576372"/>
                <a:gd name="connsiteY3" fmla="*/ 765819 h 2460985"/>
                <a:gd name="connsiteX4" fmla="*/ 1476001 w 1576372"/>
                <a:gd name="connsiteY4" fmla="*/ 1107690 h 2460985"/>
                <a:gd name="connsiteX5" fmla="*/ 1488357 w 1576372"/>
                <a:gd name="connsiteY5" fmla="*/ 1255971 h 2460985"/>
                <a:gd name="connsiteX6" fmla="*/ 1566617 w 1576372"/>
                <a:gd name="connsiteY6" fmla="*/ 1428965 h 2460985"/>
                <a:gd name="connsiteX7" fmla="*/ 1572455 w 1576372"/>
                <a:gd name="connsiteY7" fmla="*/ 1573783 h 2460985"/>
                <a:gd name="connsiteX8" fmla="*/ 1517190 w 1576372"/>
                <a:gd name="connsiteY8" fmla="*/ 1655506 h 2460985"/>
                <a:gd name="connsiteX9" fmla="*/ 1055871 w 1576372"/>
                <a:gd name="connsiteY9" fmla="*/ 1754360 h 2460985"/>
                <a:gd name="connsiteX10" fmla="*/ 1092941 w 1576372"/>
                <a:gd name="connsiteY10" fmla="*/ 2046803 h 2460985"/>
                <a:gd name="connsiteX11" fmla="*/ 1162963 w 1576372"/>
                <a:gd name="connsiteY11" fmla="*/ 1820263 h 2460985"/>
                <a:gd name="connsiteX12" fmla="*/ 1562498 w 1576372"/>
                <a:gd name="connsiteY12" fmla="*/ 1857333 h 2460985"/>
                <a:gd name="connsiteX13" fmla="*/ 1476001 w 1576372"/>
                <a:gd name="connsiteY13" fmla="*/ 2405149 h 2460985"/>
                <a:gd name="connsiteX14" fmla="*/ 860612 w 1576372"/>
                <a:gd name="connsiteY14" fmla="*/ 2386319 h 2460985"/>
                <a:gd name="connsiteX15" fmla="*/ 38497 w 1576372"/>
                <a:gd name="connsiteY15" fmla="*/ 1704933 h 2460985"/>
                <a:gd name="connsiteX16" fmla="*/ 144651 w 1576372"/>
                <a:gd name="connsiteY16" fmla="*/ 1380194 h 2460985"/>
                <a:gd name="connsiteX0" fmla="*/ 144651 w 1576372"/>
                <a:gd name="connsiteY0" fmla="*/ 1380194 h 2460985"/>
                <a:gd name="connsiteX1" fmla="*/ 232086 w 1576372"/>
                <a:gd name="connsiteY1" fmla="*/ 40888 h 2460985"/>
                <a:gd name="connsiteX2" fmla="*/ 905920 w 1576372"/>
                <a:gd name="connsiteY2" fmla="*/ 382306 h 2460985"/>
                <a:gd name="connsiteX3" fmla="*/ 1303005 w 1576372"/>
                <a:gd name="connsiteY3" fmla="*/ 765819 h 2460985"/>
                <a:gd name="connsiteX4" fmla="*/ 1364790 w 1576372"/>
                <a:gd name="connsiteY4" fmla="*/ 926457 h 2460985"/>
                <a:gd name="connsiteX5" fmla="*/ 1476001 w 1576372"/>
                <a:gd name="connsiteY5" fmla="*/ 1107690 h 2460985"/>
                <a:gd name="connsiteX6" fmla="*/ 1488357 w 1576372"/>
                <a:gd name="connsiteY6" fmla="*/ 1255971 h 2460985"/>
                <a:gd name="connsiteX7" fmla="*/ 1566617 w 1576372"/>
                <a:gd name="connsiteY7" fmla="*/ 1428965 h 2460985"/>
                <a:gd name="connsiteX8" fmla="*/ 1572455 w 1576372"/>
                <a:gd name="connsiteY8" fmla="*/ 1573783 h 2460985"/>
                <a:gd name="connsiteX9" fmla="*/ 1517190 w 1576372"/>
                <a:gd name="connsiteY9" fmla="*/ 1655506 h 2460985"/>
                <a:gd name="connsiteX10" fmla="*/ 1055871 w 1576372"/>
                <a:gd name="connsiteY10" fmla="*/ 1754360 h 2460985"/>
                <a:gd name="connsiteX11" fmla="*/ 1092941 w 1576372"/>
                <a:gd name="connsiteY11" fmla="*/ 2046803 h 2460985"/>
                <a:gd name="connsiteX12" fmla="*/ 1162963 w 1576372"/>
                <a:gd name="connsiteY12" fmla="*/ 1820263 h 2460985"/>
                <a:gd name="connsiteX13" fmla="*/ 1562498 w 1576372"/>
                <a:gd name="connsiteY13" fmla="*/ 1857333 h 2460985"/>
                <a:gd name="connsiteX14" fmla="*/ 1476001 w 1576372"/>
                <a:gd name="connsiteY14" fmla="*/ 2405149 h 2460985"/>
                <a:gd name="connsiteX15" fmla="*/ 860612 w 1576372"/>
                <a:gd name="connsiteY15" fmla="*/ 2386319 h 2460985"/>
                <a:gd name="connsiteX16" fmla="*/ 38497 w 1576372"/>
                <a:gd name="connsiteY16" fmla="*/ 1704933 h 2460985"/>
                <a:gd name="connsiteX17" fmla="*/ 144651 w 1576372"/>
                <a:gd name="connsiteY17" fmla="*/ 1380194 h 2460985"/>
                <a:gd name="connsiteX0" fmla="*/ 144651 w 1576372"/>
                <a:gd name="connsiteY0" fmla="*/ 1380194 h 2460985"/>
                <a:gd name="connsiteX1" fmla="*/ 232086 w 1576372"/>
                <a:gd name="connsiteY1" fmla="*/ 40888 h 2460985"/>
                <a:gd name="connsiteX2" fmla="*/ 905920 w 1576372"/>
                <a:gd name="connsiteY2" fmla="*/ 382306 h 2460985"/>
                <a:gd name="connsiteX3" fmla="*/ 1303005 w 1576372"/>
                <a:gd name="connsiteY3" fmla="*/ 765819 h 2460985"/>
                <a:gd name="connsiteX4" fmla="*/ 1381265 w 1576372"/>
                <a:gd name="connsiteY4" fmla="*/ 930576 h 2460985"/>
                <a:gd name="connsiteX5" fmla="*/ 1476001 w 1576372"/>
                <a:gd name="connsiteY5" fmla="*/ 1107690 h 2460985"/>
                <a:gd name="connsiteX6" fmla="*/ 1488357 w 1576372"/>
                <a:gd name="connsiteY6" fmla="*/ 1255971 h 2460985"/>
                <a:gd name="connsiteX7" fmla="*/ 1566617 w 1576372"/>
                <a:gd name="connsiteY7" fmla="*/ 1428965 h 2460985"/>
                <a:gd name="connsiteX8" fmla="*/ 1572455 w 1576372"/>
                <a:gd name="connsiteY8" fmla="*/ 1573783 h 2460985"/>
                <a:gd name="connsiteX9" fmla="*/ 1517190 w 1576372"/>
                <a:gd name="connsiteY9" fmla="*/ 1655506 h 2460985"/>
                <a:gd name="connsiteX10" fmla="*/ 1055871 w 1576372"/>
                <a:gd name="connsiteY10" fmla="*/ 1754360 h 2460985"/>
                <a:gd name="connsiteX11" fmla="*/ 1092941 w 1576372"/>
                <a:gd name="connsiteY11" fmla="*/ 2046803 h 2460985"/>
                <a:gd name="connsiteX12" fmla="*/ 1162963 w 1576372"/>
                <a:gd name="connsiteY12" fmla="*/ 1820263 h 2460985"/>
                <a:gd name="connsiteX13" fmla="*/ 1562498 w 1576372"/>
                <a:gd name="connsiteY13" fmla="*/ 1857333 h 2460985"/>
                <a:gd name="connsiteX14" fmla="*/ 1476001 w 1576372"/>
                <a:gd name="connsiteY14" fmla="*/ 2405149 h 2460985"/>
                <a:gd name="connsiteX15" fmla="*/ 860612 w 1576372"/>
                <a:gd name="connsiteY15" fmla="*/ 2386319 h 2460985"/>
                <a:gd name="connsiteX16" fmla="*/ 38497 w 1576372"/>
                <a:gd name="connsiteY16" fmla="*/ 1704933 h 2460985"/>
                <a:gd name="connsiteX17" fmla="*/ 144651 w 1576372"/>
                <a:gd name="connsiteY17" fmla="*/ 1380194 h 2460985"/>
                <a:gd name="connsiteX0" fmla="*/ 144651 w 1576372"/>
                <a:gd name="connsiteY0" fmla="*/ 1378916 h 2459707"/>
                <a:gd name="connsiteX1" fmla="*/ 232086 w 1576372"/>
                <a:gd name="connsiteY1" fmla="*/ 39610 h 2459707"/>
                <a:gd name="connsiteX2" fmla="*/ 905920 w 1576372"/>
                <a:gd name="connsiteY2" fmla="*/ 381028 h 2459707"/>
                <a:gd name="connsiteX3" fmla="*/ 1195914 w 1576372"/>
                <a:gd name="connsiteY3" fmla="*/ 657449 h 2459707"/>
                <a:gd name="connsiteX4" fmla="*/ 1303005 w 1576372"/>
                <a:gd name="connsiteY4" fmla="*/ 764541 h 2459707"/>
                <a:gd name="connsiteX5" fmla="*/ 1381265 w 1576372"/>
                <a:gd name="connsiteY5" fmla="*/ 929298 h 2459707"/>
                <a:gd name="connsiteX6" fmla="*/ 1476001 w 1576372"/>
                <a:gd name="connsiteY6" fmla="*/ 1106412 h 2459707"/>
                <a:gd name="connsiteX7" fmla="*/ 1488357 w 1576372"/>
                <a:gd name="connsiteY7" fmla="*/ 1254693 h 2459707"/>
                <a:gd name="connsiteX8" fmla="*/ 1566617 w 1576372"/>
                <a:gd name="connsiteY8" fmla="*/ 1427687 h 2459707"/>
                <a:gd name="connsiteX9" fmla="*/ 1572455 w 1576372"/>
                <a:gd name="connsiteY9" fmla="*/ 1572505 h 2459707"/>
                <a:gd name="connsiteX10" fmla="*/ 1517190 w 1576372"/>
                <a:gd name="connsiteY10" fmla="*/ 1654228 h 2459707"/>
                <a:gd name="connsiteX11" fmla="*/ 1055871 w 1576372"/>
                <a:gd name="connsiteY11" fmla="*/ 1753082 h 2459707"/>
                <a:gd name="connsiteX12" fmla="*/ 1092941 w 1576372"/>
                <a:gd name="connsiteY12" fmla="*/ 2045525 h 2459707"/>
                <a:gd name="connsiteX13" fmla="*/ 1162963 w 1576372"/>
                <a:gd name="connsiteY13" fmla="*/ 1818985 h 2459707"/>
                <a:gd name="connsiteX14" fmla="*/ 1562498 w 1576372"/>
                <a:gd name="connsiteY14" fmla="*/ 1856055 h 2459707"/>
                <a:gd name="connsiteX15" fmla="*/ 1476001 w 1576372"/>
                <a:gd name="connsiteY15" fmla="*/ 2403871 h 2459707"/>
                <a:gd name="connsiteX16" fmla="*/ 860612 w 1576372"/>
                <a:gd name="connsiteY16" fmla="*/ 2385041 h 2459707"/>
                <a:gd name="connsiteX17" fmla="*/ 38497 w 1576372"/>
                <a:gd name="connsiteY17" fmla="*/ 1703655 h 2459707"/>
                <a:gd name="connsiteX18" fmla="*/ 144651 w 1576372"/>
                <a:gd name="connsiteY18" fmla="*/ 1378916 h 2459707"/>
                <a:gd name="connsiteX0" fmla="*/ 144651 w 1576372"/>
                <a:gd name="connsiteY0" fmla="*/ 1377617 h 2458408"/>
                <a:gd name="connsiteX1" fmla="*/ 232086 w 1576372"/>
                <a:gd name="connsiteY1" fmla="*/ 38311 h 2458408"/>
                <a:gd name="connsiteX2" fmla="*/ 905920 w 1576372"/>
                <a:gd name="connsiteY2" fmla="*/ 379729 h 2458408"/>
                <a:gd name="connsiteX3" fmla="*/ 1158844 w 1576372"/>
                <a:gd name="connsiteY3" fmla="*/ 540821 h 2458408"/>
                <a:gd name="connsiteX4" fmla="*/ 1195914 w 1576372"/>
                <a:gd name="connsiteY4" fmla="*/ 656150 h 2458408"/>
                <a:gd name="connsiteX5" fmla="*/ 1303005 w 1576372"/>
                <a:gd name="connsiteY5" fmla="*/ 763242 h 2458408"/>
                <a:gd name="connsiteX6" fmla="*/ 1381265 w 1576372"/>
                <a:gd name="connsiteY6" fmla="*/ 927999 h 2458408"/>
                <a:gd name="connsiteX7" fmla="*/ 1476001 w 1576372"/>
                <a:gd name="connsiteY7" fmla="*/ 1105113 h 2458408"/>
                <a:gd name="connsiteX8" fmla="*/ 1488357 w 1576372"/>
                <a:gd name="connsiteY8" fmla="*/ 1253394 h 2458408"/>
                <a:gd name="connsiteX9" fmla="*/ 1566617 w 1576372"/>
                <a:gd name="connsiteY9" fmla="*/ 1426388 h 2458408"/>
                <a:gd name="connsiteX10" fmla="*/ 1572455 w 1576372"/>
                <a:gd name="connsiteY10" fmla="*/ 1571206 h 2458408"/>
                <a:gd name="connsiteX11" fmla="*/ 1517190 w 1576372"/>
                <a:gd name="connsiteY11" fmla="*/ 1652929 h 2458408"/>
                <a:gd name="connsiteX12" fmla="*/ 1055871 w 1576372"/>
                <a:gd name="connsiteY12" fmla="*/ 1751783 h 2458408"/>
                <a:gd name="connsiteX13" fmla="*/ 1092941 w 1576372"/>
                <a:gd name="connsiteY13" fmla="*/ 2044226 h 2458408"/>
                <a:gd name="connsiteX14" fmla="*/ 1162963 w 1576372"/>
                <a:gd name="connsiteY14" fmla="*/ 1817686 h 2458408"/>
                <a:gd name="connsiteX15" fmla="*/ 1562498 w 1576372"/>
                <a:gd name="connsiteY15" fmla="*/ 1854756 h 2458408"/>
                <a:gd name="connsiteX16" fmla="*/ 1476001 w 1576372"/>
                <a:gd name="connsiteY16" fmla="*/ 2402572 h 2458408"/>
                <a:gd name="connsiteX17" fmla="*/ 860612 w 1576372"/>
                <a:gd name="connsiteY17" fmla="*/ 2383742 h 2458408"/>
                <a:gd name="connsiteX18" fmla="*/ 38497 w 1576372"/>
                <a:gd name="connsiteY18" fmla="*/ 1702356 h 2458408"/>
                <a:gd name="connsiteX19" fmla="*/ 144651 w 1576372"/>
                <a:gd name="connsiteY19" fmla="*/ 1377617 h 2458408"/>
                <a:gd name="connsiteX0" fmla="*/ 144651 w 1576372"/>
                <a:gd name="connsiteY0" fmla="*/ 1412001 h 2492792"/>
                <a:gd name="connsiteX1" fmla="*/ 232086 w 1576372"/>
                <a:gd name="connsiteY1" fmla="*/ 72695 h 2492792"/>
                <a:gd name="connsiteX2" fmla="*/ 627503 w 1576372"/>
                <a:gd name="connsiteY2" fmla="*/ 204501 h 2492792"/>
                <a:gd name="connsiteX3" fmla="*/ 905920 w 1576372"/>
                <a:gd name="connsiteY3" fmla="*/ 414113 h 2492792"/>
                <a:gd name="connsiteX4" fmla="*/ 1158844 w 1576372"/>
                <a:gd name="connsiteY4" fmla="*/ 575205 h 2492792"/>
                <a:gd name="connsiteX5" fmla="*/ 1195914 w 1576372"/>
                <a:gd name="connsiteY5" fmla="*/ 690534 h 2492792"/>
                <a:gd name="connsiteX6" fmla="*/ 1303005 w 1576372"/>
                <a:gd name="connsiteY6" fmla="*/ 797626 h 2492792"/>
                <a:gd name="connsiteX7" fmla="*/ 1381265 w 1576372"/>
                <a:gd name="connsiteY7" fmla="*/ 962383 h 2492792"/>
                <a:gd name="connsiteX8" fmla="*/ 1476001 w 1576372"/>
                <a:gd name="connsiteY8" fmla="*/ 1139497 h 2492792"/>
                <a:gd name="connsiteX9" fmla="*/ 1488357 w 1576372"/>
                <a:gd name="connsiteY9" fmla="*/ 1287778 h 2492792"/>
                <a:gd name="connsiteX10" fmla="*/ 1566617 w 1576372"/>
                <a:gd name="connsiteY10" fmla="*/ 1460772 h 2492792"/>
                <a:gd name="connsiteX11" fmla="*/ 1572455 w 1576372"/>
                <a:gd name="connsiteY11" fmla="*/ 1605590 h 2492792"/>
                <a:gd name="connsiteX12" fmla="*/ 1517190 w 1576372"/>
                <a:gd name="connsiteY12" fmla="*/ 1687313 h 2492792"/>
                <a:gd name="connsiteX13" fmla="*/ 1055871 w 1576372"/>
                <a:gd name="connsiteY13" fmla="*/ 1786167 h 2492792"/>
                <a:gd name="connsiteX14" fmla="*/ 1092941 w 1576372"/>
                <a:gd name="connsiteY14" fmla="*/ 2078610 h 2492792"/>
                <a:gd name="connsiteX15" fmla="*/ 1162963 w 1576372"/>
                <a:gd name="connsiteY15" fmla="*/ 1852070 h 2492792"/>
                <a:gd name="connsiteX16" fmla="*/ 1562498 w 1576372"/>
                <a:gd name="connsiteY16" fmla="*/ 1889140 h 2492792"/>
                <a:gd name="connsiteX17" fmla="*/ 1476001 w 1576372"/>
                <a:gd name="connsiteY17" fmla="*/ 2436956 h 2492792"/>
                <a:gd name="connsiteX18" fmla="*/ 860612 w 1576372"/>
                <a:gd name="connsiteY18" fmla="*/ 2418126 h 2492792"/>
                <a:gd name="connsiteX19" fmla="*/ 38497 w 1576372"/>
                <a:gd name="connsiteY19" fmla="*/ 1736740 h 2492792"/>
                <a:gd name="connsiteX20" fmla="*/ 144651 w 1576372"/>
                <a:gd name="connsiteY20" fmla="*/ 1412001 h 2492792"/>
                <a:gd name="connsiteX0" fmla="*/ 144651 w 1576372"/>
                <a:gd name="connsiteY0" fmla="*/ 1436997 h 2517788"/>
                <a:gd name="connsiteX1" fmla="*/ 232086 w 1576372"/>
                <a:gd name="connsiteY1" fmla="*/ 97691 h 2517788"/>
                <a:gd name="connsiteX2" fmla="*/ 392725 w 1576372"/>
                <a:gd name="connsiteY2" fmla="*/ 147119 h 2517788"/>
                <a:gd name="connsiteX3" fmla="*/ 627503 w 1576372"/>
                <a:gd name="connsiteY3" fmla="*/ 229497 h 2517788"/>
                <a:gd name="connsiteX4" fmla="*/ 905920 w 1576372"/>
                <a:gd name="connsiteY4" fmla="*/ 439109 h 2517788"/>
                <a:gd name="connsiteX5" fmla="*/ 1158844 w 1576372"/>
                <a:gd name="connsiteY5" fmla="*/ 600201 h 2517788"/>
                <a:gd name="connsiteX6" fmla="*/ 1195914 w 1576372"/>
                <a:gd name="connsiteY6" fmla="*/ 715530 h 2517788"/>
                <a:gd name="connsiteX7" fmla="*/ 1303005 w 1576372"/>
                <a:gd name="connsiteY7" fmla="*/ 822622 h 2517788"/>
                <a:gd name="connsiteX8" fmla="*/ 1381265 w 1576372"/>
                <a:gd name="connsiteY8" fmla="*/ 987379 h 2517788"/>
                <a:gd name="connsiteX9" fmla="*/ 1476001 w 1576372"/>
                <a:gd name="connsiteY9" fmla="*/ 1164493 h 2517788"/>
                <a:gd name="connsiteX10" fmla="*/ 1488357 w 1576372"/>
                <a:gd name="connsiteY10" fmla="*/ 1312774 h 2517788"/>
                <a:gd name="connsiteX11" fmla="*/ 1566617 w 1576372"/>
                <a:gd name="connsiteY11" fmla="*/ 1485768 h 2517788"/>
                <a:gd name="connsiteX12" fmla="*/ 1572455 w 1576372"/>
                <a:gd name="connsiteY12" fmla="*/ 1630586 h 2517788"/>
                <a:gd name="connsiteX13" fmla="*/ 1517190 w 1576372"/>
                <a:gd name="connsiteY13" fmla="*/ 1712309 h 2517788"/>
                <a:gd name="connsiteX14" fmla="*/ 1055871 w 1576372"/>
                <a:gd name="connsiteY14" fmla="*/ 1811163 h 2517788"/>
                <a:gd name="connsiteX15" fmla="*/ 1092941 w 1576372"/>
                <a:gd name="connsiteY15" fmla="*/ 2103606 h 2517788"/>
                <a:gd name="connsiteX16" fmla="*/ 1162963 w 1576372"/>
                <a:gd name="connsiteY16" fmla="*/ 1877066 h 2517788"/>
                <a:gd name="connsiteX17" fmla="*/ 1562498 w 1576372"/>
                <a:gd name="connsiteY17" fmla="*/ 1914136 h 2517788"/>
                <a:gd name="connsiteX18" fmla="*/ 1476001 w 1576372"/>
                <a:gd name="connsiteY18" fmla="*/ 2461952 h 2517788"/>
                <a:gd name="connsiteX19" fmla="*/ 860612 w 1576372"/>
                <a:gd name="connsiteY19" fmla="*/ 2443122 h 2517788"/>
                <a:gd name="connsiteX20" fmla="*/ 38497 w 1576372"/>
                <a:gd name="connsiteY20" fmla="*/ 1761736 h 2517788"/>
                <a:gd name="connsiteX21" fmla="*/ 144651 w 1576372"/>
                <a:gd name="connsiteY21" fmla="*/ 1436997 h 2517788"/>
                <a:gd name="connsiteX0" fmla="*/ 144651 w 1576372"/>
                <a:gd name="connsiteY0" fmla="*/ 1436997 h 2517788"/>
                <a:gd name="connsiteX1" fmla="*/ 232086 w 1576372"/>
                <a:gd name="connsiteY1" fmla="*/ 97691 h 2517788"/>
                <a:gd name="connsiteX2" fmla="*/ 392725 w 1576372"/>
                <a:gd name="connsiteY2" fmla="*/ 147119 h 2517788"/>
                <a:gd name="connsiteX3" fmla="*/ 627503 w 1576372"/>
                <a:gd name="connsiteY3" fmla="*/ 229497 h 2517788"/>
                <a:gd name="connsiteX4" fmla="*/ 858163 w 1576372"/>
                <a:gd name="connsiteY4" fmla="*/ 386016 h 2517788"/>
                <a:gd name="connsiteX5" fmla="*/ 905920 w 1576372"/>
                <a:gd name="connsiteY5" fmla="*/ 439109 h 2517788"/>
                <a:gd name="connsiteX6" fmla="*/ 1158844 w 1576372"/>
                <a:gd name="connsiteY6" fmla="*/ 600201 h 2517788"/>
                <a:gd name="connsiteX7" fmla="*/ 1195914 w 1576372"/>
                <a:gd name="connsiteY7" fmla="*/ 715530 h 2517788"/>
                <a:gd name="connsiteX8" fmla="*/ 1303005 w 1576372"/>
                <a:gd name="connsiteY8" fmla="*/ 822622 h 2517788"/>
                <a:gd name="connsiteX9" fmla="*/ 1381265 w 1576372"/>
                <a:gd name="connsiteY9" fmla="*/ 987379 h 2517788"/>
                <a:gd name="connsiteX10" fmla="*/ 1476001 w 1576372"/>
                <a:gd name="connsiteY10" fmla="*/ 1164493 h 2517788"/>
                <a:gd name="connsiteX11" fmla="*/ 1488357 w 1576372"/>
                <a:gd name="connsiteY11" fmla="*/ 1312774 h 2517788"/>
                <a:gd name="connsiteX12" fmla="*/ 1566617 w 1576372"/>
                <a:gd name="connsiteY12" fmla="*/ 1485768 h 2517788"/>
                <a:gd name="connsiteX13" fmla="*/ 1572455 w 1576372"/>
                <a:gd name="connsiteY13" fmla="*/ 1630586 h 2517788"/>
                <a:gd name="connsiteX14" fmla="*/ 1517190 w 1576372"/>
                <a:gd name="connsiteY14" fmla="*/ 1712309 h 2517788"/>
                <a:gd name="connsiteX15" fmla="*/ 1055871 w 1576372"/>
                <a:gd name="connsiteY15" fmla="*/ 1811163 h 2517788"/>
                <a:gd name="connsiteX16" fmla="*/ 1092941 w 1576372"/>
                <a:gd name="connsiteY16" fmla="*/ 2103606 h 2517788"/>
                <a:gd name="connsiteX17" fmla="*/ 1162963 w 1576372"/>
                <a:gd name="connsiteY17" fmla="*/ 1877066 h 2517788"/>
                <a:gd name="connsiteX18" fmla="*/ 1562498 w 1576372"/>
                <a:gd name="connsiteY18" fmla="*/ 1914136 h 2517788"/>
                <a:gd name="connsiteX19" fmla="*/ 1476001 w 1576372"/>
                <a:gd name="connsiteY19" fmla="*/ 2461952 h 2517788"/>
                <a:gd name="connsiteX20" fmla="*/ 860612 w 1576372"/>
                <a:gd name="connsiteY20" fmla="*/ 2443122 h 2517788"/>
                <a:gd name="connsiteX21" fmla="*/ 38497 w 1576372"/>
                <a:gd name="connsiteY21" fmla="*/ 1761736 h 2517788"/>
                <a:gd name="connsiteX22" fmla="*/ 144651 w 1576372"/>
                <a:gd name="connsiteY22" fmla="*/ 1436997 h 2517788"/>
                <a:gd name="connsiteX0" fmla="*/ 144651 w 1576372"/>
                <a:gd name="connsiteY0" fmla="*/ 1436997 h 2517788"/>
                <a:gd name="connsiteX1" fmla="*/ 232086 w 1576372"/>
                <a:gd name="connsiteY1" fmla="*/ 97691 h 2517788"/>
                <a:gd name="connsiteX2" fmla="*/ 392725 w 1576372"/>
                <a:gd name="connsiteY2" fmla="*/ 147119 h 2517788"/>
                <a:gd name="connsiteX3" fmla="*/ 627503 w 1576372"/>
                <a:gd name="connsiteY3" fmla="*/ 229497 h 2517788"/>
                <a:gd name="connsiteX4" fmla="*/ 858163 w 1576372"/>
                <a:gd name="connsiteY4" fmla="*/ 386016 h 2517788"/>
                <a:gd name="connsiteX5" fmla="*/ 905920 w 1576372"/>
                <a:gd name="connsiteY5" fmla="*/ 439109 h 2517788"/>
                <a:gd name="connsiteX6" fmla="*/ 977611 w 1576372"/>
                <a:gd name="connsiteY6" fmla="*/ 456037 h 2517788"/>
                <a:gd name="connsiteX7" fmla="*/ 1158844 w 1576372"/>
                <a:gd name="connsiteY7" fmla="*/ 600201 h 2517788"/>
                <a:gd name="connsiteX8" fmla="*/ 1195914 w 1576372"/>
                <a:gd name="connsiteY8" fmla="*/ 715530 h 2517788"/>
                <a:gd name="connsiteX9" fmla="*/ 1303005 w 1576372"/>
                <a:gd name="connsiteY9" fmla="*/ 822622 h 2517788"/>
                <a:gd name="connsiteX10" fmla="*/ 1381265 w 1576372"/>
                <a:gd name="connsiteY10" fmla="*/ 987379 h 2517788"/>
                <a:gd name="connsiteX11" fmla="*/ 1476001 w 1576372"/>
                <a:gd name="connsiteY11" fmla="*/ 1164493 h 2517788"/>
                <a:gd name="connsiteX12" fmla="*/ 1488357 w 1576372"/>
                <a:gd name="connsiteY12" fmla="*/ 1312774 h 2517788"/>
                <a:gd name="connsiteX13" fmla="*/ 1566617 w 1576372"/>
                <a:gd name="connsiteY13" fmla="*/ 1485768 h 2517788"/>
                <a:gd name="connsiteX14" fmla="*/ 1572455 w 1576372"/>
                <a:gd name="connsiteY14" fmla="*/ 1630586 h 2517788"/>
                <a:gd name="connsiteX15" fmla="*/ 1517190 w 1576372"/>
                <a:gd name="connsiteY15" fmla="*/ 1712309 h 2517788"/>
                <a:gd name="connsiteX16" fmla="*/ 1055871 w 1576372"/>
                <a:gd name="connsiteY16" fmla="*/ 1811163 h 2517788"/>
                <a:gd name="connsiteX17" fmla="*/ 1092941 w 1576372"/>
                <a:gd name="connsiteY17" fmla="*/ 2103606 h 2517788"/>
                <a:gd name="connsiteX18" fmla="*/ 1162963 w 1576372"/>
                <a:gd name="connsiteY18" fmla="*/ 1877066 h 2517788"/>
                <a:gd name="connsiteX19" fmla="*/ 1562498 w 1576372"/>
                <a:gd name="connsiteY19" fmla="*/ 1914136 h 2517788"/>
                <a:gd name="connsiteX20" fmla="*/ 1476001 w 1576372"/>
                <a:gd name="connsiteY20" fmla="*/ 2461952 h 2517788"/>
                <a:gd name="connsiteX21" fmla="*/ 860612 w 1576372"/>
                <a:gd name="connsiteY21" fmla="*/ 2443122 h 2517788"/>
                <a:gd name="connsiteX22" fmla="*/ 38497 w 1576372"/>
                <a:gd name="connsiteY22" fmla="*/ 1761736 h 2517788"/>
                <a:gd name="connsiteX23" fmla="*/ 144651 w 1576372"/>
                <a:gd name="connsiteY23" fmla="*/ 1436997 h 2517788"/>
                <a:gd name="connsiteX0" fmla="*/ 144651 w 1576372"/>
                <a:gd name="connsiteY0" fmla="*/ 1436997 h 2517788"/>
                <a:gd name="connsiteX1" fmla="*/ 232086 w 1576372"/>
                <a:gd name="connsiteY1" fmla="*/ 97691 h 2517788"/>
                <a:gd name="connsiteX2" fmla="*/ 392725 w 1576372"/>
                <a:gd name="connsiteY2" fmla="*/ 147119 h 2517788"/>
                <a:gd name="connsiteX3" fmla="*/ 627503 w 1576372"/>
                <a:gd name="connsiteY3" fmla="*/ 229497 h 2517788"/>
                <a:gd name="connsiteX4" fmla="*/ 858163 w 1576372"/>
                <a:gd name="connsiteY4" fmla="*/ 386016 h 2517788"/>
                <a:gd name="connsiteX5" fmla="*/ 905920 w 1576372"/>
                <a:gd name="connsiteY5" fmla="*/ 439109 h 2517788"/>
                <a:gd name="connsiteX6" fmla="*/ 977611 w 1576372"/>
                <a:gd name="connsiteY6" fmla="*/ 456037 h 2517788"/>
                <a:gd name="connsiteX7" fmla="*/ 1158844 w 1576372"/>
                <a:gd name="connsiteY7" fmla="*/ 600201 h 2517788"/>
                <a:gd name="connsiteX8" fmla="*/ 1204152 w 1576372"/>
                <a:gd name="connsiteY8" fmla="*/ 661983 h 2517788"/>
                <a:gd name="connsiteX9" fmla="*/ 1195914 w 1576372"/>
                <a:gd name="connsiteY9" fmla="*/ 715530 h 2517788"/>
                <a:gd name="connsiteX10" fmla="*/ 1303005 w 1576372"/>
                <a:gd name="connsiteY10" fmla="*/ 822622 h 2517788"/>
                <a:gd name="connsiteX11" fmla="*/ 1381265 w 1576372"/>
                <a:gd name="connsiteY11" fmla="*/ 987379 h 2517788"/>
                <a:gd name="connsiteX12" fmla="*/ 1476001 w 1576372"/>
                <a:gd name="connsiteY12" fmla="*/ 1164493 h 2517788"/>
                <a:gd name="connsiteX13" fmla="*/ 1488357 w 1576372"/>
                <a:gd name="connsiteY13" fmla="*/ 1312774 h 2517788"/>
                <a:gd name="connsiteX14" fmla="*/ 1566617 w 1576372"/>
                <a:gd name="connsiteY14" fmla="*/ 1485768 h 2517788"/>
                <a:gd name="connsiteX15" fmla="*/ 1572455 w 1576372"/>
                <a:gd name="connsiteY15" fmla="*/ 1630586 h 2517788"/>
                <a:gd name="connsiteX16" fmla="*/ 1517190 w 1576372"/>
                <a:gd name="connsiteY16" fmla="*/ 1712309 h 2517788"/>
                <a:gd name="connsiteX17" fmla="*/ 1055871 w 1576372"/>
                <a:gd name="connsiteY17" fmla="*/ 1811163 h 2517788"/>
                <a:gd name="connsiteX18" fmla="*/ 1092941 w 1576372"/>
                <a:gd name="connsiteY18" fmla="*/ 2103606 h 2517788"/>
                <a:gd name="connsiteX19" fmla="*/ 1162963 w 1576372"/>
                <a:gd name="connsiteY19" fmla="*/ 1877066 h 2517788"/>
                <a:gd name="connsiteX20" fmla="*/ 1562498 w 1576372"/>
                <a:gd name="connsiteY20" fmla="*/ 1914136 h 2517788"/>
                <a:gd name="connsiteX21" fmla="*/ 1476001 w 1576372"/>
                <a:gd name="connsiteY21" fmla="*/ 2461952 h 2517788"/>
                <a:gd name="connsiteX22" fmla="*/ 860612 w 1576372"/>
                <a:gd name="connsiteY22" fmla="*/ 2443122 h 2517788"/>
                <a:gd name="connsiteX23" fmla="*/ 38497 w 1576372"/>
                <a:gd name="connsiteY23" fmla="*/ 1761736 h 2517788"/>
                <a:gd name="connsiteX24" fmla="*/ 144651 w 1576372"/>
                <a:gd name="connsiteY24" fmla="*/ 1436997 h 2517788"/>
                <a:gd name="connsiteX0" fmla="*/ 144651 w 1576085"/>
                <a:gd name="connsiteY0" fmla="*/ 1436997 h 2517788"/>
                <a:gd name="connsiteX1" fmla="*/ 232086 w 1576085"/>
                <a:gd name="connsiteY1" fmla="*/ 97691 h 2517788"/>
                <a:gd name="connsiteX2" fmla="*/ 392725 w 1576085"/>
                <a:gd name="connsiteY2" fmla="*/ 147119 h 2517788"/>
                <a:gd name="connsiteX3" fmla="*/ 627503 w 1576085"/>
                <a:gd name="connsiteY3" fmla="*/ 229497 h 2517788"/>
                <a:gd name="connsiteX4" fmla="*/ 858163 w 1576085"/>
                <a:gd name="connsiteY4" fmla="*/ 386016 h 2517788"/>
                <a:gd name="connsiteX5" fmla="*/ 905920 w 1576085"/>
                <a:gd name="connsiteY5" fmla="*/ 439109 h 2517788"/>
                <a:gd name="connsiteX6" fmla="*/ 977611 w 1576085"/>
                <a:gd name="connsiteY6" fmla="*/ 456037 h 2517788"/>
                <a:gd name="connsiteX7" fmla="*/ 1158844 w 1576085"/>
                <a:gd name="connsiteY7" fmla="*/ 600201 h 2517788"/>
                <a:gd name="connsiteX8" fmla="*/ 1204152 w 1576085"/>
                <a:gd name="connsiteY8" fmla="*/ 661983 h 2517788"/>
                <a:gd name="connsiteX9" fmla="*/ 1195914 w 1576085"/>
                <a:gd name="connsiteY9" fmla="*/ 715530 h 2517788"/>
                <a:gd name="connsiteX10" fmla="*/ 1303005 w 1576085"/>
                <a:gd name="connsiteY10" fmla="*/ 822622 h 2517788"/>
                <a:gd name="connsiteX11" fmla="*/ 1381265 w 1576085"/>
                <a:gd name="connsiteY11" fmla="*/ 987379 h 2517788"/>
                <a:gd name="connsiteX12" fmla="*/ 1476001 w 1576085"/>
                <a:gd name="connsiteY12" fmla="*/ 1164493 h 2517788"/>
                <a:gd name="connsiteX13" fmla="*/ 1488357 w 1576085"/>
                <a:gd name="connsiteY13" fmla="*/ 1312774 h 2517788"/>
                <a:gd name="connsiteX14" fmla="*/ 1566617 w 1576085"/>
                <a:gd name="connsiteY14" fmla="*/ 1485768 h 2517788"/>
                <a:gd name="connsiteX15" fmla="*/ 1572455 w 1576085"/>
                <a:gd name="connsiteY15" fmla="*/ 1630586 h 2517788"/>
                <a:gd name="connsiteX16" fmla="*/ 1517190 w 1576085"/>
                <a:gd name="connsiteY16" fmla="*/ 1712309 h 2517788"/>
                <a:gd name="connsiteX17" fmla="*/ 1191795 w 1576085"/>
                <a:gd name="connsiteY17" fmla="*/ 1819400 h 2517788"/>
                <a:gd name="connsiteX18" fmla="*/ 1055871 w 1576085"/>
                <a:gd name="connsiteY18" fmla="*/ 1811163 h 2517788"/>
                <a:gd name="connsiteX19" fmla="*/ 1092941 w 1576085"/>
                <a:gd name="connsiteY19" fmla="*/ 2103606 h 2517788"/>
                <a:gd name="connsiteX20" fmla="*/ 1162963 w 1576085"/>
                <a:gd name="connsiteY20" fmla="*/ 1877066 h 2517788"/>
                <a:gd name="connsiteX21" fmla="*/ 1562498 w 1576085"/>
                <a:gd name="connsiteY21" fmla="*/ 1914136 h 2517788"/>
                <a:gd name="connsiteX22" fmla="*/ 1476001 w 1576085"/>
                <a:gd name="connsiteY22" fmla="*/ 2461952 h 2517788"/>
                <a:gd name="connsiteX23" fmla="*/ 860612 w 1576085"/>
                <a:gd name="connsiteY23" fmla="*/ 2443122 h 2517788"/>
                <a:gd name="connsiteX24" fmla="*/ 38497 w 1576085"/>
                <a:gd name="connsiteY24" fmla="*/ 1761736 h 2517788"/>
                <a:gd name="connsiteX25" fmla="*/ 144651 w 1576085"/>
                <a:gd name="connsiteY25" fmla="*/ 1436997 h 2517788"/>
                <a:gd name="connsiteX0" fmla="*/ 144651 w 1576085"/>
                <a:gd name="connsiteY0" fmla="*/ 1436997 h 2517788"/>
                <a:gd name="connsiteX1" fmla="*/ 232086 w 1576085"/>
                <a:gd name="connsiteY1" fmla="*/ 97691 h 2517788"/>
                <a:gd name="connsiteX2" fmla="*/ 392725 w 1576085"/>
                <a:gd name="connsiteY2" fmla="*/ 147119 h 2517788"/>
                <a:gd name="connsiteX3" fmla="*/ 627503 w 1576085"/>
                <a:gd name="connsiteY3" fmla="*/ 229497 h 2517788"/>
                <a:gd name="connsiteX4" fmla="*/ 858163 w 1576085"/>
                <a:gd name="connsiteY4" fmla="*/ 386016 h 2517788"/>
                <a:gd name="connsiteX5" fmla="*/ 905920 w 1576085"/>
                <a:gd name="connsiteY5" fmla="*/ 439109 h 2517788"/>
                <a:gd name="connsiteX6" fmla="*/ 977611 w 1576085"/>
                <a:gd name="connsiteY6" fmla="*/ 456037 h 2517788"/>
                <a:gd name="connsiteX7" fmla="*/ 1158844 w 1576085"/>
                <a:gd name="connsiteY7" fmla="*/ 600201 h 2517788"/>
                <a:gd name="connsiteX8" fmla="*/ 1204152 w 1576085"/>
                <a:gd name="connsiteY8" fmla="*/ 661983 h 2517788"/>
                <a:gd name="connsiteX9" fmla="*/ 1195914 w 1576085"/>
                <a:gd name="connsiteY9" fmla="*/ 715530 h 2517788"/>
                <a:gd name="connsiteX10" fmla="*/ 1303005 w 1576085"/>
                <a:gd name="connsiteY10" fmla="*/ 822622 h 2517788"/>
                <a:gd name="connsiteX11" fmla="*/ 1381265 w 1576085"/>
                <a:gd name="connsiteY11" fmla="*/ 987379 h 2517788"/>
                <a:gd name="connsiteX12" fmla="*/ 1476001 w 1576085"/>
                <a:gd name="connsiteY12" fmla="*/ 1164493 h 2517788"/>
                <a:gd name="connsiteX13" fmla="*/ 1488357 w 1576085"/>
                <a:gd name="connsiteY13" fmla="*/ 1312774 h 2517788"/>
                <a:gd name="connsiteX14" fmla="*/ 1566617 w 1576085"/>
                <a:gd name="connsiteY14" fmla="*/ 1485768 h 2517788"/>
                <a:gd name="connsiteX15" fmla="*/ 1572455 w 1576085"/>
                <a:gd name="connsiteY15" fmla="*/ 1630586 h 2517788"/>
                <a:gd name="connsiteX16" fmla="*/ 1517190 w 1576085"/>
                <a:gd name="connsiteY16" fmla="*/ 1712309 h 2517788"/>
                <a:gd name="connsiteX17" fmla="*/ 1191795 w 1576085"/>
                <a:gd name="connsiteY17" fmla="*/ 1819400 h 2517788"/>
                <a:gd name="connsiteX18" fmla="*/ 1055871 w 1576085"/>
                <a:gd name="connsiteY18" fmla="*/ 1811163 h 2517788"/>
                <a:gd name="connsiteX19" fmla="*/ 1027039 w 1576085"/>
                <a:gd name="connsiteY19" fmla="*/ 1934729 h 2517788"/>
                <a:gd name="connsiteX20" fmla="*/ 1092941 w 1576085"/>
                <a:gd name="connsiteY20" fmla="*/ 2103606 h 2517788"/>
                <a:gd name="connsiteX21" fmla="*/ 1162963 w 1576085"/>
                <a:gd name="connsiteY21" fmla="*/ 1877066 h 2517788"/>
                <a:gd name="connsiteX22" fmla="*/ 1562498 w 1576085"/>
                <a:gd name="connsiteY22" fmla="*/ 1914136 h 2517788"/>
                <a:gd name="connsiteX23" fmla="*/ 1476001 w 1576085"/>
                <a:gd name="connsiteY23" fmla="*/ 2461952 h 2517788"/>
                <a:gd name="connsiteX24" fmla="*/ 860612 w 1576085"/>
                <a:gd name="connsiteY24" fmla="*/ 2443122 h 2517788"/>
                <a:gd name="connsiteX25" fmla="*/ 38497 w 1576085"/>
                <a:gd name="connsiteY25" fmla="*/ 1761736 h 2517788"/>
                <a:gd name="connsiteX26" fmla="*/ 144651 w 1576085"/>
                <a:gd name="connsiteY26" fmla="*/ 1436997 h 2517788"/>
                <a:gd name="connsiteX0" fmla="*/ 144651 w 1576085"/>
                <a:gd name="connsiteY0" fmla="*/ 1436997 h 2517788"/>
                <a:gd name="connsiteX1" fmla="*/ 232086 w 1576085"/>
                <a:gd name="connsiteY1" fmla="*/ 97691 h 2517788"/>
                <a:gd name="connsiteX2" fmla="*/ 392725 w 1576085"/>
                <a:gd name="connsiteY2" fmla="*/ 147119 h 2517788"/>
                <a:gd name="connsiteX3" fmla="*/ 627503 w 1576085"/>
                <a:gd name="connsiteY3" fmla="*/ 229497 h 2517788"/>
                <a:gd name="connsiteX4" fmla="*/ 858163 w 1576085"/>
                <a:gd name="connsiteY4" fmla="*/ 386016 h 2517788"/>
                <a:gd name="connsiteX5" fmla="*/ 905920 w 1576085"/>
                <a:gd name="connsiteY5" fmla="*/ 439109 h 2517788"/>
                <a:gd name="connsiteX6" fmla="*/ 977611 w 1576085"/>
                <a:gd name="connsiteY6" fmla="*/ 456037 h 2517788"/>
                <a:gd name="connsiteX7" fmla="*/ 1158844 w 1576085"/>
                <a:gd name="connsiteY7" fmla="*/ 600201 h 2517788"/>
                <a:gd name="connsiteX8" fmla="*/ 1204152 w 1576085"/>
                <a:gd name="connsiteY8" fmla="*/ 661983 h 2517788"/>
                <a:gd name="connsiteX9" fmla="*/ 1195914 w 1576085"/>
                <a:gd name="connsiteY9" fmla="*/ 715530 h 2517788"/>
                <a:gd name="connsiteX10" fmla="*/ 1303005 w 1576085"/>
                <a:gd name="connsiteY10" fmla="*/ 822622 h 2517788"/>
                <a:gd name="connsiteX11" fmla="*/ 1381265 w 1576085"/>
                <a:gd name="connsiteY11" fmla="*/ 987379 h 2517788"/>
                <a:gd name="connsiteX12" fmla="*/ 1476001 w 1576085"/>
                <a:gd name="connsiteY12" fmla="*/ 1164493 h 2517788"/>
                <a:gd name="connsiteX13" fmla="*/ 1488357 w 1576085"/>
                <a:gd name="connsiteY13" fmla="*/ 1312774 h 2517788"/>
                <a:gd name="connsiteX14" fmla="*/ 1566617 w 1576085"/>
                <a:gd name="connsiteY14" fmla="*/ 1485768 h 2517788"/>
                <a:gd name="connsiteX15" fmla="*/ 1572455 w 1576085"/>
                <a:gd name="connsiteY15" fmla="*/ 1630586 h 2517788"/>
                <a:gd name="connsiteX16" fmla="*/ 1517190 w 1576085"/>
                <a:gd name="connsiteY16" fmla="*/ 1712309 h 2517788"/>
                <a:gd name="connsiteX17" fmla="*/ 1191795 w 1576085"/>
                <a:gd name="connsiteY17" fmla="*/ 1819400 h 2517788"/>
                <a:gd name="connsiteX18" fmla="*/ 1055871 w 1576085"/>
                <a:gd name="connsiteY18" fmla="*/ 1811163 h 2517788"/>
                <a:gd name="connsiteX19" fmla="*/ 1027039 w 1576085"/>
                <a:gd name="connsiteY19" fmla="*/ 1934729 h 2517788"/>
                <a:gd name="connsiteX20" fmla="*/ 1092941 w 1576085"/>
                <a:gd name="connsiteY20" fmla="*/ 2103606 h 2517788"/>
                <a:gd name="connsiteX21" fmla="*/ 1162963 w 1576085"/>
                <a:gd name="connsiteY21" fmla="*/ 1877066 h 2517788"/>
                <a:gd name="connsiteX22" fmla="*/ 1418337 w 1576085"/>
                <a:gd name="connsiteY22" fmla="*/ 1819400 h 2517788"/>
                <a:gd name="connsiteX23" fmla="*/ 1562498 w 1576085"/>
                <a:gd name="connsiteY23" fmla="*/ 1914136 h 2517788"/>
                <a:gd name="connsiteX24" fmla="*/ 1476001 w 1576085"/>
                <a:gd name="connsiteY24" fmla="*/ 2461952 h 2517788"/>
                <a:gd name="connsiteX25" fmla="*/ 860612 w 1576085"/>
                <a:gd name="connsiteY25" fmla="*/ 2443122 h 2517788"/>
                <a:gd name="connsiteX26" fmla="*/ 38497 w 1576085"/>
                <a:gd name="connsiteY26" fmla="*/ 1761736 h 2517788"/>
                <a:gd name="connsiteX27" fmla="*/ 144651 w 1576085"/>
                <a:gd name="connsiteY27" fmla="*/ 1436997 h 2517788"/>
                <a:gd name="connsiteX0" fmla="*/ 144651 w 1584057"/>
                <a:gd name="connsiteY0" fmla="*/ 1436997 h 2525758"/>
                <a:gd name="connsiteX1" fmla="*/ 232086 w 1584057"/>
                <a:gd name="connsiteY1" fmla="*/ 97691 h 2525758"/>
                <a:gd name="connsiteX2" fmla="*/ 392725 w 1584057"/>
                <a:gd name="connsiteY2" fmla="*/ 147119 h 2525758"/>
                <a:gd name="connsiteX3" fmla="*/ 627503 w 1584057"/>
                <a:gd name="connsiteY3" fmla="*/ 229497 h 2525758"/>
                <a:gd name="connsiteX4" fmla="*/ 858163 w 1584057"/>
                <a:gd name="connsiteY4" fmla="*/ 386016 h 2525758"/>
                <a:gd name="connsiteX5" fmla="*/ 905920 w 1584057"/>
                <a:gd name="connsiteY5" fmla="*/ 439109 h 2525758"/>
                <a:gd name="connsiteX6" fmla="*/ 977611 w 1584057"/>
                <a:gd name="connsiteY6" fmla="*/ 456037 h 2525758"/>
                <a:gd name="connsiteX7" fmla="*/ 1158844 w 1584057"/>
                <a:gd name="connsiteY7" fmla="*/ 600201 h 2525758"/>
                <a:gd name="connsiteX8" fmla="*/ 1204152 w 1584057"/>
                <a:gd name="connsiteY8" fmla="*/ 661983 h 2525758"/>
                <a:gd name="connsiteX9" fmla="*/ 1195914 w 1584057"/>
                <a:gd name="connsiteY9" fmla="*/ 715530 h 2525758"/>
                <a:gd name="connsiteX10" fmla="*/ 1303005 w 1584057"/>
                <a:gd name="connsiteY10" fmla="*/ 822622 h 2525758"/>
                <a:gd name="connsiteX11" fmla="*/ 1381265 w 1584057"/>
                <a:gd name="connsiteY11" fmla="*/ 987379 h 2525758"/>
                <a:gd name="connsiteX12" fmla="*/ 1476001 w 1584057"/>
                <a:gd name="connsiteY12" fmla="*/ 1164493 h 2525758"/>
                <a:gd name="connsiteX13" fmla="*/ 1488357 w 1584057"/>
                <a:gd name="connsiteY13" fmla="*/ 1312774 h 2525758"/>
                <a:gd name="connsiteX14" fmla="*/ 1566617 w 1584057"/>
                <a:gd name="connsiteY14" fmla="*/ 1485768 h 2525758"/>
                <a:gd name="connsiteX15" fmla="*/ 1572455 w 1584057"/>
                <a:gd name="connsiteY15" fmla="*/ 1630586 h 2525758"/>
                <a:gd name="connsiteX16" fmla="*/ 1517190 w 1584057"/>
                <a:gd name="connsiteY16" fmla="*/ 1712309 h 2525758"/>
                <a:gd name="connsiteX17" fmla="*/ 1191795 w 1584057"/>
                <a:gd name="connsiteY17" fmla="*/ 1819400 h 2525758"/>
                <a:gd name="connsiteX18" fmla="*/ 1055871 w 1584057"/>
                <a:gd name="connsiteY18" fmla="*/ 1811163 h 2525758"/>
                <a:gd name="connsiteX19" fmla="*/ 1027039 w 1584057"/>
                <a:gd name="connsiteY19" fmla="*/ 1934729 h 2525758"/>
                <a:gd name="connsiteX20" fmla="*/ 1092941 w 1584057"/>
                <a:gd name="connsiteY20" fmla="*/ 2103606 h 2525758"/>
                <a:gd name="connsiteX21" fmla="*/ 1162963 w 1584057"/>
                <a:gd name="connsiteY21" fmla="*/ 1877066 h 2525758"/>
                <a:gd name="connsiteX22" fmla="*/ 1418337 w 1584057"/>
                <a:gd name="connsiteY22" fmla="*/ 1819400 h 2525758"/>
                <a:gd name="connsiteX23" fmla="*/ 1562498 w 1584057"/>
                <a:gd name="connsiteY23" fmla="*/ 1914136 h 2525758"/>
                <a:gd name="connsiteX24" fmla="*/ 1574856 w 1584057"/>
                <a:gd name="connsiteY24" fmla="*/ 1984156 h 2525758"/>
                <a:gd name="connsiteX25" fmla="*/ 1476001 w 1584057"/>
                <a:gd name="connsiteY25" fmla="*/ 2461952 h 2525758"/>
                <a:gd name="connsiteX26" fmla="*/ 860612 w 1584057"/>
                <a:gd name="connsiteY26" fmla="*/ 2443122 h 2525758"/>
                <a:gd name="connsiteX27" fmla="*/ 38497 w 1584057"/>
                <a:gd name="connsiteY27" fmla="*/ 1761736 h 2525758"/>
                <a:gd name="connsiteX28" fmla="*/ 144651 w 1584057"/>
                <a:gd name="connsiteY28" fmla="*/ 1436997 h 2525758"/>
                <a:gd name="connsiteX0" fmla="*/ 144651 w 1578459"/>
                <a:gd name="connsiteY0" fmla="*/ 1436997 h 2508919"/>
                <a:gd name="connsiteX1" fmla="*/ 232086 w 1578459"/>
                <a:gd name="connsiteY1" fmla="*/ 97691 h 2508919"/>
                <a:gd name="connsiteX2" fmla="*/ 392725 w 1578459"/>
                <a:gd name="connsiteY2" fmla="*/ 147119 h 2508919"/>
                <a:gd name="connsiteX3" fmla="*/ 627503 w 1578459"/>
                <a:gd name="connsiteY3" fmla="*/ 229497 h 2508919"/>
                <a:gd name="connsiteX4" fmla="*/ 858163 w 1578459"/>
                <a:gd name="connsiteY4" fmla="*/ 386016 h 2508919"/>
                <a:gd name="connsiteX5" fmla="*/ 905920 w 1578459"/>
                <a:gd name="connsiteY5" fmla="*/ 439109 h 2508919"/>
                <a:gd name="connsiteX6" fmla="*/ 977611 w 1578459"/>
                <a:gd name="connsiteY6" fmla="*/ 456037 h 2508919"/>
                <a:gd name="connsiteX7" fmla="*/ 1158844 w 1578459"/>
                <a:gd name="connsiteY7" fmla="*/ 600201 h 2508919"/>
                <a:gd name="connsiteX8" fmla="*/ 1204152 w 1578459"/>
                <a:gd name="connsiteY8" fmla="*/ 661983 h 2508919"/>
                <a:gd name="connsiteX9" fmla="*/ 1195914 w 1578459"/>
                <a:gd name="connsiteY9" fmla="*/ 715530 h 2508919"/>
                <a:gd name="connsiteX10" fmla="*/ 1303005 w 1578459"/>
                <a:gd name="connsiteY10" fmla="*/ 822622 h 2508919"/>
                <a:gd name="connsiteX11" fmla="*/ 1381265 w 1578459"/>
                <a:gd name="connsiteY11" fmla="*/ 987379 h 2508919"/>
                <a:gd name="connsiteX12" fmla="*/ 1476001 w 1578459"/>
                <a:gd name="connsiteY12" fmla="*/ 1164493 h 2508919"/>
                <a:gd name="connsiteX13" fmla="*/ 1488357 w 1578459"/>
                <a:gd name="connsiteY13" fmla="*/ 1312774 h 2508919"/>
                <a:gd name="connsiteX14" fmla="*/ 1566617 w 1578459"/>
                <a:gd name="connsiteY14" fmla="*/ 1485768 h 2508919"/>
                <a:gd name="connsiteX15" fmla="*/ 1572455 w 1578459"/>
                <a:gd name="connsiteY15" fmla="*/ 1630586 h 2508919"/>
                <a:gd name="connsiteX16" fmla="*/ 1517190 w 1578459"/>
                <a:gd name="connsiteY16" fmla="*/ 1712309 h 2508919"/>
                <a:gd name="connsiteX17" fmla="*/ 1191795 w 1578459"/>
                <a:gd name="connsiteY17" fmla="*/ 1819400 h 2508919"/>
                <a:gd name="connsiteX18" fmla="*/ 1055871 w 1578459"/>
                <a:gd name="connsiteY18" fmla="*/ 1811163 h 2508919"/>
                <a:gd name="connsiteX19" fmla="*/ 1027039 w 1578459"/>
                <a:gd name="connsiteY19" fmla="*/ 1934729 h 2508919"/>
                <a:gd name="connsiteX20" fmla="*/ 1092941 w 1578459"/>
                <a:gd name="connsiteY20" fmla="*/ 2103606 h 2508919"/>
                <a:gd name="connsiteX21" fmla="*/ 1162963 w 1578459"/>
                <a:gd name="connsiteY21" fmla="*/ 1877066 h 2508919"/>
                <a:gd name="connsiteX22" fmla="*/ 1418337 w 1578459"/>
                <a:gd name="connsiteY22" fmla="*/ 1819400 h 2508919"/>
                <a:gd name="connsiteX23" fmla="*/ 1562498 w 1578459"/>
                <a:gd name="connsiteY23" fmla="*/ 1914136 h 2508919"/>
                <a:gd name="connsiteX24" fmla="*/ 1574856 w 1578459"/>
                <a:gd name="connsiteY24" fmla="*/ 1984156 h 2508919"/>
                <a:gd name="connsiteX25" fmla="*/ 1533666 w 1578459"/>
                <a:gd name="connsiteY25" fmla="*/ 2264243 h 2508919"/>
                <a:gd name="connsiteX26" fmla="*/ 1476001 w 1578459"/>
                <a:gd name="connsiteY26" fmla="*/ 2461952 h 2508919"/>
                <a:gd name="connsiteX27" fmla="*/ 860612 w 1578459"/>
                <a:gd name="connsiteY27" fmla="*/ 2443122 h 2508919"/>
                <a:gd name="connsiteX28" fmla="*/ 38497 w 1578459"/>
                <a:gd name="connsiteY28" fmla="*/ 1761736 h 2508919"/>
                <a:gd name="connsiteX29" fmla="*/ 144651 w 1578459"/>
                <a:gd name="connsiteY29" fmla="*/ 1436997 h 2508919"/>
                <a:gd name="connsiteX0" fmla="*/ 144651 w 1578459"/>
                <a:gd name="connsiteY0" fmla="*/ 1436997 h 2488331"/>
                <a:gd name="connsiteX1" fmla="*/ 232086 w 1578459"/>
                <a:gd name="connsiteY1" fmla="*/ 97691 h 2488331"/>
                <a:gd name="connsiteX2" fmla="*/ 392725 w 1578459"/>
                <a:gd name="connsiteY2" fmla="*/ 147119 h 2488331"/>
                <a:gd name="connsiteX3" fmla="*/ 627503 w 1578459"/>
                <a:gd name="connsiteY3" fmla="*/ 229497 h 2488331"/>
                <a:gd name="connsiteX4" fmla="*/ 858163 w 1578459"/>
                <a:gd name="connsiteY4" fmla="*/ 386016 h 2488331"/>
                <a:gd name="connsiteX5" fmla="*/ 905920 w 1578459"/>
                <a:gd name="connsiteY5" fmla="*/ 439109 h 2488331"/>
                <a:gd name="connsiteX6" fmla="*/ 977611 w 1578459"/>
                <a:gd name="connsiteY6" fmla="*/ 456037 h 2488331"/>
                <a:gd name="connsiteX7" fmla="*/ 1158844 w 1578459"/>
                <a:gd name="connsiteY7" fmla="*/ 600201 h 2488331"/>
                <a:gd name="connsiteX8" fmla="*/ 1204152 w 1578459"/>
                <a:gd name="connsiteY8" fmla="*/ 661983 h 2488331"/>
                <a:gd name="connsiteX9" fmla="*/ 1195914 w 1578459"/>
                <a:gd name="connsiteY9" fmla="*/ 715530 h 2488331"/>
                <a:gd name="connsiteX10" fmla="*/ 1303005 w 1578459"/>
                <a:gd name="connsiteY10" fmla="*/ 822622 h 2488331"/>
                <a:gd name="connsiteX11" fmla="*/ 1381265 w 1578459"/>
                <a:gd name="connsiteY11" fmla="*/ 987379 h 2488331"/>
                <a:gd name="connsiteX12" fmla="*/ 1476001 w 1578459"/>
                <a:gd name="connsiteY12" fmla="*/ 1164493 h 2488331"/>
                <a:gd name="connsiteX13" fmla="*/ 1488357 w 1578459"/>
                <a:gd name="connsiteY13" fmla="*/ 1312774 h 2488331"/>
                <a:gd name="connsiteX14" fmla="*/ 1566617 w 1578459"/>
                <a:gd name="connsiteY14" fmla="*/ 1485768 h 2488331"/>
                <a:gd name="connsiteX15" fmla="*/ 1572455 w 1578459"/>
                <a:gd name="connsiteY15" fmla="*/ 1630586 h 2488331"/>
                <a:gd name="connsiteX16" fmla="*/ 1517190 w 1578459"/>
                <a:gd name="connsiteY16" fmla="*/ 1712309 h 2488331"/>
                <a:gd name="connsiteX17" fmla="*/ 1191795 w 1578459"/>
                <a:gd name="connsiteY17" fmla="*/ 1819400 h 2488331"/>
                <a:gd name="connsiteX18" fmla="*/ 1055871 w 1578459"/>
                <a:gd name="connsiteY18" fmla="*/ 1811163 h 2488331"/>
                <a:gd name="connsiteX19" fmla="*/ 1027039 w 1578459"/>
                <a:gd name="connsiteY19" fmla="*/ 1934729 h 2488331"/>
                <a:gd name="connsiteX20" fmla="*/ 1092941 w 1578459"/>
                <a:gd name="connsiteY20" fmla="*/ 2103606 h 2488331"/>
                <a:gd name="connsiteX21" fmla="*/ 1162963 w 1578459"/>
                <a:gd name="connsiteY21" fmla="*/ 1877066 h 2488331"/>
                <a:gd name="connsiteX22" fmla="*/ 1418337 w 1578459"/>
                <a:gd name="connsiteY22" fmla="*/ 1819400 h 2488331"/>
                <a:gd name="connsiteX23" fmla="*/ 1562498 w 1578459"/>
                <a:gd name="connsiteY23" fmla="*/ 1914136 h 2488331"/>
                <a:gd name="connsiteX24" fmla="*/ 1574856 w 1578459"/>
                <a:gd name="connsiteY24" fmla="*/ 1984156 h 2488331"/>
                <a:gd name="connsiteX25" fmla="*/ 1533666 w 1578459"/>
                <a:gd name="connsiteY25" fmla="*/ 2264243 h 2488331"/>
                <a:gd name="connsiteX26" fmla="*/ 1476001 w 1578459"/>
                <a:gd name="connsiteY26" fmla="*/ 2461952 h 2488331"/>
                <a:gd name="connsiteX27" fmla="*/ 860612 w 1578459"/>
                <a:gd name="connsiteY27" fmla="*/ 2443122 h 2488331"/>
                <a:gd name="connsiteX28" fmla="*/ 524531 w 1578459"/>
                <a:gd name="connsiteY28" fmla="*/ 2437238 h 2488331"/>
                <a:gd name="connsiteX29" fmla="*/ 38497 w 1578459"/>
                <a:gd name="connsiteY29" fmla="*/ 1761736 h 2488331"/>
                <a:gd name="connsiteX30" fmla="*/ 144651 w 1578459"/>
                <a:gd name="connsiteY30" fmla="*/ 1436997 h 2488331"/>
                <a:gd name="connsiteX0" fmla="*/ 144651 w 1578459"/>
                <a:gd name="connsiteY0" fmla="*/ 1436997 h 2569549"/>
                <a:gd name="connsiteX1" fmla="*/ 232086 w 1578459"/>
                <a:gd name="connsiteY1" fmla="*/ 97691 h 2569549"/>
                <a:gd name="connsiteX2" fmla="*/ 392725 w 1578459"/>
                <a:gd name="connsiteY2" fmla="*/ 147119 h 2569549"/>
                <a:gd name="connsiteX3" fmla="*/ 627503 w 1578459"/>
                <a:gd name="connsiteY3" fmla="*/ 229497 h 2569549"/>
                <a:gd name="connsiteX4" fmla="*/ 858163 w 1578459"/>
                <a:gd name="connsiteY4" fmla="*/ 386016 h 2569549"/>
                <a:gd name="connsiteX5" fmla="*/ 905920 w 1578459"/>
                <a:gd name="connsiteY5" fmla="*/ 439109 h 2569549"/>
                <a:gd name="connsiteX6" fmla="*/ 977611 w 1578459"/>
                <a:gd name="connsiteY6" fmla="*/ 456037 h 2569549"/>
                <a:gd name="connsiteX7" fmla="*/ 1158844 w 1578459"/>
                <a:gd name="connsiteY7" fmla="*/ 600201 h 2569549"/>
                <a:gd name="connsiteX8" fmla="*/ 1204152 w 1578459"/>
                <a:gd name="connsiteY8" fmla="*/ 661983 h 2569549"/>
                <a:gd name="connsiteX9" fmla="*/ 1195914 w 1578459"/>
                <a:gd name="connsiteY9" fmla="*/ 715530 h 2569549"/>
                <a:gd name="connsiteX10" fmla="*/ 1303005 w 1578459"/>
                <a:gd name="connsiteY10" fmla="*/ 822622 h 2569549"/>
                <a:gd name="connsiteX11" fmla="*/ 1381265 w 1578459"/>
                <a:gd name="connsiteY11" fmla="*/ 987379 h 2569549"/>
                <a:gd name="connsiteX12" fmla="*/ 1476001 w 1578459"/>
                <a:gd name="connsiteY12" fmla="*/ 1164493 h 2569549"/>
                <a:gd name="connsiteX13" fmla="*/ 1488357 w 1578459"/>
                <a:gd name="connsiteY13" fmla="*/ 1312774 h 2569549"/>
                <a:gd name="connsiteX14" fmla="*/ 1566617 w 1578459"/>
                <a:gd name="connsiteY14" fmla="*/ 1485768 h 2569549"/>
                <a:gd name="connsiteX15" fmla="*/ 1572455 w 1578459"/>
                <a:gd name="connsiteY15" fmla="*/ 1630586 h 2569549"/>
                <a:gd name="connsiteX16" fmla="*/ 1517190 w 1578459"/>
                <a:gd name="connsiteY16" fmla="*/ 1712309 h 2569549"/>
                <a:gd name="connsiteX17" fmla="*/ 1191795 w 1578459"/>
                <a:gd name="connsiteY17" fmla="*/ 1819400 h 2569549"/>
                <a:gd name="connsiteX18" fmla="*/ 1055871 w 1578459"/>
                <a:gd name="connsiteY18" fmla="*/ 1811163 h 2569549"/>
                <a:gd name="connsiteX19" fmla="*/ 1027039 w 1578459"/>
                <a:gd name="connsiteY19" fmla="*/ 1934729 h 2569549"/>
                <a:gd name="connsiteX20" fmla="*/ 1092941 w 1578459"/>
                <a:gd name="connsiteY20" fmla="*/ 2103606 h 2569549"/>
                <a:gd name="connsiteX21" fmla="*/ 1162963 w 1578459"/>
                <a:gd name="connsiteY21" fmla="*/ 1877066 h 2569549"/>
                <a:gd name="connsiteX22" fmla="*/ 1418337 w 1578459"/>
                <a:gd name="connsiteY22" fmla="*/ 1819400 h 2569549"/>
                <a:gd name="connsiteX23" fmla="*/ 1562498 w 1578459"/>
                <a:gd name="connsiteY23" fmla="*/ 1914136 h 2569549"/>
                <a:gd name="connsiteX24" fmla="*/ 1574856 w 1578459"/>
                <a:gd name="connsiteY24" fmla="*/ 1984156 h 2569549"/>
                <a:gd name="connsiteX25" fmla="*/ 1533666 w 1578459"/>
                <a:gd name="connsiteY25" fmla="*/ 2264243 h 2569549"/>
                <a:gd name="connsiteX26" fmla="*/ 1476001 w 1578459"/>
                <a:gd name="connsiteY26" fmla="*/ 2461952 h 2569549"/>
                <a:gd name="connsiteX27" fmla="*/ 860612 w 1578459"/>
                <a:gd name="connsiteY27" fmla="*/ 2443122 h 2569549"/>
                <a:gd name="connsiteX28" fmla="*/ 524531 w 1578459"/>
                <a:gd name="connsiteY28" fmla="*/ 2437238 h 2569549"/>
                <a:gd name="connsiteX29" fmla="*/ 273277 w 1578459"/>
                <a:gd name="connsiteY29" fmla="*/ 2540211 h 2569549"/>
                <a:gd name="connsiteX30" fmla="*/ 38497 w 1578459"/>
                <a:gd name="connsiteY30" fmla="*/ 1761736 h 2569549"/>
                <a:gd name="connsiteX31" fmla="*/ 144651 w 1578459"/>
                <a:gd name="connsiteY31" fmla="*/ 1436997 h 2569549"/>
                <a:gd name="connsiteX0" fmla="*/ 144651 w 1578459"/>
                <a:gd name="connsiteY0" fmla="*/ 1436997 h 2569549"/>
                <a:gd name="connsiteX1" fmla="*/ 232086 w 1578459"/>
                <a:gd name="connsiteY1" fmla="*/ 97691 h 2569549"/>
                <a:gd name="connsiteX2" fmla="*/ 392725 w 1578459"/>
                <a:gd name="connsiteY2" fmla="*/ 147119 h 2569549"/>
                <a:gd name="connsiteX3" fmla="*/ 499818 w 1578459"/>
                <a:gd name="connsiteY3" fmla="*/ 159476 h 2569549"/>
                <a:gd name="connsiteX4" fmla="*/ 627503 w 1578459"/>
                <a:gd name="connsiteY4" fmla="*/ 229497 h 2569549"/>
                <a:gd name="connsiteX5" fmla="*/ 858163 w 1578459"/>
                <a:gd name="connsiteY5" fmla="*/ 386016 h 2569549"/>
                <a:gd name="connsiteX6" fmla="*/ 905920 w 1578459"/>
                <a:gd name="connsiteY6" fmla="*/ 439109 h 2569549"/>
                <a:gd name="connsiteX7" fmla="*/ 977611 w 1578459"/>
                <a:gd name="connsiteY7" fmla="*/ 456037 h 2569549"/>
                <a:gd name="connsiteX8" fmla="*/ 1158844 w 1578459"/>
                <a:gd name="connsiteY8" fmla="*/ 600201 h 2569549"/>
                <a:gd name="connsiteX9" fmla="*/ 1204152 w 1578459"/>
                <a:gd name="connsiteY9" fmla="*/ 661983 h 2569549"/>
                <a:gd name="connsiteX10" fmla="*/ 1195914 w 1578459"/>
                <a:gd name="connsiteY10" fmla="*/ 715530 h 2569549"/>
                <a:gd name="connsiteX11" fmla="*/ 1303005 w 1578459"/>
                <a:gd name="connsiteY11" fmla="*/ 822622 h 2569549"/>
                <a:gd name="connsiteX12" fmla="*/ 1381265 w 1578459"/>
                <a:gd name="connsiteY12" fmla="*/ 987379 h 2569549"/>
                <a:gd name="connsiteX13" fmla="*/ 1476001 w 1578459"/>
                <a:gd name="connsiteY13" fmla="*/ 1164493 h 2569549"/>
                <a:gd name="connsiteX14" fmla="*/ 1488357 w 1578459"/>
                <a:gd name="connsiteY14" fmla="*/ 1312774 h 2569549"/>
                <a:gd name="connsiteX15" fmla="*/ 1566617 w 1578459"/>
                <a:gd name="connsiteY15" fmla="*/ 1485768 h 2569549"/>
                <a:gd name="connsiteX16" fmla="*/ 1572455 w 1578459"/>
                <a:gd name="connsiteY16" fmla="*/ 1630586 h 2569549"/>
                <a:gd name="connsiteX17" fmla="*/ 1517190 w 1578459"/>
                <a:gd name="connsiteY17" fmla="*/ 1712309 h 2569549"/>
                <a:gd name="connsiteX18" fmla="*/ 1191795 w 1578459"/>
                <a:gd name="connsiteY18" fmla="*/ 1819400 h 2569549"/>
                <a:gd name="connsiteX19" fmla="*/ 1055871 w 1578459"/>
                <a:gd name="connsiteY19" fmla="*/ 1811163 h 2569549"/>
                <a:gd name="connsiteX20" fmla="*/ 1027039 w 1578459"/>
                <a:gd name="connsiteY20" fmla="*/ 1934729 h 2569549"/>
                <a:gd name="connsiteX21" fmla="*/ 1092941 w 1578459"/>
                <a:gd name="connsiteY21" fmla="*/ 2103606 h 2569549"/>
                <a:gd name="connsiteX22" fmla="*/ 1162963 w 1578459"/>
                <a:gd name="connsiteY22" fmla="*/ 1877066 h 2569549"/>
                <a:gd name="connsiteX23" fmla="*/ 1418337 w 1578459"/>
                <a:gd name="connsiteY23" fmla="*/ 1819400 h 2569549"/>
                <a:gd name="connsiteX24" fmla="*/ 1562498 w 1578459"/>
                <a:gd name="connsiteY24" fmla="*/ 1914136 h 2569549"/>
                <a:gd name="connsiteX25" fmla="*/ 1574856 w 1578459"/>
                <a:gd name="connsiteY25" fmla="*/ 1984156 h 2569549"/>
                <a:gd name="connsiteX26" fmla="*/ 1533666 w 1578459"/>
                <a:gd name="connsiteY26" fmla="*/ 2264243 h 2569549"/>
                <a:gd name="connsiteX27" fmla="*/ 1476001 w 1578459"/>
                <a:gd name="connsiteY27" fmla="*/ 2461952 h 2569549"/>
                <a:gd name="connsiteX28" fmla="*/ 860612 w 1578459"/>
                <a:gd name="connsiteY28" fmla="*/ 2443122 h 2569549"/>
                <a:gd name="connsiteX29" fmla="*/ 524531 w 1578459"/>
                <a:gd name="connsiteY29" fmla="*/ 2437238 h 2569549"/>
                <a:gd name="connsiteX30" fmla="*/ 273277 w 1578459"/>
                <a:gd name="connsiteY30" fmla="*/ 2540211 h 2569549"/>
                <a:gd name="connsiteX31" fmla="*/ 38497 w 1578459"/>
                <a:gd name="connsiteY31" fmla="*/ 1761736 h 2569549"/>
                <a:gd name="connsiteX32" fmla="*/ 144651 w 1578459"/>
                <a:gd name="connsiteY32" fmla="*/ 1436997 h 2569549"/>
                <a:gd name="connsiteX0" fmla="*/ 144651 w 1578459"/>
                <a:gd name="connsiteY0" fmla="*/ 1339306 h 2471858"/>
                <a:gd name="connsiteX1" fmla="*/ 232086 w 1578459"/>
                <a:gd name="connsiteY1" fmla="*/ 0 h 2471858"/>
                <a:gd name="connsiteX2" fmla="*/ 392725 w 1578459"/>
                <a:gd name="connsiteY2" fmla="*/ 49428 h 2471858"/>
                <a:gd name="connsiteX3" fmla="*/ 499818 w 1578459"/>
                <a:gd name="connsiteY3" fmla="*/ 61785 h 2471858"/>
                <a:gd name="connsiteX4" fmla="*/ 627503 w 1578459"/>
                <a:gd name="connsiteY4" fmla="*/ 131806 h 2471858"/>
                <a:gd name="connsiteX5" fmla="*/ 858163 w 1578459"/>
                <a:gd name="connsiteY5" fmla="*/ 288325 h 2471858"/>
                <a:gd name="connsiteX6" fmla="*/ 905920 w 1578459"/>
                <a:gd name="connsiteY6" fmla="*/ 341418 h 2471858"/>
                <a:gd name="connsiteX7" fmla="*/ 977611 w 1578459"/>
                <a:gd name="connsiteY7" fmla="*/ 358346 h 2471858"/>
                <a:gd name="connsiteX8" fmla="*/ 1158844 w 1578459"/>
                <a:gd name="connsiteY8" fmla="*/ 502510 h 2471858"/>
                <a:gd name="connsiteX9" fmla="*/ 1204152 w 1578459"/>
                <a:gd name="connsiteY9" fmla="*/ 564292 h 2471858"/>
                <a:gd name="connsiteX10" fmla="*/ 1195914 w 1578459"/>
                <a:gd name="connsiteY10" fmla="*/ 617839 h 2471858"/>
                <a:gd name="connsiteX11" fmla="*/ 1303005 w 1578459"/>
                <a:gd name="connsiteY11" fmla="*/ 724931 h 2471858"/>
                <a:gd name="connsiteX12" fmla="*/ 1381265 w 1578459"/>
                <a:gd name="connsiteY12" fmla="*/ 889688 h 2471858"/>
                <a:gd name="connsiteX13" fmla="*/ 1476001 w 1578459"/>
                <a:gd name="connsiteY13" fmla="*/ 1066802 h 2471858"/>
                <a:gd name="connsiteX14" fmla="*/ 1488357 w 1578459"/>
                <a:gd name="connsiteY14" fmla="*/ 1215083 h 2471858"/>
                <a:gd name="connsiteX15" fmla="*/ 1566617 w 1578459"/>
                <a:gd name="connsiteY15" fmla="*/ 1388077 h 2471858"/>
                <a:gd name="connsiteX16" fmla="*/ 1572455 w 1578459"/>
                <a:gd name="connsiteY16" fmla="*/ 1532895 h 2471858"/>
                <a:gd name="connsiteX17" fmla="*/ 1517190 w 1578459"/>
                <a:gd name="connsiteY17" fmla="*/ 1614618 h 2471858"/>
                <a:gd name="connsiteX18" fmla="*/ 1191795 w 1578459"/>
                <a:gd name="connsiteY18" fmla="*/ 1721709 h 2471858"/>
                <a:gd name="connsiteX19" fmla="*/ 1055871 w 1578459"/>
                <a:gd name="connsiteY19" fmla="*/ 1713472 h 2471858"/>
                <a:gd name="connsiteX20" fmla="*/ 1027039 w 1578459"/>
                <a:gd name="connsiteY20" fmla="*/ 1837038 h 2471858"/>
                <a:gd name="connsiteX21" fmla="*/ 1092941 w 1578459"/>
                <a:gd name="connsiteY21" fmla="*/ 2005915 h 2471858"/>
                <a:gd name="connsiteX22" fmla="*/ 1162963 w 1578459"/>
                <a:gd name="connsiteY22" fmla="*/ 1779375 h 2471858"/>
                <a:gd name="connsiteX23" fmla="*/ 1418337 w 1578459"/>
                <a:gd name="connsiteY23" fmla="*/ 1721709 h 2471858"/>
                <a:gd name="connsiteX24" fmla="*/ 1562498 w 1578459"/>
                <a:gd name="connsiteY24" fmla="*/ 1816445 h 2471858"/>
                <a:gd name="connsiteX25" fmla="*/ 1574856 w 1578459"/>
                <a:gd name="connsiteY25" fmla="*/ 1886465 h 2471858"/>
                <a:gd name="connsiteX26" fmla="*/ 1533666 w 1578459"/>
                <a:gd name="connsiteY26" fmla="*/ 2166552 h 2471858"/>
                <a:gd name="connsiteX27" fmla="*/ 1476001 w 1578459"/>
                <a:gd name="connsiteY27" fmla="*/ 2364261 h 2471858"/>
                <a:gd name="connsiteX28" fmla="*/ 860612 w 1578459"/>
                <a:gd name="connsiteY28" fmla="*/ 2345431 h 2471858"/>
                <a:gd name="connsiteX29" fmla="*/ 524531 w 1578459"/>
                <a:gd name="connsiteY29" fmla="*/ 2339547 h 2471858"/>
                <a:gd name="connsiteX30" fmla="*/ 273277 w 1578459"/>
                <a:gd name="connsiteY30" fmla="*/ 2442520 h 2471858"/>
                <a:gd name="connsiteX31" fmla="*/ 38497 w 1578459"/>
                <a:gd name="connsiteY31" fmla="*/ 1664045 h 2471858"/>
                <a:gd name="connsiteX32" fmla="*/ 144651 w 1578459"/>
                <a:gd name="connsiteY32" fmla="*/ 1339306 h 2471858"/>
                <a:gd name="connsiteX0" fmla="*/ 144651 w 1578459"/>
                <a:gd name="connsiteY0" fmla="*/ 1351663 h 2484215"/>
                <a:gd name="connsiteX1" fmla="*/ 232086 w 1578459"/>
                <a:gd name="connsiteY1" fmla="*/ 0 h 2484215"/>
                <a:gd name="connsiteX2" fmla="*/ 392725 w 1578459"/>
                <a:gd name="connsiteY2" fmla="*/ 61785 h 2484215"/>
                <a:gd name="connsiteX3" fmla="*/ 499818 w 1578459"/>
                <a:gd name="connsiteY3" fmla="*/ 74142 h 2484215"/>
                <a:gd name="connsiteX4" fmla="*/ 627503 w 1578459"/>
                <a:gd name="connsiteY4" fmla="*/ 144163 h 2484215"/>
                <a:gd name="connsiteX5" fmla="*/ 858163 w 1578459"/>
                <a:gd name="connsiteY5" fmla="*/ 300682 h 2484215"/>
                <a:gd name="connsiteX6" fmla="*/ 905920 w 1578459"/>
                <a:gd name="connsiteY6" fmla="*/ 353775 h 2484215"/>
                <a:gd name="connsiteX7" fmla="*/ 977611 w 1578459"/>
                <a:gd name="connsiteY7" fmla="*/ 370703 h 2484215"/>
                <a:gd name="connsiteX8" fmla="*/ 1158844 w 1578459"/>
                <a:gd name="connsiteY8" fmla="*/ 514867 h 2484215"/>
                <a:gd name="connsiteX9" fmla="*/ 1204152 w 1578459"/>
                <a:gd name="connsiteY9" fmla="*/ 576649 h 2484215"/>
                <a:gd name="connsiteX10" fmla="*/ 1195914 w 1578459"/>
                <a:gd name="connsiteY10" fmla="*/ 630196 h 2484215"/>
                <a:gd name="connsiteX11" fmla="*/ 1303005 w 1578459"/>
                <a:gd name="connsiteY11" fmla="*/ 737288 h 2484215"/>
                <a:gd name="connsiteX12" fmla="*/ 1381265 w 1578459"/>
                <a:gd name="connsiteY12" fmla="*/ 902045 h 2484215"/>
                <a:gd name="connsiteX13" fmla="*/ 1476001 w 1578459"/>
                <a:gd name="connsiteY13" fmla="*/ 1079159 h 2484215"/>
                <a:gd name="connsiteX14" fmla="*/ 1488357 w 1578459"/>
                <a:gd name="connsiteY14" fmla="*/ 1227440 h 2484215"/>
                <a:gd name="connsiteX15" fmla="*/ 1566617 w 1578459"/>
                <a:gd name="connsiteY15" fmla="*/ 1400434 h 2484215"/>
                <a:gd name="connsiteX16" fmla="*/ 1572455 w 1578459"/>
                <a:gd name="connsiteY16" fmla="*/ 1545252 h 2484215"/>
                <a:gd name="connsiteX17" fmla="*/ 1517190 w 1578459"/>
                <a:gd name="connsiteY17" fmla="*/ 1626975 h 2484215"/>
                <a:gd name="connsiteX18" fmla="*/ 1191795 w 1578459"/>
                <a:gd name="connsiteY18" fmla="*/ 1734066 h 2484215"/>
                <a:gd name="connsiteX19" fmla="*/ 1055871 w 1578459"/>
                <a:gd name="connsiteY19" fmla="*/ 1725829 h 2484215"/>
                <a:gd name="connsiteX20" fmla="*/ 1027039 w 1578459"/>
                <a:gd name="connsiteY20" fmla="*/ 1849395 h 2484215"/>
                <a:gd name="connsiteX21" fmla="*/ 1092941 w 1578459"/>
                <a:gd name="connsiteY21" fmla="*/ 2018272 h 2484215"/>
                <a:gd name="connsiteX22" fmla="*/ 1162963 w 1578459"/>
                <a:gd name="connsiteY22" fmla="*/ 1791732 h 2484215"/>
                <a:gd name="connsiteX23" fmla="*/ 1418337 w 1578459"/>
                <a:gd name="connsiteY23" fmla="*/ 1734066 h 2484215"/>
                <a:gd name="connsiteX24" fmla="*/ 1562498 w 1578459"/>
                <a:gd name="connsiteY24" fmla="*/ 1828802 h 2484215"/>
                <a:gd name="connsiteX25" fmla="*/ 1574856 w 1578459"/>
                <a:gd name="connsiteY25" fmla="*/ 1898822 h 2484215"/>
                <a:gd name="connsiteX26" fmla="*/ 1533666 w 1578459"/>
                <a:gd name="connsiteY26" fmla="*/ 2178909 h 2484215"/>
                <a:gd name="connsiteX27" fmla="*/ 1476001 w 1578459"/>
                <a:gd name="connsiteY27" fmla="*/ 2376618 h 2484215"/>
                <a:gd name="connsiteX28" fmla="*/ 860612 w 1578459"/>
                <a:gd name="connsiteY28" fmla="*/ 2357788 h 2484215"/>
                <a:gd name="connsiteX29" fmla="*/ 524531 w 1578459"/>
                <a:gd name="connsiteY29" fmla="*/ 2351904 h 2484215"/>
                <a:gd name="connsiteX30" fmla="*/ 273277 w 1578459"/>
                <a:gd name="connsiteY30" fmla="*/ 2454877 h 2484215"/>
                <a:gd name="connsiteX31" fmla="*/ 38497 w 1578459"/>
                <a:gd name="connsiteY31" fmla="*/ 1676402 h 2484215"/>
                <a:gd name="connsiteX32" fmla="*/ 144651 w 1578459"/>
                <a:gd name="connsiteY32" fmla="*/ 1351663 h 2484215"/>
                <a:gd name="connsiteX0" fmla="*/ 144651 w 1578459"/>
                <a:gd name="connsiteY0" fmla="*/ 1351663 h 2484215"/>
                <a:gd name="connsiteX1" fmla="*/ 232086 w 1578459"/>
                <a:gd name="connsiteY1" fmla="*/ 0 h 2484215"/>
                <a:gd name="connsiteX2" fmla="*/ 392725 w 1578459"/>
                <a:gd name="connsiteY2" fmla="*/ 61785 h 2484215"/>
                <a:gd name="connsiteX3" fmla="*/ 499818 w 1578459"/>
                <a:gd name="connsiteY3" fmla="*/ 74142 h 2484215"/>
                <a:gd name="connsiteX4" fmla="*/ 627503 w 1578459"/>
                <a:gd name="connsiteY4" fmla="*/ 144163 h 2484215"/>
                <a:gd name="connsiteX5" fmla="*/ 858163 w 1578459"/>
                <a:gd name="connsiteY5" fmla="*/ 300682 h 2484215"/>
                <a:gd name="connsiteX6" fmla="*/ 905920 w 1578459"/>
                <a:gd name="connsiteY6" fmla="*/ 353775 h 2484215"/>
                <a:gd name="connsiteX7" fmla="*/ 977611 w 1578459"/>
                <a:gd name="connsiteY7" fmla="*/ 370703 h 2484215"/>
                <a:gd name="connsiteX8" fmla="*/ 1158844 w 1578459"/>
                <a:gd name="connsiteY8" fmla="*/ 514867 h 2484215"/>
                <a:gd name="connsiteX9" fmla="*/ 1204152 w 1578459"/>
                <a:gd name="connsiteY9" fmla="*/ 576649 h 2484215"/>
                <a:gd name="connsiteX10" fmla="*/ 1195914 w 1578459"/>
                <a:gd name="connsiteY10" fmla="*/ 630196 h 2484215"/>
                <a:gd name="connsiteX11" fmla="*/ 1303005 w 1578459"/>
                <a:gd name="connsiteY11" fmla="*/ 737288 h 2484215"/>
                <a:gd name="connsiteX12" fmla="*/ 1381265 w 1578459"/>
                <a:gd name="connsiteY12" fmla="*/ 902045 h 2484215"/>
                <a:gd name="connsiteX13" fmla="*/ 1476001 w 1578459"/>
                <a:gd name="connsiteY13" fmla="*/ 1079159 h 2484215"/>
                <a:gd name="connsiteX14" fmla="*/ 1488357 w 1578459"/>
                <a:gd name="connsiteY14" fmla="*/ 1227440 h 2484215"/>
                <a:gd name="connsiteX15" fmla="*/ 1566617 w 1578459"/>
                <a:gd name="connsiteY15" fmla="*/ 1400434 h 2484215"/>
                <a:gd name="connsiteX16" fmla="*/ 1572455 w 1578459"/>
                <a:gd name="connsiteY16" fmla="*/ 1545252 h 2484215"/>
                <a:gd name="connsiteX17" fmla="*/ 1517190 w 1578459"/>
                <a:gd name="connsiteY17" fmla="*/ 1626975 h 2484215"/>
                <a:gd name="connsiteX18" fmla="*/ 1191795 w 1578459"/>
                <a:gd name="connsiteY18" fmla="*/ 1734066 h 2484215"/>
                <a:gd name="connsiteX19" fmla="*/ 1055871 w 1578459"/>
                <a:gd name="connsiteY19" fmla="*/ 1725829 h 2484215"/>
                <a:gd name="connsiteX20" fmla="*/ 1027039 w 1578459"/>
                <a:gd name="connsiteY20" fmla="*/ 1849395 h 2484215"/>
                <a:gd name="connsiteX21" fmla="*/ 1092941 w 1578459"/>
                <a:gd name="connsiteY21" fmla="*/ 2018272 h 2484215"/>
                <a:gd name="connsiteX22" fmla="*/ 1162963 w 1578459"/>
                <a:gd name="connsiteY22" fmla="*/ 1791732 h 2484215"/>
                <a:gd name="connsiteX23" fmla="*/ 1418337 w 1578459"/>
                <a:gd name="connsiteY23" fmla="*/ 1734066 h 2484215"/>
                <a:gd name="connsiteX24" fmla="*/ 1562498 w 1578459"/>
                <a:gd name="connsiteY24" fmla="*/ 1828802 h 2484215"/>
                <a:gd name="connsiteX25" fmla="*/ 1574856 w 1578459"/>
                <a:gd name="connsiteY25" fmla="*/ 1898822 h 2484215"/>
                <a:gd name="connsiteX26" fmla="*/ 1533666 w 1578459"/>
                <a:gd name="connsiteY26" fmla="*/ 2178909 h 2484215"/>
                <a:gd name="connsiteX27" fmla="*/ 1476001 w 1578459"/>
                <a:gd name="connsiteY27" fmla="*/ 2376618 h 2484215"/>
                <a:gd name="connsiteX28" fmla="*/ 860612 w 1578459"/>
                <a:gd name="connsiteY28" fmla="*/ 2357788 h 2484215"/>
                <a:gd name="connsiteX29" fmla="*/ 524531 w 1578459"/>
                <a:gd name="connsiteY29" fmla="*/ 2351904 h 2484215"/>
                <a:gd name="connsiteX30" fmla="*/ 273277 w 1578459"/>
                <a:gd name="connsiteY30" fmla="*/ 2454877 h 2484215"/>
                <a:gd name="connsiteX31" fmla="*/ 38497 w 1578459"/>
                <a:gd name="connsiteY31" fmla="*/ 1676402 h 2484215"/>
                <a:gd name="connsiteX32" fmla="*/ 144651 w 1578459"/>
                <a:gd name="connsiteY32" fmla="*/ 1351663 h 2484215"/>
                <a:gd name="connsiteX0" fmla="*/ 144993 w 1578801"/>
                <a:gd name="connsiteY0" fmla="*/ 1343425 h 2475977"/>
                <a:gd name="connsiteX1" fmla="*/ 248903 w 1578801"/>
                <a:gd name="connsiteY1" fmla="*/ 0 h 2475977"/>
                <a:gd name="connsiteX2" fmla="*/ 393067 w 1578801"/>
                <a:gd name="connsiteY2" fmla="*/ 53547 h 2475977"/>
                <a:gd name="connsiteX3" fmla="*/ 500160 w 1578801"/>
                <a:gd name="connsiteY3" fmla="*/ 65904 h 2475977"/>
                <a:gd name="connsiteX4" fmla="*/ 627845 w 1578801"/>
                <a:gd name="connsiteY4" fmla="*/ 135925 h 2475977"/>
                <a:gd name="connsiteX5" fmla="*/ 858505 w 1578801"/>
                <a:gd name="connsiteY5" fmla="*/ 292444 h 2475977"/>
                <a:gd name="connsiteX6" fmla="*/ 906262 w 1578801"/>
                <a:gd name="connsiteY6" fmla="*/ 345537 h 2475977"/>
                <a:gd name="connsiteX7" fmla="*/ 977953 w 1578801"/>
                <a:gd name="connsiteY7" fmla="*/ 362465 h 2475977"/>
                <a:gd name="connsiteX8" fmla="*/ 1159186 w 1578801"/>
                <a:gd name="connsiteY8" fmla="*/ 506629 h 2475977"/>
                <a:gd name="connsiteX9" fmla="*/ 1204494 w 1578801"/>
                <a:gd name="connsiteY9" fmla="*/ 568411 h 2475977"/>
                <a:gd name="connsiteX10" fmla="*/ 1196256 w 1578801"/>
                <a:gd name="connsiteY10" fmla="*/ 621958 h 2475977"/>
                <a:gd name="connsiteX11" fmla="*/ 1303347 w 1578801"/>
                <a:gd name="connsiteY11" fmla="*/ 729050 h 2475977"/>
                <a:gd name="connsiteX12" fmla="*/ 1381607 w 1578801"/>
                <a:gd name="connsiteY12" fmla="*/ 893807 h 2475977"/>
                <a:gd name="connsiteX13" fmla="*/ 1476343 w 1578801"/>
                <a:gd name="connsiteY13" fmla="*/ 1070921 h 2475977"/>
                <a:gd name="connsiteX14" fmla="*/ 1488699 w 1578801"/>
                <a:gd name="connsiteY14" fmla="*/ 1219202 h 2475977"/>
                <a:gd name="connsiteX15" fmla="*/ 1566959 w 1578801"/>
                <a:gd name="connsiteY15" fmla="*/ 1392196 h 2475977"/>
                <a:gd name="connsiteX16" fmla="*/ 1572797 w 1578801"/>
                <a:gd name="connsiteY16" fmla="*/ 1537014 h 2475977"/>
                <a:gd name="connsiteX17" fmla="*/ 1517532 w 1578801"/>
                <a:gd name="connsiteY17" fmla="*/ 1618737 h 2475977"/>
                <a:gd name="connsiteX18" fmla="*/ 1192137 w 1578801"/>
                <a:gd name="connsiteY18" fmla="*/ 1725828 h 2475977"/>
                <a:gd name="connsiteX19" fmla="*/ 1056213 w 1578801"/>
                <a:gd name="connsiteY19" fmla="*/ 1717591 h 2475977"/>
                <a:gd name="connsiteX20" fmla="*/ 1027381 w 1578801"/>
                <a:gd name="connsiteY20" fmla="*/ 1841157 h 2475977"/>
                <a:gd name="connsiteX21" fmla="*/ 1093283 w 1578801"/>
                <a:gd name="connsiteY21" fmla="*/ 2010034 h 2475977"/>
                <a:gd name="connsiteX22" fmla="*/ 1163305 w 1578801"/>
                <a:gd name="connsiteY22" fmla="*/ 1783494 h 2475977"/>
                <a:gd name="connsiteX23" fmla="*/ 1418679 w 1578801"/>
                <a:gd name="connsiteY23" fmla="*/ 1725828 h 2475977"/>
                <a:gd name="connsiteX24" fmla="*/ 1562840 w 1578801"/>
                <a:gd name="connsiteY24" fmla="*/ 1820564 h 2475977"/>
                <a:gd name="connsiteX25" fmla="*/ 1575198 w 1578801"/>
                <a:gd name="connsiteY25" fmla="*/ 1890584 h 2475977"/>
                <a:gd name="connsiteX26" fmla="*/ 1534008 w 1578801"/>
                <a:gd name="connsiteY26" fmla="*/ 2170671 h 2475977"/>
                <a:gd name="connsiteX27" fmla="*/ 1476343 w 1578801"/>
                <a:gd name="connsiteY27" fmla="*/ 2368380 h 2475977"/>
                <a:gd name="connsiteX28" fmla="*/ 860954 w 1578801"/>
                <a:gd name="connsiteY28" fmla="*/ 2349550 h 2475977"/>
                <a:gd name="connsiteX29" fmla="*/ 524873 w 1578801"/>
                <a:gd name="connsiteY29" fmla="*/ 2343666 h 2475977"/>
                <a:gd name="connsiteX30" fmla="*/ 273619 w 1578801"/>
                <a:gd name="connsiteY30" fmla="*/ 2446639 h 2475977"/>
                <a:gd name="connsiteX31" fmla="*/ 38839 w 1578801"/>
                <a:gd name="connsiteY31" fmla="*/ 1668164 h 2475977"/>
                <a:gd name="connsiteX32" fmla="*/ 144993 w 1578801"/>
                <a:gd name="connsiteY32" fmla="*/ 1343425 h 2475977"/>
                <a:gd name="connsiteX0" fmla="*/ 144993 w 1578801"/>
                <a:gd name="connsiteY0" fmla="*/ 1343425 h 2475977"/>
                <a:gd name="connsiteX1" fmla="*/ 248903 w 1578801"/>
                <a:gd name="connsiteY1" fmla="*/ 0 h 2475977"/>
                <a:gd name="connsiteX2" fmla="*/ 393067 w 1578801"/>
                <a:gd name="connsiteY2" fmla="*/ 53547 h 2475977"/>
                <a:gd name="connsiteX3" fmla="*/ 500160 w 1578801"/>
                <a:gd name="connsiteY3" fmla="*/ 65904 h 2475977"/>
                <a:gd name="connsiteX4" fmla="*/ 627845 w 1578801"/>
                <a:gd name="connsiteY4" fmla="*/ 135925 h 2475977"/>
                <a:gd name="connsiteX5" fmla="*/ 858505 w 1578801"/>
                <a:gd name="connsiteY5" fmla="*/ 292444 h 2475977"/>
                <a:gd name="connsiteX6" fmla="*/ 906262 w 1578801"/>
                <a:gd name="connsiteY6" fmla="*/ 345537 h 2475977"/>
                <a:gd name="connsiteX7" fmla="*/ 977953 w 1578801"/>
                <a:gd name="connsiteY7" fmla="*/ 362465 h 2475977"/>
                <a:gd name="connsiteX8" fmla="*/ 1159186 w 1578801"/>
                <a:gd name="connsiteY8" fmla="*/ 506629 h 2475977"/>
                <a:gd name="connsiteX9" fmla="*/ 1204494 w 1578801"/>
                <a:gd name="connsiteY9" fmla="*/ 568411 h 2475977"/>
                <a:gd name="connsiteX10" fmla="*/ 1196256 w 1578801"/>
                <a:gd name="connsiteY10" fmla="*/ 621958 h 2475977"/>
                <a:gd name="connsiteX11" fmla="*/ 1303347 w 1578801"/>
                <a:gd name="connsiteY11" fmla="*/ 729050 h 2475977"/>
                <a:gd name="connsiteX12" fmla="*/ 1381607 w 1578801"/>
                <a:gd name="connsiteY12" fmla="*/ 893807 h 2475977"/>
                <a:gd name="connsiteX13" fmla="*/ 1476343 w 1578801"/>
                <a:gd name="connsiteY13" fmla="*/ 1070921 h 2475977"/>
                <a:gd name="connsiteX14" fmla="*/ 1488699 w 1578801"/>
                <a:gd name="connsiteY14" fmla="*/ 1219202 h 2475977"/>
                <a:gd name="connsiteX15" fmla="*/ 1566959 w 1578801"/>
                <a:gd name="connsiteY15" fmla="*/ 1392196 h 2475977"/>
                <a:gd name="connsiteX16" fmla="*/ 1572797 w 1578801"/>
                <a:gd name="connsiteY16" fmla="*/ 1537014 h 2475977"/>
                <a:gd name="connsiteX17" fmla="*/ 1517532 w 1578801"/>
                <a:gd name="connsiteY17" fmla="*/ 1618737 h 2475977"/>
                <a:gd name="connsiteX18" fmla="*/ 1192137 w 1578801"/>
                <a:gd name="connsiteY18" fmla="*/ 1725828 h 2475977"/>
                <a:gd name="connsiteX19" fmla="*/ 1056213 w 1578801"/>
                <a:gd name="connsiteY19" fmla="*/ 1717591 h 2475977"/>
                <a:gd name="connsiteX20" fmla="*/ 1027381 w 1578801"/>
                <a:gd name="connsiteY20" fmla="*/ 1841157 h 2475977"/>
                <a:gd name="connsiteX21" fmla="*/ 1093283 w 1578801"/>
                <a:gd name="connsiteY21" fmla="*/ 2010034 h 2475977"/>
                <a:gd name="connsiteX22" fmla="*/ 1163305 w 1578801"/>
                <a:gd name="connsiteY22" fmla="*/ 1783494 h 2475977"/>
                <a:gd name="connsiteX23" fmla="*/ 1418679 w 1578801"/>
                <a:gd name="connsiteY23" fmla="*/ 1725828 h 2475977"/>
                <a:gd name="connsiteX24" fmla="*/ 1562840 w 1578801"/>
                <a:gd name="connsiteY24" fmla="*/ 1820564 h 2475977"/>
                <a:gd name="connsiteX25" fmla="*/ 1575198 w 1578801"/>
                <a:gd name="connsiteY25" fmla="*/ 1890584 h 2475977"/>
                <a:gd name="connsiteX26" fmla="*/ 1534008 w 1578801"/>
                <a:gd name="connsiteY26" fmla="*/ 2170671 h 2475977"/>
                <a:gd name="connsiteX27" fmla="*/ 1476343 w 1578801"/>
                <a:gd name="connsiteY27" fmla="*/ 2368380 h 2475977"/>
                <a:gd name="connsiteX28" fmla="*/ 860954 w 1578801"/>
                <a:gd name="connsiteY28" fmla="*/ 2349550 h 2475977"/>
                <a:gd name="connsiteX29" fmla="*/ 524873 w 1578801"/>
                <a:gd name="connsiteY29" fmla="*/ 2343666 h 2475977"/>
                <a:gd name="connsiteX30" fmla="*/ 273619 w 1578801"/>
                <a:gd name="connsiteY30" fmla="*/ 2446639 h 2475977"/>
                <a:gd name="connsiteX31" fmla="*/ 38839 w 1578801"/>
                <a:gd name="connsiteY31" fmla="*/ 1668164 h 2475977"/>
                <a:gd name="connsiteX32" fmla="*/ 144993 w 1578801"/>
                <a:gd name="connsiteY32" fmla="*/ 1343425 h 2475977"/>
                <a:gd name="connsiteX0" fmla="*/ 144908 w 1578716"/>
                <a:gd name="connsiteY0" fmla="*/ 1351663 h 2484215"/>
                <a:gd name="connsiteX1" fmla="*/ 244699 w 1578716"/>
                <a:gd name="connsiteY1" fmla="*/ 0 h 2484215"/>
                <a:gd name="connsiteX2" fmla="*/ 392982 w 1578716"/>
                <a:gd name="connsiteY2" fmla="*/ 61785 h 2484215"/>
                <a:gd name="connsiteX3" fmla="*/ 500075 w 1578716"/>
                <a:gd name="connsiteY3" fmla="*/ 74142 h 2484215"/>
                <a:gd name="connsiteX4" fmla="*/ 627760 w 1578716"/>
                <a:gd name="connsiteY4" fmla="*/ 144163 h 2484215"/>
                <a:gd name="connsiteX5" fmla="*/ 858420 w 1578716"/>
                <a:gd name="connsiteY5" fmla="*/ 300682 h 2484215"/>
                <a:gd name="connsiteX6" fmla="*/ 906177 w 1578716"/>
                <a:gd name="connsiteY6" fmla="*/ 353775 h 2484215"/>
                <a:gd name="connsiteX7" fmla="*/ 977868 w 1578716"/>
                <a:gd name="connsiteY7" fmla="*/ 370703 h 2484215"/>
                <a:gd name="connsiteX8" fmla="*/ 1159101 w 1578716"/>
                <a:gd name="connsiteY8" fmla="*/ 514867 h 2484215"/>
                <a:gd name="connsiteX9" fmla="*/ 1204409 w 1578716"/>
                <a:gd name="connsiteY9" fmla="*/ 576649 h 2484215"/>
                <a:gd name="connsiteX10" fmla="*/ 1196171 w 1578716"/>
                <a:gd name="connsiteY10" fmla="*/ 630196 h 2484215"/>
                <a:gd name="connsiteX11" fmla="*/ 1303262 w 1578716"/>
                <a:gd name="connsiteY11" fmla="*/ 737288 h 2484215"/>
                <a:gd name="connsiteX12" fmla="*/ 1381522 w 1578716"/>
                <a:gd name="connsiteY12" fmla="*/ 902045 h 2484215"/>
                <a:gd name="connsiteX13" fmla="*/ 1476258 w 1578716"/>
                <a:gd name="connsiteY13" fmla="*/ 1079159 h 2484215"/>
                <a:gd name="connsiteX14" fmla="*/ 1488614 w 1578716"/>
                <a:gd name="connsiteY14" fmla="*/ 1227440 h 2484215"/>
                <a:gd name="connsiteX15" fmla="*/ 1566874 w 1578716"/>
                <a:gd name="connsiteY15" fmla="*/ 1400434 h 2484215"/>
                <a:gd name="connsiteX16" fmla="*/ 1572712 w 1578716"/>
                <a:gd name="connsiteY16" fmla="*/ 1545252 h 2484215"/>
                <a:gd name="connsiteX17" fmla="*/ 1517447 w 1578716"/>
                <a:gd name="connsiteY17" fmla="*/ 1626975 h 2484215"/>
                <a:gd name="connsiteX18" fmla="*/ 1192052 w 1578716"/>
                <a:gd name="connsiteY18" fmla="*/ 1734066 h 2484215"/>
                <a:gd name="connsiteX19" fmla="*/ 1056128 w 1578716"/>
                <a:gd name="connsiteY19" fmla="*/ 1725829 h 2484215"/>
                <a:gd name="connsiteX20" fmla="*/ 1027296 w 1578716"/>
                <a:gd name="connsiteY20" fmla="*/ 1849395 h 2484215"/>
                <a:gd name="connsiteX21" fmla="*/ 1093198 w 1578716"/>
                <a:gd name="connsiteY21" fmla="*/ 2018272 h 2484215"/>
                <a:gd name="connsiteX22" fmla="*/ 1163220 w 1578716"/>
                <a:gd name="connsiteY22" fmla="*/ 1791732 h 2484215"/>
                <a:gd name="connsiteX23" fmla="*/ 1418594 w 1578716"/>
                <a:gd name="connsiteY23" fmla="*/ 1734066 h 2484215"/>
                <a:gd name="connsiteX24" fmla="*/ 1562755 w 1578716"/>
                <a:gd name="connsiteY24" fmla="*/ 1828802 h 2484215"/>
                <a:gd name="connsiteX25" fmla="*/ 1575113 w 1578716"/>
                <a:gd name="connsiteY25" fmla="*/ 1898822 h 2484215"/>
                <a:gd name="connsiteX26" fmla="*/ 1533923 w 1578716"/>
                <a:gd name="connsiteY26" fmla="*/ 2178909 h 2484215"/>
                <a:gd name="connsiteX27" fmla="*/ 1476258 w 1578716"/>
                <a:gd name="connsiteY27" fmla="*/ 2376618 h 2484215"/>
                <a:gd name="connsiteX28" fmla="*/ 860869 w 1578716"/>
                <a:gd name="connsiteY28" fmla="*/ 2357788 h 2484215"/>
                <a:gd name="connsiteX29" fmla="*/ 524788 w 1578716"/>
                <a:gd name="connsiteY29" fmla="*/ 2351904 h 2484215"/>
                <a:gd name="connsiteX30" fmla="*/ 273534 w 1578716"/>
                <a:gd name="connsiteY30" fmla="*/ 2454877 h 2484215"/>
                <a:gd name="connsiteX31" fmla="*/ 38754 w 1578716"/>
                <a:gd name="connsiteY31" fmla="*/ 1676402 h 2484215"/>
                <a:gd name="connsiteX32" fmla="*/ 144908 w 1578716"/>
                <a:gd name="connsiteY32" fmla="*/ 1351663 h 2484215"/>
                <a:gd name="connsiteX0" fmla="*/ 141363 w 1579290"/>
                <a:gd name="connsiteY0" fmla="*/ 1359901 h 2484215"/>
                <a:gd name="connsiteX1" fmla="*/ 245273 w 1579290"/>
                <a:gd name="connsiteY1" fmla="*/ 0 h 2484215"/>
                <a:gd name="connsiteX2" fmla="*/ 393556 w 1579290"/>
                <a:gd name="connsiteY2" fmla="*/ 61785 h 2484215"/>
                <a:gd name="connsiteX3" fmla="*/ 500649 w 1579290"/>
                <a:gd name="connsiteY3" fmla="*/ 74142 h 2484215"/>
                <a:gd name="connsiteX4" fmla="*/ 628334 w 1579290"/>
                <a:gd name="connsiteY4" fmla="*/ 144163 h 2484215"/>
                <a:gd name="connsiteX5" fmla="*/ 858994 w 1579290"/>
                <a:gd name="connsiteY5" fmla="*/ 300682 h 2484215"/>
                <a:gd name="connsiteX6" fmla="*/ 906751 w 1579290"/>
                <a:gd name="connsiteY6" fmla="*/ 353775 h 2484215"/>
                <a:gd name="connsiteX7" fmla="*/ 978442 w 1579290"/>
                <a:gd name="connsiteY7" fmla="*/ 370703 h 2484215"/>
                <a:gd name="connsiteX8" fmla="*/ 1159675 w 1579290"/>
                <a:gd name="connsiteY8" fmla="*/ 514867 h 2484215"/>
                <a:gd name="connsiteX9" fmla="*/ 1204983 w 1579290"/>
                <a:gd name="connsiteY9" fmla="*/ 576649 h 2484215"/>
                <a:gd name="connsiteX10" fmla="*/ 1196745 w 1579290"/>
                <a:gd name="connsiteY10" fmla="*/ 630196 h 2484215"/>
                <a:gd name="connsiteX11" fmla="*/ 1303836 w 1579290"/>
                <a:gd name="connsiteY11" fmla="*/ 737288 h 2484215"/>
                <a:gd name="connsiteX12" fmla="*/ 1382096 w 1579290"/>
                <a:gd name="connsiteY12" fmla="*/ 902045 h 2484215"/>
                <a:gd name="connsiteX13" fmla="*/ 1476832 w 1579290"/>
                <a:gd name="connsiteY13" fmla="*/ 1079159 h 2484215"/>
                <a:gd name="connsiteX14" fmla="*/ 1489188 w 1579290"/>
                <a:gd name="connsiteY14" fmla="*/ 1227440 h 2484215"/>
                <a:gd name="connsiteX15" fmla="*/ 1567448 w 1579290"/>
                <a:gd name="connsiteY15" fmla="*/ 1400434 h 2484215"/>
                <a:gd name="connsiteX16" fmla="*/ 1573286 w 1579290"/>
                <a:gd name="connsiteY16" fmla="*/ 1545252 h 2484215"/>
                <a:gd name="connsiteX17" fmla="*/ 1518021 w 1579290"/>
                <a:gd name="connsiteY17" fmla="*/ 1626975 h 2484215"/>
                <a:gd name="connsiteX18" fmla="*/ 1192626 w 1579290"/>
                <a:gd name="connsiteY18" fmla="*/ 1734066 h 2484215"/>
                <a:gd name="connsiteX19" fmla="*/ 1056702 w 1579290"/>
                <a:gd name="connsiteY19" fmla="*/ 1725829 h 2484215"/>
                <a:gd name="connsiteX20" fmla="*/ 1027870 w 1579290"/>
                <a:gd name="connsiteY20" fmla="*/ 1849395 h 2484215"/>
                <a:gd name="connsiteX21" fmla="*/ 1093772 w 1579290"/>
                <a:gd name="connsiteY21" fmla="*/ 2018272 h 2484215"/>
                <a:gd name="connsiteX22" fmla="*/ 1163794 w 1579290"/>
                <a:gd name="connsiteY22" fmla="*/ 1791732 h 2484215"/>
                <a:gd name="connsiteX23" fmla="*/ 1419168 w 1579290"/>
                <a:gd name="connsiteY23" fmla="*/ 1734066 h 2484215"/>
                <a:gd name="connsiteX24" fmla="*/ 1563329 w 1579290"/>
                <a:gd name="connsiteY24" fmla="*/ 1828802 h 2484215"/>
                <a:gd name="connsiteX25" fmla="*/ 1575687 w 1579290"/>
                <a:gd name="connsiteY25" fmla="*/ 1898822 h 2484215"/>
                <a:gd name="connsiteX26" fmla="*/ 1534497 w 1579290"/>
                <a:gd name="connsiteY26" fmla="*/ 2178909 h 2484215"/>
                <a:gd name="connsiteX27" fmla="*/ 1476832 w 1579290"/>
                <a:gd name="connsiteY27" fmla="*/ 2376618 h 2484215"/>
                <a:gd name="connsiteX28" fmla="*/ 861443 w 1579290"/>
                <a:gd name="connsiteY28" fmla="*/ 2357788 h 2484215"/>
                <a:gd name="connsiteX29" fmla="*/ 525362 w 1579290"/>
                <a:gd name="connsiteY29" fmla="*/ 2351904 h 2484215"/>
                <a:gd name="connsiteX30" fmla="*/ 274108 w 1579290"/>
                <a:gd name="connsiteY30" fmla="*/ 2454877 h 2484215"/>
                <a:gd name="connsiteX31" fmla="*/ 39328 w 1579290"/>
                <a:gd name="connsiteY31" fmla="*/ 1676402 h 2484215"/>
                <a:gd name="connsiteX32" fmla="*/ 141363 w 1579290"/>
                <a:gd name="connsiteY32" fmla="*/ 1359901 h 2484215"/>
                <a:gd name="connsiteX0" fmla="*/ 141363 w 1579290"/>
                <a:gd name="connsiteY0" fmla="*/ 1359901 h 2484215"/>
                <a:gd name="connsiteX1" fmla="*/ 245273 w 1579290"/>
                <a:gd name="connsiteY1" fmla="*/ 0 h 2484215"/>
                <a:gd name="connsiteX2" fmla="*/ 393556 w 1579290"/>
                <a:gd name="connsiteY2" fmla="*/ 61785 h 2484215"/>
                <a:gd name="connsiteX3" fmla="*/ 500649 w 1579290"/>
                <a:gd name="connsiteY3" fmla="*/ 74142 h 2484215"/>
                <a:gd name="connsiteX4" fmla="*/ 628334 w 1579290"/>
                <a:gd name="connsiteY4" fmla="*/ 144163 h 2484215"/>
                <a:gd name="connsiteX5" fmla="*/ 858994 w 1579290"/>
                <a:gd name="connsiteY5" fmla="*/ 300682 h 2484215"/>
                <a:gd name="connsiteX6" fmla="*/ 906751 w 1579290"/>
                <a:gd name="connsiteY6" fmla="*/ 353775 h 2484215"/>
                <a:gd name="connsiteX7" fmla="*/ 978442 w 1579290"/>
                <a:gd name="connsiteY7" fmla="*/ 370703 h 2484215"/>
                <a:gd name="connsiteX8" fmla="*/ 1159675 w 1579290"/>
                <a:gd name="connsiteY8" fmla="*/ 514867 h 2484215"/>
                <a:gd name="connsiteX9" fmla="*/ 1204983 w 1579290"/>
                <a:gd name="connsiteY9" fmla="*/ 576649 h 2484215"/>
                <a:gd name="connsiteX10" fmla="*/ 1196745 w 1579290"/>
                <a:gd name="connsiteY10" fmla="*/ 630196 h 2484215"/>
                <a:gd name="connsiteX11" fmla="*/ 1303836 w 1579290"/>
                <a:gd name="connsiteY11" fmla="*/ 737288 h 2484215"/>
                <a:gd name="connsiteX12" fmla="*/ 1382096 w 1579290"/>
                <a:gd name="connsiteY12" fmla="*/ 902045 h 2484215"/>
                <a:gd name="connsiteX13" fmla="*/ 1476832 w 1579290"/>
                <a:gd name="connsiteY13" fmla="*/ 1079159 h 2484215"/>
                <a:gd name="connsiteX14" fmla="*/ 1489188 w 1579290"/>
                <a:gd name="connsiteY14" fmla="*/ 1227440 h 2484215"/>
                <a:gd name="connsiteX15" fmla="*/ 1567448 w 1579290"/>
                <a:gd name="connsiteY15" fmla="*/ 1400434 h 2484215"/>
                <a:gd name="connsiteX16" fmla="*/ 1573286 w 1579290"/>
                <a:gd name="connsiteY16" fmla="*/ 1545252 h 2484215"/>
                <a:gd name="connsiteX17" fmla="*/ 1518021 w 1579290"/>
                <a:gd name="connsiteY17" fmla="*/ 1626975 h 2484215"/>
                <a:gd name="connsiteX18" fmla="*/ 1192626 w 1579290"/>
                <a:gd name="connsiteY18" fmla="*/ 1734066 h 2484215"/>
                <a:gd name="connsiteX19" fmla="*/ 1056702 w 1579290"/>
                <a:gd name="connsiteY19" fmla="*/ 1725829 h 2484215"/>
                <a:gd name="connsiteX20" fmla="*/ 1027870 w 1579290"/>
                <a:gd name="connsiteY20" fmla="*/ 1849395 h 2484215"/>
                <a:gd name="connsiteX21" fmla="*/ 1093772 w 1579290"/>
                <a:gd name="connsiteY21" fmla="*/ 2018272 h 2484215"/>
                <a:gd name="connsiteX22" fmla="*/ 1163794 w 1579290"/>
                <a:gd name="connsiteY22" fmla="*/ 1791732 h 2484215"/>
                <a:gd name="connsiteX23" fmla="*/ 1419168 w 1579290"/>
                <a:gd name="connsiteY23" fmla="*/ 1734066 h 2484215"/>
                <a:gd name="connsiteX24" fmla="*/ 1563329 w 1579290"/>
                <a:gd name="connsiteY24" fmla="*/ 1828802 h 2484215"/>
                <a:gd name="connsiteX25" fmla="*/ 1575687 w 1579290"/>
                <a:gd name="connsiteY25" fmla="*/ 1898822 h 2484215"/>
                <a:gd name="connsiteX26" fmla="*/ 1534497 w 1579290"/>
                <a:gd name="connsiteY26" fmla="*/ 2178909 h 2484215"/>
                <a:gd name="connsiteX27" fmla="*/ 1476832 w 1579290"/>
                <a:gd name="connsiteY27" fmla="*/ 2376618 h 2484215"/>
                <a:gd name="connsiteX28" fmla="*/ 861443 w 1579290"/>
                <a:gd name="connsiteY28" fmla="*/ 2357788 h 2484215"/>
                <a:gd name="connsiteX29" fmla="*/ 525362 w 1579290"/>
                <a:gd name="connsiteY29" fmla="*/ 2351904 h 2484215"/>
                <a:gd name="connsiteX30" fmla="*/ 274108 w 1579290"/>
                <a:gd name="connsiteY30" fmla="*/ 2454877 h 2484215"/>
                <a:gd name="connsiteX31" fmla="*/ 39328 w 1579290"/>
                <a:gd name="connsiteY31" fmla="*/ 1676402 h 2484215"/>
                <a:gd name="connsiteX32" fmla="*/ 141363 w 1579290"/>
                <a:gd name="connsiteY32" fmla="*/ 1359901 h 2484215"/>
                <a:gd name="connsiteX0" fmla="*/ 125730 w 1563657"/>
                <a:gd name="connsiteY0" fmla="*/ 1359901 h 2484215"/>
                <a:gd name="connsiteX1" fmla="*/ 229640 w 1563657"/>
                <a:gd name="connsiteY1" fmla="*/ 0 h 2484215"/>
                <a:gd name="connsiteX2" fmla="*/ 377923 w 1563657"/>
                <a:gd name="connsiteY2" fmla="*/ 61785 h 2484215"/>
                <a:gd name="connsiteX3" fmla="*/ 485016 w 1563657"/>
                <a:gd name="connsiteY3" fmla="*/ 74142 h 2484215"/>
                <a:gd name="connsiteX4" fmla="*/ 612701 w 1563657"/>
                <a:gd name="connsiteY4" fmla="*/ 144163 h 2484215"/>
                <a:gd name="connsiteX5" fmla="*/ 843361 w 1563657"/>
                <a:gd name="connsiteY5" fmla="*/ 300682 h 2484215"/>
                <a:gd name="connsiteX6" fmla="*/ 891118 w 1563657"/>
                <a:gd name="connsiteY6" fmla="*/ 353775 h 2484215"/>
                <a:gd name="connsiteX7" fmla="*/ 962809 w 1563657"/>
                <a:gd name="connsiteY7" fmla="*/ 370703 h 2484215"/>
                <a:gd name="connsiteX8" fmla="*/ 1144042 w 1563657"/>
                <a:gd name="connsiteY8" fmla="*/ 514867 h 2484215"/>
                <a:gd name="connsiteX9" fmla="*/ 1189350 w 1563657"/>
                <a:gd name="connsiteY9" fmla="*/ 576649 h 2484215"/>
                <a:gd name="connsiteX10" fmla="*/ 1181112 w 1563657"/>
                <a:gd name="connsiteY10" fmla="*/ 630196 h 2484215"/>
                <a:gd name="connsiteX11" fmla="*/ 1288203 w 1563657"/>
                <a:gd name="connsiteY11" fmla="*/ 737288 h 2484215"/>
                <a:gd name="connsiteX12" fmla="*/ 1366463 w 1563657"/>
                <a:gd name="connsiteY12" fmla="*/ 902045 h 2484215"/>
                <a:gd name="connsiteX13" fmla="*/ 1461199 w 1563657"/>
                <a:gd name="connsiteY13" fmla="*/ 1079159 h 2484215"/>
                <a:gd name="connsiteX14" fmla="*/ 1473555 w 1563657"/>
                <a:gd name="connsiteY14" fmla="*/ 1227440 h 2484215"/>
                <a:gd name="connsiteX15" fmla="*/ 1551815 w 1563657"/>
                <a:gd name="connsiteY15" fmla="*/ 1400434 h 2484215"/>
                <a:gd name="connsiteX16" fmla="*/ 1557653 w 1563657"/>
                <a:gd name="connsiteY16" fmla="*/ 1545252 h 2484215"/>
                <a:gd name="connsiteX17" fmla="*/ 1502388 w 1563657"/>
                <a:gd name="connsiteY17" fmla="*/ 1626975 h 2484215"/>
                <a:gd name="connsiteX18" fmla="*/ 1176993 w 1563657"/>
                <a:gd name="connsiteY18" fmla="*/ 1734066 h 2484215"/>
                <a:gd name="connsiteX19" fmla="*/ 1041069 w 1563657"/>
                <a:gd name="connsiteY19" fmla="*/ 1725829 h 2484215"/>
                <a:gd name="connsiteX20" fmla="*/ 1012237 w 1563657"/>
                <a:gd name="connsiteY20" fmla="*/ 1849395 h 2484215"/>
                <a:gd name="connsiteX21" fmla="*/ 1078139 w 1563657"/>
                <a:gd name="connsiteY21" fmla="*/ 2018272 h 2484215"/>
                <a:gd name="connsiteX22" fmla="*/ 1148161 w 1563657"/>
                <a:gd name="connsiteY22" fmla="*/ 1791732 h 2484215"/>
                <a:gd name="connsiteX23" fmla="*/ 1403535 w 1563657"/>
                <a:gd name="connsiteY23" fmla="*/ 1734066 h 2484215"/>
                <a:gd name="connsiteX24" fmla="*/ 1547696 w 1563657"/>
                <a:gd name="connsiteY24" fmla="*/ 1828802 h 2484215"/>
                <a:gd name="connsiteX25" fmla="*/ 1560054 w 1563657"/>
                <a:gd name="connsiteY25" fmla="*/ 1898822 h 2484215"/>
                <a:gd name="connsiteX26" fmla="*/ 1518864 w 1563657"/>
                <a:gd name="connsiteY26" fmla="*/ 2178909 h 2484215"/>
                <a:gd name="connsiteX27" fmla="*/ 1461199 w 1563657"/>
                <a:gd name="connsiteY27" fmla="*/ 2376618 h 2484215"/>
                <a:gd name="connsiteX28" fmla="*/ 845810 w 1563657"/>
                <a:gd name="connsiteY28" fmla="*/ 2357788 h 2484215"/>
                <a:gd name="connsiteX29" fmla="*/ 509729 w 1563657"/>
                <a:gd name="connsiteY29" fmla="*/ 2351904 h 2484215"/>
                <a:gd name="connsiteX30" fmla="*/ 258475 w 1563657"/>
                <a:gd name="connsiteY30" fmla="*/ 2454877 h 2484215"/>
                <a:gd name="connsiteX31" fmla="*/ 23695 w 1563657"/>
                <a:gd name="connsiteY31" fmla="*/ 1676402 h 2484215"/>
                <a:gd name="connsiteX32" fmla="*/ 27815 w 1563657"/>
                <a:gd name="connsiteY32" fmla="*/ 1552834 h 2484215"/>
                <a:gd name="connsiteX33" fmla="*/ 125730 w 1563657"/>
                <a:gd name="connsiteY33" fmla="*/ 1359901 h 2484215"/>
                <a:gd name="connsiteX0" fmla="*/ 124544 w 1562471"/>
                <a:gd name="connsiteY0" fmla="*/ 1359901 h 2484215"/>
                <a:gd name="connsiteX1" fmla="*/ 228454 w 1562471"/>
                <a:gd name="connsiteY1" fmla="*/ 0 h 2484215"/>
                <a:gd name="connsiteX2" fmla="*/ 376737 w 1562471"/>
                <a:gd name="connsiteY2" fmla="*/ 61785 h 2484215"/>
                <a:gd name="connsiteX3" fmla="*/ 483830 w 1562471"/>
                <a:gd name="connsiteY3" fmla="*/ 74142 h 2484215"/>
                <a:gd name="connsiteX4" fmla="*/ 611515 w 1562471"/>
                <a:gd name="connsiteY4" fmla="*/ 144163 h 2484215"/>
                <a:gd name="connsiteX5" fmla="*/ 842175 w 1562471"/>
                <a:gd name="connsiteY5" fmla="*/ 300682 h 2484215"/>
                <a:gd name="connsiteX6" fmla="*/ 889932 w 1562471"/>
                <a:gd name="connsiteY6" fmla="*/ 353775 h 2484215"/>
                <a:gd name="connsiteX7" fmla="*/ 961623 w 1562471"/>
                <a:gd name="connsiteY7" fmla="*/ 370703 h 2484215"/>
                <a:gd name="connsiteX8" fmla="*/ 1142856 w 1562471"/>
                <a:gd name="connsiteY8" fmla="*/ 514867 h 2484215"/>
                <a:gd name="connsiteX9" fmla="*/ 1188164 w 1562471"/>
                <a:gd name="connsiteY9" fmla="*/ 576649 h 2484215"/>
                <a:gd name="connsiteX10" fmla="*/ 1179926 w 1562471"/>
                <a:gd name="connsiteY10" fmla="*/ 630196 h 2484215"/>
                <a:gd name="connsiteX11" fmla="*/ 1287017 w 1562471"/>
                <a:gd name="connsiteY11" fmla="*/ 737288 h 2484215"/>
                <a:gd name="connsiteX12" fmla="*/ 1365277 w 1562471"/>
                <a:gd name="connsiteY12" fmla="*/ 902045 h 2484215"/>
                <a:gd name="connsiteX13" fmla="*/ 1460013 w 1562471"/>
                <a:gd name="connsiteY13" fmla="*/ 1079159 h 2484215"/>
                <a:gd name="connsiteX14" fmla="*/ 1472369 w 1562471"/>
                <a:gd name="connsiteY14" fmla="*/ 1227440 h 2484215"/>
                <a:gd name="connsiteX15" fmla="*/ 1550629 w 1562471"/>
                <a:gd name="connsiteY15" fmla="*/ 1400434 h 2484215"/>
                <a:gd name="connsiteX16" fmla="*/ 1556467 w 1562471"/>
                <a:gd name="connsiteY16" fmla="*/ 1545252 h 2484215"/>
                <a:gd name="connsiteX17" fmla="*/ 1501202 w 1562471"/>
                <a:gd name="connsiteY17" fmla="*/ 1626975 h 2484215"/>
                <a:gd name="connsiteX18" fmla="*/ 1175807 w 1562471"/>
                <a:gd name="connsiteY18" fmla="*/ 1734066 h 2484215"/>
                <a:gd name="connsiteX19" fmla="*/ 1039883 w 1562471"/>
                <a:gd name="connsiteY19" fmla="*/ 1725829 h 2484215"/>
                <a:gd name="connsiteX20" fmla="*/ 1011051 w 1562471"/>
                <a:gd name="connsiteY20" fmla="*/ 1849395 h 2484215"/>
                <a:gd name="connsiteX21" fmla="*/ 1076953 w 1562471"/>
                <a:gd name="connsiteY21" fmla="*/ 2018272 h 2484215"/>
                <a:gd name="connsiteX22" fmla="*/ 1146975 w 1562471"/>
                <a:gd name="connsiteY22" fmla="*/ 1791732 h 2484215"/>
                <a:gd name="connsiteX23" fmla="*/ 1402349 w 1562471"/>
                <a:gd name="connsiteY23" fmla="*/ 1734066 h 2484215"/>
                <a:gd name="connsiteX24" fmla="*/ 1546510 w 1562471"/>
                <a:gd name="connsiteY24" fmla="*/ 1828802 h 2484215"/>
                <a:gd name="connsiteX25" fmla="*/ 1558868 w 1562471"/>
                <a:gd name="connsiteY25" fmla="*/ 1898822 h 2484215"/>
                <a:gd name="connsiteX26" fmla="*/ 1517678 w 1562471"/>
                <a:gd name="connsiteY26" fmla="*/ 2178909 h 2484215"/>
                <a:gd name="connsiteX27" fmla="*/ 1460013 w 1562471"/>
                <a:gd name="connsiteY27" fmla="*/ 2376618 h 2484215"/>
                <a:gd name="connsiteX28" fmla="*/ 844624 w 1562471"/>
                <a:gd name="connsiteY28" fmla="*/ 2357788 h 2484215"/>
                <a:gd name="connsiteX29" fmla="*/ 508543 w 1562471"/>
                <a:gd name="connsiteY29" fmla="*/ 2351904 h 2484215"/>
                <a:gd name="connsiteX30" fmla="*/ 257289 w 1562471"/>
                <a:gd name="connsiteY30" fmla="*/ 2454877 h 2484215"/>
                <a:gd name="connsiteX31" fmla="*/ 22509 w 1562471"/>
                <a:gd name="connsiteY31" fmla="*/ 1676402 h 2484215"/>
                <a:gd name="connsiteX32" fmla="*/ 26629 w 1562471"/>
                <a:gd name="connsiteY32" fmla="*/ 1552834 h 2484215"/>
                <a:gd name="connsiteX33" fmla="*/ 63699 w 1562471"/>
                <a:gd name="connsiteY33" fmla="*/ 1466337 h 2484215"/>
                <a:gd name="connsiteX34" fmla="*/ 124544 w 1562471"/>
                <a:gd name="connsiteY34" fmla="*/ 1359901 h 2484215"/>
                <a:gd name="connsiteX0" fmla="*/ 124544 w 1562471"/>
                <a:gd name="connsiteY0" fmla="*/ 1359901 h 2484215"/>
                <a:gd name="connsiteX1" fmla="*/ 228454 w 1562471"/>
                <a:gd name="connsiteY1" fmla="*/ 0 h 2484215"/>
                <a:gd name="connsiteX2" fmla="*/ 376737 w 1562471"/>
                <a:gd name="connsiteY2" fmla="*/ 61785 h 2484215"/>
                <a:gd name="connsiteX3" fmla="*/ 483830 w 1562471"/>
                <a:gd name="connsiteY3" fmla="*/ 74142 h 2484215"/>
                <a:gd name="connsiteX4" fmla="*/ 611515 w 1562471"/>
                <a:gd name="connsiteY4" fmla="*/ 144163 h 2484215"/>
                <a:gd name="connsiteX5" fmla="*/ 842175 w 1562471"/>
                <a:gd name="connsiteY5" fmla="*/ 300682 h 2484215"/>
                <a:gd name="connsiteX6" fmla="*/ 889932 w 1562471"/>
                <a:gd name="connsiteY6" fmla="*/ 353775 h 2484215"/>
                <a:gd name="connsiteX7" fmla="*/ 961623 w 1562471"/>
                <a:gd name="connsiteY7" fmla="*/ 370703 h 2484215"/>
                <a:gd name="connsiteX8" fmla="*/ 1142856 w 1562471"/>
                <a:gd name="connsiteY8" fmla="*/ 514867 h 2484215"/>
                <a:gd name="connsiteX9" fmla="*/ 1188164 w 1562471"/>
                <a:gd name="connsiteY9" fmla="*/ 576649 h 2484215"/>
                <a:gd name="connsiteX10" fmla="*/ 1179926 w 1562471"/>
                <a:gd name="connsiteY10" fmla="*/ 630196 h 2484215"/>
                <a:gd name="connsiteX11" fmla="*/ 1287017 w 1562471"/>
                <a:gd name="connsiteY11" fmla="*/ 737288 h 2484215"/>
                <a:gd name="connsiteX12" fmla="*/ 1365277 w 1562471"/>
                <a:gd name="connsiteY12" fmla="*/ 902045 h 2484215"/>
                <a:gd name="connsiteX13" fmla="*/ 1460013 w 1562471"/>
                <a:gd name="connsiteY13" fmla="*/ 1079159 h 2484215"/>
                <a:gd name="connsiteX14" fmla="*/ 1472369 w 1562471"/>
                <a:gd name="connsiteY14" fmla="*/ 1227440 h 2484215"/>
                <a:gd name="connsiteX15" fmla="*/ 1550629 w 1562471"/>
                <a:gd name="connsiteY15" fmla="*/ 1400434 h 2484215"/>
                <a:gd name="connsiteX16" fmla="*/ 1556467 w 1562471"/>
                <a:gd name="connsiteY16" fmla="*/ 1545252 h 2484215"/>
                <a:gd name="connsiteX17" fmla="*/ 1501202 w 1562471"/>
                <a:gd name="connsiteY17" fmla="*/ 1626975 h 2484215"/>
                <a:gd name="connsiteX18" fmla="*/ 1175807 w 1562471"/>
                <a:gd name="connsiteY18" fmla="*/ 1734066 h 2484215"/>
                <a:gd name="connsiteX19" fmla="*/ 1039883 w 1562471"/>
                <a:gd name="connsiteY19" fmla="*/ 1725829 h 2484215"/>
                <a:gd name="connsiteX20" fmla="*/ 1011051 w 1562471"/>
                <a:gd name="connsiteY20" fmla="*/ 1849395 h 2484215"/>
                <a:gd name="connsiteX21" fmla="*/ 1076953 w 1562471"/>
                <a:gd name="connsiteY21" fmla="*/ 2018272 h 2484215"/>
                <a:gd name="connsiteX22" fmla="*/ 1146975 w 1562471"/>
                <a:gd name="connsiteY22" fmla="*/ 1791732 h 2484215"/>
                <a:gd name="connsiteX23" fmla="*/ 1402349 w 1562471"/>
                <a:gd name="connsiteY23" fmla="*/ 1734066 h 2484215"/>
                <a:gd name="connsiteX24" fmla="*/ 1546510 w 1562471"/>
                <a:gd name="connsiteY24" fmla="*/ 1828802 h 2484215"/>
                <a:gd name="connsiteX25" fmla="*/ 1558868 w 1562471"/>
                <a:gd name="connsiteY25" fmla="*/ 1898822 h 2484215"/>
                <a:gd name="connsiteX26" fmla="*/ 1517678 w 1562471"/>
                <a:gd name="connsiteY26" fmla="*/ 2178909 h 2484215"/>
                <a:gd name="connsiteX27" fmla="*/ 1460013 w 1562471"/>
                <a:gd name="connsiteY27" fmla="*/ 2376618 h 2484215"/>
                <a:gd name="connsiteX28" fmla="*/ 844624 w 1562471"/>
                <a:gd name="connsiteY28" fmla="*/ 2357788 h 2484215"/>
                <a:gd name="connsiteX29" fmla="*/ 508543 w 1562471"/>
                <a:gd name="connsiteY29" fmla="*/ 2351904 h 2484215"/>
                <a:gd name="connsiteX30" fmla="*/ 257289 w 1562471"/>
                <a:gd name="connsiteY30" fmla="*/ 2454877 h 2484215"/>
                <a:gd name="connsiteX31" fmla="*/ 22509 w 1562471"/>
                <a:gd name="connsiteY31" fmla="*/ 1676402 h 2484215"/>
                <a:gd name="connsiteX32" fmla="*/ 26629 w 1562471"/>
                <a:gd name="connsiteY32" fmla="*/ 1552834 h 2484215"/>
                <a:gd name="connsiteX33" fmla="*/ 63699 w 1562471"/>
                <a:gd name="connsiteY33" fmla="*/ 1466337 h 2484215"/>
                <a:gd name="connsiteX34" fmla="*/ 124544 w 1562471"/>
                <a:gd name="connsiteY34" fmla="*/ 1359901 h 2484215"/>
                <a:gd name="connsiteX0" fmla="*/ 105173 w 1543100"/>
                <a:gd name="connsiteY0" fmla="*/ 1359901 h 2484215"/>
                <a:gd name="connsiteX1" fmla="*/ 209083 w 1543100"/>
                <a:gd name="connsiteY1" fmla="*/ 0 h 2484215"/>
                <a:gd name="connsiteX2" fmla="*/ 357366 w 1543100"/>
                <a:gd name="connsiteY2" fmla="*/ 61785 h 2484215"/>
                <a:gd name="connsiteX3" fmla="*/ 464459 w 1543100"/>
                <a:gd name="connsiteY3" fmla="*/ 74142 h 2484215"/>
                <a:gd name="connsiteX4" fmla="*/ 592144 w 1543100"/>
                <a:gd name="connsiteY4" fmla="*/ 144163 h 2484215"/>
                <a:gd name="connsiteX5" fmla="*/ 822804 w 1543100"/>
                <a:gd name="connsiteY5" fmla="*/ 300682 h 2484215"/>
                <a:gd name="connsiteX6" fmla="*/ 870561 w 1543100"/>
                <a:gd name="connsiteY6" fmla="*/ 353775 h 2484215"/>
                <a:gd name="connsiteX7" fmla="*/ 942252 w 1543100"/>
                <a:gd name="connsiteY7" fmla="*/ 370703 h 2484215"/>
                <a:gd name="connsiteX8" fmla="*/ 1123485 w 1543100"/>
                <a:gd name="connsiteY8" fmla="*/ 514867 h 2484215"/>
                <a:gd name="connsiteX9" fmla="*/ 1168793 w 1543100"/>
                <a:gd name="connsiteY9" fmla="*/ 576649 h 2484215"/>
                <a:gd name="connsiteX10" fmla="*/ 1160555 w 1543100"/>
                <a:gd name="connsiteY10" fmla="*/ 630196 h 2484215"/>
                <a:gd name="connsiteX11" fmla="*/ 1267646 w 1543100"/>
                <a:gd name="connsiteY11" fmla="*/ 737288 h 2484215"/>
                <a:gd name="connsiteX12" fmla="*/ 1345906 w 1543100"/>
                <a:gd name="connsiteY12" fmla="*/ 902045 h 2484215"/>
                <a:gd name="connsiteX13" fmla="*/ 1440642 w 1543100"/>
                <a:gd name="connsiteY13" fmla="*/ 1079159 h 2484215"/>
                <a:gd name="connsiteX14" fmla="*/ 1452998 w 1543100"/>
                <a:gd name="connsiteY14" fmla="*/ 1227440 h 2484215"/>
                <a:gd name="connsiteX15" fmla="*/ 1531258 w 1543100"/>
                <a:gd name="connsiteY15" fmla="*/ 1400434 h 2484215"/>
                <a:gd name="connsiteX16" fmla="*/ 1537096 w 1543100"/>
                <a:gd name="connsiteY16" fmla="*/ 1545252 h 2484215"/>
                <a:gd name="connsiteX17" fmla="*/ 1481831 w 1543100"/>
                <a:gd name="connsiteY17" fmla="*/ 1626975 h 2484215"/>
                <a:gd name="connsiteX18" fmla="*/ 1156436 w 1543100"/>
                <a:gd name="connsiteY18" fmla="*/ 1734066 h 2484215"/>
                <a:gd name="connsiteX19" fmla="*/ 1020512 w 1543100"/>
                <a:gd name="connsiteY19" fmla="*/ 1725829 h 2484215"/>
                <a:gd name="connsiteX20" fmla="*/ 991680 w 1543100"/>
                <a:gd name="connsiteY20" fmla="*/ 1849395 h 2484215"/>
                <a:gd name="connsiteX21" fmla="*/ 1057582 w 1543100"/>
                <a:gd name="connsiteY21" fmla="*/ 2018272 h 2484215"/>
                <a:gd name="connsiteX22" fmla="*/ 1127604 w 1543100"/>
                <a:gd name="connsiteY22" fmla="*/ 1791732 h 2484215"/>
                <a:gd name="connsiteX23" fmla="*/ 1382978 w 1543100"/>
                <a:gd name="connsiteY23" fmla="*/ 1734066 h 2484215"/>
                <a:gd name="connsiteX24" fmla="*/ 1527139 w 1543100"/>
                <a:gd name="connsiteY24" fmla="*/ 1828802 h 2484215"/>
                <a:gd name="connsiteX25" fmla="*/ 1539497 w 1543100"/>
                <a:gd name="connsiteY25" fmla="*/ 1898822 h 2484215"/>
                <a:gd name="connsiteX26" fmla="*/ 1498307 w 1543100"/>
                <a:gd name="connsiteY26" fmla="*/ 2178909 h 2484215"/>
                <a:gd name="connsiteX27" fmla="*/ 1440642 w 1543100"/>
                <a:gd name="connsiteY27" fmla="*/ 2376618 h 2484215"/>
                <a:gd name="connsiteX28" fmla="*/ 825253 w 1543100"/>
                <a:gd name="connsiteY28" fmla="*/ 2357788 h 2484215"/>
                <a:gd name="connsiteX29" fmla="*/ 489172 w 1543100"/>
                <a:gd name="connsiteY29" fmla="*/ 2351904 h 2484215"/>
                <a:gd name="connsiteX30" fmla="*/ 237918 w 1543100"/>
                <a:gd name="connsiteY30" fmla="*/ 2454877 h 2484215"/>
                <a:gd name="connsiteX31" fmla="*/ 3138 w 1543100"/>
                <a:gd name="connsiteY31" fmla="*/ 1676402 h 2484215"/>
                <a:gd name="connsiteX32" fmla="*/ 7258 w 1543100"/>
                <a:gd name="connsiteY32" fmla="*/ 1552834 h 2484215"/>
                <a:gd name="connsiteX33" fmla="*/ 44328 w 1543100"/>
                <a:gd name="connsiteY33" fmla="*/ 1466337 h 2484215"/>
                <a:gd name="connsiteX34" fmla="*/ 105173 w 1543100"/>
                <a:gd name="connsiteY34" fmla="*/ 1359901 h 2484215"/>
                <a:gd name="connsiteX0" fmla="*/ 105173 w 1543100"/>
                <a:gd name="connsiteY0" fmla="*/ 1359901 h 2484215"/>
                <a:gd name="connsiteX1" fmla="*/ 209083 w 1543100"/>
                <a:gd name="connsiteY1" fmla="*/ 0 h 2484215"/>
                <a:gd name="connsiteX2" fmla="*/ 357366 w 1543100"/>
                <a:gd name="connsiteY2" fmla="*/ 61785 h 2484215"/>
                <a:gd name="connsiteX3" fmla="*/ 464459 w 1543100"/>
                <a:gd name="connsiteY3" fmla="*/ 74142 h 2484215"/>
                <a:gd name="connsiteX4" fmla="*/ 592144 w 1543100"/>
                <a:gd name="connsiteY4" fmla="*/ 144163 h 2484215"/>
                <a:gd name="connsiteX5" fmla="*/ 822804 w 1543100"/>
                <a:gd name="connsiteY5" fmla="*/ 300682 h 2484215"/>
                <a:gd name="connsiteX6" fmla="*/ 870561 w 1543100"/>
                <a:gd name="connsiteY6" fmla="*/ 353775 h 2484215"/>
                <a:gd name="connsiteX7" fmla="*/ 942252 w 1543100"/>
                <a:gd name="connsiteY7" fmla="*/ 370703 h 2484215"/>
                <a:gd name="connsiteX8" fmla="*/ 1123485 w 1543100"/>
                <a:gd name="connsiteY8" fmla="*/ 514867 h 2484215"/>
                <a:gd name="connsiteX9" fmla="*/ 1168793 w 1543100"/>
                <a:gd name="connsiteY9" fmla="*/ 576649 h 2484215"/>
                <a:gd name="connsiteX10" fmla="*/ 1160555 w 1543100"/>
                <a:gd name="connsiteY10" fmla="*/ 630196 h 2484215"/>
                <a:gd name="connsiteX11" fmla="*/ 1267646 w 1543100"/>
                <a:gd name="connsiteY11" fmla="*/ 737288 h 2484215"/>
                <a:gd name="connsiteX12" fmla="*/ 1345906 w 1543100"/>
                <a:gd name="connsiteY12" fmla="*/ 902045 h 2484215"/>
                <a:gd name="connsiteX13" fmla="*/ 1440642 w 1543100"/>
                <a:gd name="connsiteY13" fmla="*/ 1079159 h 2484215"/>
                <a:gd name="connsiteX14" fmla="*/ 1452998 w 1543100"/>
                <a:gd name="connsiteY14" fmla="*/ 1227440 h 2484215"/>
                <a:gd name="connsiteX15" fmla="*/ 1531258 w 1543100"/>
                <a:gd name="connsiteY15" fmla="*/ 1400434 h 2484215"/>
                <a:gd name="connsiteX16" fmla="*/ 1537096 w 1543100"/>
                <a:gd name="connsiteY16" fmla="*/ 1545252 h 2484215"/>
                <a:gd name="connsiteX17" fmla="*/ 1481831 w 1543100"/>
                <a:gd name="connsiteY17" fmla="*/ 1626975 h 2484215"/>
                <a:gd name="connsiteX18" fmla="*/ 1156436 w 1543100"/>
                <a:gd name="connsiteY18" fmla="*/ 1734066 h 2484215"/>
                <a:gd name="connsiteX19" fmla="*/ 1020512 w 1543100"/>
                <a:gd name="connsiteY19" fmla="*/ 1725829 h 2484215"/>
                <a:gd name="connsiteX20" fmla="*/ 991680 w 1543100"/>
                <a:gd name="connsiteY20" fmla="*/ 1849395 h 2484215"/>
                <a:gd name="connsiteX21" fmla="*/ 1057582 w 1543100"/>
                <a:gd name="connsiteY21" fmla="*/ 2018272 h 2484215"/>
                <a:gd name="connsiteX22" fmla="*/ 1127604 w 1543100"/>
                <a:gd name="connsiteY22" fmla="*/ 1791732 h 2484215"/>
                <a:gd name="connsiteX23" fmla="*/ 1382978 w 1543100"/>
                <a:gd name="connsiteY23" fmla="*/ 1734066 h 2484215"/>
                <a:gd name="connsiteX24" fmla="*/ 1527139 w 1543100"/>
                <a:gd name="connsiteY24" fmla="*/ 1828802 h 2484215"/>
                <a:gd name="connsiteX25" fmla="*/ 1539497 w 1543100"/>
                <a:gd name="connsiteY25" fmla="*/ 1898822 h 2484215"/>
                <a:gd name="connsiteX26" fmla="*/ 1498307 w 1543100"/>
                <a:gd name="connsiteY26" fmla="*/ 2178909 h 2484215"/>
                <a:gd name="connsiteX27" fmla="*/ 1440642 w 1543100"/>
                <a:gd name="connsiteY27" fmla="*/ 2376618 h 2484215"/>
                <a:gd name="connsiteX28" fmla="*/ 825253 w 1543100"/>
                <a:gd name="connsiteY28" fmla="*/ 2357788 h 2484215"/>
                <a:gd name="connsiteX29" fmla="*/ 489172 w 1543100"/>
                <a:gd name="connsiteY29" fmla="*/ 2351904 h 2484215"/>
                <a:gd name="connsiteX30" fmla="*/ 237918 w 1543100"/>
                <a:gd name="connsiteY30" fmla="*/ 2454877 h 2484215"/>
                <a:gd name="connsiteX31" fmla="*/ 3138 w 1543100"/>
                <a:gd name="connsiteY31" fmla="*/ 1676402 h 2484215"/>
                <a:gd name="connsiteX32" fmla="*/ 7258 w 1543100"/>
                <a:gd name="connsiteY32" fmla="*/ 1552834 h 2484215"/>
                <a:gd name="connsiteX33" fmla="*/ 44328 w 1543100"/>
                <a:gd name="connsiteY33" fmla="*/ 1466337 h 2484215"/>
                <a:gd name="connsiteX34" fmla="*/ 105173 w 1543100"/>
                <a:gd name="connsiteY34" fmla="*/ 1359901 h 2484215"/>
                <a:gd name="connsiteX0" fmla="*/ 105173 w 1543100"/>
                <a:gd name="connsiteY0" fmla="*/ 1380495 h 2484215"/>
                <a:gd name="connsiteX1" fmla="*/ 209083 w 1543100"/>
                <a:gd name="connsiteY1" fmla="*/ 0 h 2484215"/>
                <a:gd name="connsiteX2" fmla="*/ 357366 w 1543100"/>
                <a:gd name="connsiteY2" fmla="*/ 61785 h 2484215"/>
                <a:gd name="connsiteX3" fmla="*/ 464459 w 1543100"/>
                <a:gd name="connsiteY3" fmla="*/ 74142 h 2484215"/>
                <a:gd name="connsiteX4" fmla="*/ 592144 w 1543100"/>
                <a:gd name="connsiteY4" fmla="*/ 144163 h 2484215"/>
                <a:gd name="connsiteX5" fmla="*/ 822804 w 1543100"/>
                <a:gd name="connsiteY5" fmla="*/ 300682 h 2484215"/>
                <a:gd name="connsiteX6" fmla="*/ 870561 w 1543100"/>
                <a:gd name="connsiteY6" fmla="*/ 353775 h 2484215"/>
                <a:gd name="connsiteX7" fmla="*/ 942252 w 1543100"/>
                <a:gd name="connsiteY7" fmla="*/ 370703 h 2484215"/>
                <a:gd name="connsiteX8" fmla="*/ 1123485 w 1543100"/>
                <a:gd name="connsiteY8" fmla="*/ 514867 h 2484215"/>
                <a:gd name="connsiteX9" fmla="*/ 1168793 w 1543100"/>
                <a:gd name="connsiteY9" fmla="*/ 576649 h 2484215"/>
                <a:gd name="connsiteX10" fmla="*/ 1160555 w 1543100"/>
                <a:gd name="connsiteY10" fmla="*/ 630196 h 2484215"/>
                <a:gd name="connsiteX11" fmla="*/ 1267646 w 1543100"/>
                <a:gd name="connsiteY11" fmla="*/ 737288 h 2484215"/>
                <a:gd name="connsiteX12" fmla="*/ 1345906 w 1543100"/>
                <a:gd name="connsiteY12" fmla="*/ 902045 h 2484215"/>
                <a:gd name="connsiteX13" fmla="*/ 1440642 w 1543100"/>
                <a:gd name="connsiteY13" fmla="*/ 1079159 h 2484215"/>
                <a:gd name="connsiteX14" fmla="*/ 1452998 w 1543100"/>
                <a:gd name="connsiteY14" fmla="*/ 1227440 h 2484215"/>
                <a:gd name="connsiteX15" fmla="*/ 1531258 w 1543100"/>
                <a:gd name="connsiteY15" fmla="*/ 1400434 h 2484215"/>
                <a:gd name="connsiteX16" fmla="*/ 1537096 w 1543100"/>
                <a:gd name="connsiteY16" fmla="*/ 1545252 h 2484215"/>
                <a:gd name="connsiteX17" fmla="*/ 1481831 w 1543100"/>
                <a:gd name="connsiteY17" fmla="*/ 1626975 h 2484215"/>
                <a:gd name="connsiteX18" fmla="*/ 1156436 w 1543100"/>
                <a:gd name="connsiteY18" fmla="*/ 1734066 h 2484215"/>
                <a:gd name="connsiteX19" fmla="*/ 1020512 w 1543100"/>
                <a:gd name="connsiteY19" fmla="*/ 1725829 h 2484215"/>
                <a:gd name="connsiteX20" fmla="*/ 991680 w 1543100"/>
                <a:gd name="connsiteY20" fmla="*/ 1849395 h 2484215"/>
                <a:gd name="connsiteX21" fmla="*/ 1057582 w 1543100"/>
                <a:gd name="connsiteY21" fmla="*/ 2018272 h 2484215"/>
                <a:gd name="connsiteX22" fmla="*/ 1127604 w 1543100"/>
                <a:gd name="connsiteY22" fmla="*/ 1791732 h 2484215"/>
                <a:gd name="connsiteX23" fmla="*/ 1382978 w 1543100"/>
                <a:gd name="connsiteY23" fmla="*/ 1734066 h 2484215"/>
                <a:gd name="connsiteX24" fmla="*/ 1527139 w 1543100"/>
                <a:gd name="connsiteY24" fmla="*/ 1828802 h 2484215"/>
                <a:gd name="connsiteX25" fmla="*/ 1539497 w 1543100"/>
                <a:gd name="connsiteY25" fmla="*/ 1898822 h 2484215"/>
                <a:gd name="connsiteX26" fmla="*/ 1498307 w 1543100"/>
                <a:gd name="connsiteY26" fmla="*/ 2178909 h 2484215"/>
                <a:gd name="connsiteX27" fmla="*/ 1440642 w 1543100"/>
                <a:gd name="connsiteY27" fmla="*/ 2376618 h 2484215"/>
                <a:gd name="connsiteX28" fmla="*/ 825253 w 1543100"/>
                <a:gd name="connsiteY28" fmla="*/ 2357788 h 2484215"/>
                <a:gd name="connsiteX29" fmla="*/ 489172 w 1543100"/>
                <a:gd name="connsiteY29" fmla="*/ 2351904 h 2484215"/>
                <a:gd name="connsiteX30" fmla="*/ 237918 w 1543100"/>
                <a:gd name="connsiteY30" fmla="*/ 2454877 h 2484215"/>
                <a:gd name="connsiteX31" fmla="*/ 3138 w 1543100"/>
                <a:gd name="connsiteY31" fmla="*/ 1676402 h 2484215"/>
                <a:gd name="connsiteX32" fmla="*/ 7258 w 1543100"/>
                <a:gd name="connsiteY32" fmla="*/ 1552834 h 2484215"/>
                <a:gd name="connsiteX33" fmla="*/ 44328 w 1543100"/>
                <a:gd name="connsiteY33" fmla="*/ 1466337 h 2484215"/>
                <a:gd name="connsiteX34" fmla="*/ 105173 w 1543100"/>
                <a:gd name="connsiteY34" fmla="*/ 1380495 h 2484215"/>
                <a:gd name="connsiteX0" fmla="*/ 105173 w 1543100"/>
                <a:gd name="connsiteY0" fmla="*/ 1380495 h 2484215"/>
                <a:gd name="connsiteX1" fmla="*/ 209083 w 1543100"/>
                <a:gd name="connsiteY1" fmla="*/ 0 h 2484215"/>
                <a:gd name="connsiteX2" fmla="*/ 357366 w 1543100"/>
                <a:gd name="connsiteY2" fmla="*/ 61785 h 2484215"/>
                <a:gd name="connsiteX3" fmla="*/ 464459 w 1543100"/>
                <a:gd name="connsiteY3" fmla="*/ 74142 h 2484215"/>
                <a:gd name="connsiteX4" fmla="*/ 592144 w 1543100"/>
                <a:gd name="connsiteY4" fmla="*/ 144163 h 2484215"/>
                <a:gd name="connsiteX5" fmla="*/ 822804 w 1543100"/>
                <a:gd name="connsiteY5" fmla="*/ 300682 h 2484215"/>
                <a:gd name="connsiteX6" fmla="*/ 870561 w 1543100"/>
                <a:gd name="connsiteY6" fmla="*/ 353775 h 2484215"/>
                <a:gd name="connsiteX7" fmla="*/ 942252 w 1543100"/>
                <a:gd name="connsiteY7" fmla="*/ 370703 h 2484215"/>
                <a:gd name="connsiteX8" fmla="*/ 1123485 w 1543100"/>
                <a:gd name="connsiteY8" fmla="*/ 514867 h 2484215"/>
                <a:gd name="connsiteX9" fmla="*/ 1168793 w 1543100"/>
                <a:gd name="connsiteY9" fmla="*/ 576649 h 2484215"/>
                <a:gd name="connsiteX10" fmla="*/ 1160555 w 1543100"/>
                <a:gd name="connsiteY10" fmla="*/ 630196 h 2484215"/>
                <a:gd name="connsiteX11" fmla="*/ 1267646 w 1543100"/>
                <a:gd name="connsiteY11" fmla="*/ 737288 h 2484215"/>
                <a:gd name="connsiteX12" fmla="*/ 1345906 w 1543100"/>
                <a:gd name="connsiteY12" fmla="*/ 902045 h 2484215"/>
                <a:gd name="connsiteX13" fmla="*/ 1440642 w 1543100"/>
                <a:gd name="connsiteY13" fmla="*/ 1079159 h 2484215"/>
                <a:gd name="connsiteX14" fmla="*/ 1452998 w 1543100"/>
                <a:gd name="connsiteY14" fmla="*/ 1227440 h 2484215"/>
                <a:gd name="connsiteX15" fmla="*/ 1531258 w 1543100"/>
                <a:gd name="connsiteY15" fmla="*/ 1400434 h 2484215"/>
                <a:gd name="connsiteX16" fmla="*/ 1537096 w 1543100"/>
                <a:gd name="connsiteY16" fmla="*/ 1545252 h 2484215"/>
                <a:gd name="connsiteX17" fmla="*/ 1481831 w 1543100"/>
                <a:gd name="connsiteY17" fmla="*/ 1626975 h 2484215"/>
                <a:gd name="connsiteX18" fmla="*/ 1156436 w 1543100"/>
                <a:gd name="connsiteY18" fmla="*/ 1734066 h 2484215"/>
                <a:gd name="connsiteX19" fmla="*/ 1020512 w 1543100"/>
                <a:gd name="connsiteY19" fmla="*/ 1725829 h 2484215"/>
                <a:gd name="connsiteX20" fmla="*/ 991680 w 1543100"/>
                <a:gd name="connsiteY20" fmla="*/ 1849395 h 2484215"/>
                <a:gd name="connsiteX21" fmla="*/ 1057582 w 1543100"/>
                <a:gd name="connsiteY21" fmla="*/ 2018272 h 2484215"/>
                <a:gd name="connsiteX22" fmla="*/ 1127604 w 1543100"/>
                <a:gd name="connsiteY22" fmla="*/ 1791732 h 2484215"/>
                <a:gd name="connsiteX23" fmla="*/ 1382978 w 1543100"/>
                <a:gd name="connsiteY23" fmla="*/ 1734066 h 2484215"/>
                <a:gd name="connsiteX24" fmla="*/ 1527139 w 1543100"/>
                <a:gd name="connsiteY24" fmla="*/ 1828802 h 2484215"/>
                <a:gd name="connsiteX25" fmla="*/ 1539497 w 1543100"/>
                <a:gd name="connsiteY25" fmla="*/ 1898822 h 2484215"/>
                <a:gd name="connsiteX26" fmla="*/ 1498307 w 1543100"/>
                <a:gd name="connsiteY26" fmla="*/ 2178909 h 2484215"/>
                <a:gd name="connsiteX27" fmla="*/ 1440642 w 1543100"/>
                <a:gd name="connsiteY27" fmla="*/ 2376618 h 2484215"/>
                <a:gd name="connsiteX28" fmla="*/ 825253 w 1543100"/>
                <a:gd name="connsiteY28" fmla="*/ 2357788 h 2484215"/>
                <a:gd name="connsiteX29" fmla="*/ 489172 w 1543100"/>
                <a:gd name="connsiteY29" fmla="*/ 2351904 h 2484215"/>
                <a:gd name="connsiteX30" fmla="*/ 237918 w 1543100"/>
                <a:gd name="connsiteY30" fmla="*/ 2454877 h 2484215"/>
                <a:gd name="connsiteX31" fmla="*/ 3138 w 1543100"/>
                <a:gd name="connsiteY31" fmla="*/ 1676402 h 2484215"/>
                <a:gd name="connsiteX32" fmla="*/ 7258 w 1543100"/>
                <a:gd name="connsiteY32" fmla="*/ 1552834 h 2484215"/>
                <a:gd name="connsiteX33" fmla="*/ 44328 w 1543100"/>
                <a:gd name="connsiteY33" fmla="*/ 1466337 h 2484215"/>
                <a:gd name="connsiteX34" fmla="*/ 105173 w 1543100"/>
                <a:gd name="connsiteY34" fmla="*/ 1380495 h 2484215"/>
                <a:gd name="connsiteX0" fmla="*/ 105173 w 1543100"/>
                <a:gd name="connsiteY0" fmla="*/ 1380495 h 2484215"/>
                <a:gd name="connsiteX1" fmla="*/ 172014 w 1543100"/>
                <a:gd name="connsiteY1" fmla="*/ 214186 h 2484215"/>
                <a:gd name="connsiteX2" fmla="*/ 209083 w 1543100"/>
                <a:gd name="connsiteY2" fmla="*/ 0 h 2484215"/>
                <a:gd name="connsiteX3" fmla="*/ 357366 w 1543100"/>
                <a:gd name="connsiteY3" fmla="*/ 61785 h 2484215"/>
                <a:gd name="connsiteX4" fmla="*/ 464459 w 1543100"/>
                <a:gd name="connsiteY4" fmla="*/ 74142 h 2484215"/>
                <a:gd name="connsiteX5" fmla="*/ 592144 w 1543100"/>
                <a:gd name="connsiteY5" fmla="*/ 144163 h 2484215"/>
                <a:gd name="connsiteX6" fmla="*/ 822804 w 1543100"/>
                <a:gd name="connsiteY6" fmla="*/ 300682 h 2484215"/>
                <a:gd name="connsiteX7" fmla="*/ 870561 w 1543100"/>
                <a:gd name="connsiteY7" fmla="*/ 353775 h 2484215"/>
                <a:gd name="connsiteX8" fmla="*/ 942252 w 1543100"/>
                <a:gd name="connsiteY8" fmla="*/ 370703 h 2484215"/>
                <a:gd name="connsiteX9" fmla="*/ 1123485 w 1543100"/>
                <a:gd name="connsiteY9" fmla="*/ 514867 h 2484215"/>
                <a:gd name="connsiteX10" fmla="*/ 1168793 w 1543100"/>
                <a:gd name="connsiteY10" fmla="*/ 576649 h 2484215"/>
                <a:gd name="connsiteX11" fmla="*/ 1160555 w 1543100"/>
                <a:gd name="connsiteY11" fmla="*/ 630196 h 2484215"/>
                <a:gd name="connsiteX12" fmla="*/ 1267646 w 1543100"/>
                <a:gd name="connsiteY12" fmla="*/ 737288 h 2484215"/>
                <a:gd name="connsiteX13" fmla="*/ 1345906 w 1543100"/>
                <a:gd name="connsiteY13" fmla="*/ 902045 h 2484215"/>
                <a:gd name="connsiteX14" fmla="*/ 1440642 w 1543100"/>
                <a:gd name="connsiteY14" fmla="*/ 1079159 h 2484215"/>
                <a:gd name="connsiteX15" fmla="*/ 1452998 w 1543100"/>
                <a:gd name="connsiteY15" fmla="*/ 1227440 h 2484215"/>
                <a:gd name="connsiteX16" fmla="*/ 1531258 w 1543100"/>
                <a:gd name="connsiteY16" fmla="*/ 1400434 h 2484215"/>
                <a:gd name="connsiteX17" fmla="*/ 1537096 w 1543100"/>
                <a:gd name="connsiteY17" fmla="*/ 1545252 h 2484215"/>
                <a:gd name="connsiteX18" fmla="*/ 1481831 w 1543100"/>
                <a:gd name="connsiteY18" fmla="*/ 1626975 h 2484215"/>
                <a:gd name="connsiteX19" fmla="*/ 1156436 w 1543100"/>
                <a:gd name="connsiteY19" fmla="*/ 1734066 h 2484215"/>
                <a:gd name="connsiteX20" fmla="*/ 1020512 w 1543100"/>
                <a:gd name="connsiteY20" fmla="*/ 1725829 h 2484215"/>
                <a:gd name="connsiteX21" fmla="*/ 991680 w 1543100"/>
                <a:gd name="connsiteY21" fmla="*/ 1849395 h 2484215"/>
                <a:gd name="connsiteX22" fmla="*/ 1057582 w 1543100"/>
                <a:gd name="connsiteY22" fmla="*/ 2018272 h 2484215"/>
                <a:gd name="connsiteX23" fmla="*/ 1127604 w 1543100"/>
                <a:gd name="connsiteY23" fmla="*/ 1791732 h 2484215"/>
                <a:gd name="connsiteX24" fmla="*/ 1382978 w 1543100"/>
                <a:gd name="connsiteY24" fmla="*/ 1734066 h 2484215"/>
                <a:gd name="connsiteX25" fmla="*/ 1527139 w 1543100"/>
                <a:gd name="connsiteY25" fmla="*/ 1828802 h 2484215"/>
                <a:gd name="connsiteX26" fmla="*/ 1539497 w 1543100"/>
                <a:gd name="connsiteY26" fmla="*/ 1898822 h 2484215"/>
                <a:gd name="connsiteX27" fmla="*/ 1498307 w 1543100"/>
                <a:gd name="connsiteY27" fmla="*/ 2178909 h 2484215"/>
                <a:gd name="connsiteX28" fmla="*/ 1440642 w 1543100"/>
                <a:gd name="connsiteY28" fmla="*/ 2376618 h 2484215"/>
                <a:gd name="connsiteX29" fmla="*/ 825253 w 1543100"/>
                <a:gd name="connsiteY29" fmla="*/ 2357788 h 2484215"/>
                <a:gd name="connsiteX30" fmla="*/ 489172 w 1543100"/>
                <a:gd name="connsiteY30" fmla="*/ 2351904 h 2484215"/>
                <a:gd name="connsiteX31" fmla="*/ 237918 w 1543100"/>
                <a:gd name="connsiteY31" fmla="*/ 2454877 h 2484215"/>
                <a:gd name="connsiteX32" fmla="*/ 3138 w 1543100"/>
                <a:gd name="connsiteY32" fmla="*/ 1676402 h 2484215"/>
                <a:gd name="connsiteX33" fmla="*/ 7258 w 1543100"/>
                <a:gd name="connsiteY33" fmla="*/ 1552834 h 2484215"/>
                <a:gd name="connsiteX34" fmla="*/ 44328 w 1543100"/>
                <a:gd name="connsiteY34" fmla="*/ 1466337 h 2484215"/>
                <a:gd name="connsiteX35" fmla="*/ 105173 w 1543100"/>
                <a:gd name="connsiteY35" fmla="*/ 1380495 h 2484215"/>
                <a:gd name="connsiteX0" fmla="*/ 105173 w 1543100"/>
                <a:gd name="connsiteY0" fmla="*/ 1380495 h 2484215"/>
                <a:gd name="connsiteX1" fmla="*/ 172014 w 1543100"/>
                <a:gd name="connsiteY1" fmla="*/ 214186 h 2484215"/>
                <a:gd name="connsiteX2" fmla="*/ 209083 w 1543100"/>
                <a:gd name="connsiteY2" fmla="*/ 0 h 2484215"/>
                <a:gd name="connsiteX3" fmla="*/ 357366 w 1543100"/>
                <a:gd name="connsiteY3" fmla="*/ 61785 h 2484215"/>
                <a:gd name="connsiteX4" fmla="*/ 464459 w 1543100"/>
                <a:gd name="connsiteY4" fmla="*/ 74142 h 2484215"/>
                <a:gd name="connsiteX5" fmla="*/ 592144 w 1543100"/>
                <a:gd name="connsiteY5" fmla="*/ 144163 h 2484215"/>
                <a:gd name="connsiteX6" fmla="*/ 822804 w 1543100"/>
                <a:gd name="connsiteY6" fmla="*/ 300682 h 2484215"/>
                <a:gd name="connsiteX7" fmla="*/ 870561 w 1543100"/>
                <a:gd name="connsiteY7" fmla="*/ 353775 h 2484215"/>
                <a:gd name="connsiteX8" fmla="*/ 942252 w 1543100"/>
                <a:gd name="connsiteY8" fmla="*/ 370703 h 2484215"/>
                <a:gd name="connsiteX9" fmla="*/ 1123485 w 1543100"/>
                <a:gd name="connsiteY9" fmla="*/ 514867 h 2484215"/>
                <a:gd name="connsiteX10" fmla="*/ 1168793 w 1543100"/>
                <a:gd name="connsiteY10" fmla="*/ 576649 h 2484215"/>
                <a:gd name="connsiteX11" fmla="*/ 1160555 w 1543100"/>
                <a:gd name="connsiteY11" fmla="*/ 630196 h 2484215"/>
                <a:gd name="connsiteX12" fmla="*/ 1267646 w 1543100"/>
                <a:gd name="connsiteY12" fmla="*/ 737288 h 2484215"/>
                <a:gd name="connsiteX13" fmla="*/ 1345906 w 1543100"/>
                <a:gd name="connsiteY13" fmla="*/ 902045 h 2484215"/>
                <a:gd name="connsiteX14" fmla="*/ 1440642 w 1543100"/>
                <a:gd name="connsiteY14" fmla="*/ 1079159 h 2484215"/>
                <a:gd name="connsiteX15" fmla="*/ 1452998 w 1543100"/>
                <a:gd name="connsiteY15" fmla="*/ 1227440 h 2484215"/>
                <a:gd name="connsiteX16" fmla="*/ 1531258 w 1543100"/>
                <a:gd name="connsiteY16" fmla="*/ 1400434 h 2484215"/>
                <a:gd name="connsiteX17" fmla="*/ 1537096 w 1543100"/>
                <a:gd name="connsiteY17" fmla="*/ 1545252 h 2484215"/>
                <a:gd name="connsiteX18" fmla="*/ 1481831 w 1543100"/>
                <a:gd name="connsiteY18" fmla="*/ 1626975 h 2484215"/>
                <a:gd name="connsiteX19" fmla="*/ 1156436 w 1543100"/>
                <a:gd name="connsiteY19" fmla="*/ 1734066 h 2484215"/>
                <a:gd name="connsiteX20" fmla="*/ 1020512 w 1543100"/>
                <a:gd name="connsiteY20" fmla="*/ 1725829 h 2484215"/>
                <a:gd name="connsiteX21" fmla="*/ 991680 w 1543100"/>
                <a:gd name="connsiteY21" fmla="*/ 1849395 h 2484215"/>
                <a:gd name="connsiteX22" fmla="*/ 1057582 w 1543100"/>
                <a:gd name="connsiteY22" fmla="*/ 2018272 h 2484215"/>
                <a:gd name="connsiteX23" fmla="*/ 1127604 w 1543100"/>
                <a:gd name="connsiteY23" fmla="*/ 1791732 h 2484215"/>
                <a:gd name="connsiteX24" fmla="*/ 1382978 w 1543100"/>
                <a:gd name="connsiteY24" fmla="*/ 1734066 h 2484215"/>
                <a:gd name="connsiteX25" fmla="*/ 1527139 w 1543100"/>
                <a:gd name="connsiteY25" fmla="*/ 1828802 h 2484215"/>
                <a:gd name="connsiteX26" fmla="*/ 1539497 w 1543100"/>
                <a:gd name="connsiteY26" fmla="*/ 1898822 h 2484215"/>
                <a:gd name="connsiteX27" fmla="*/ 1498307 w 1543100"/>
                <a:gd name="connsiteY27" fmla="*/ 2178909 h 2484215"/>
                <a:gd name="connsiteX28" fmla="*/ 1440642 w 1543100"/>
                <a:gd name="connsiteY28" fmla="*/ 2376618 h 2484215"/>
                <a:gd name="connsiteX29" fmla="*/ 825253 w 1543100"/>
                <a:gd name="connsiteY29" fmla="*/ 2357788 h 2484215"/>
                <a:gd name="connsiteX30" fmla="*/ 489172 w 1543100"/>
                <a:gd name="connsiteY30" fmla="*/ 2351904 h 2484215"/>
                <a:gd name="connsiteX31" fmla="*/ 237918 w 1543100"/>
                <a:gd name="connsiteY31" fmla="*/ 2454877 h 2484215"/>
                <a:gd name="connsiteX32" fmla="*/ 3138 w 1543100"/>
                <a:gd name="connsiteY32" fmla="*/ 1676402 h 2484215"/>
                <a:gd name="connsiteX33" fmla="*/ 7258 w 1543100"/>
                <a:gd name="connsiteY33" fmla="*/ 1552834 h 2484215"/>
                <a:gd name="connsiteX34" fmla="*/ 44328 w 1543100"/>
                <a:gd name="connsiteY34" fmla="*/ 1466337 h 2484215"/>
                <a:gd name="connsiteX35" fmla="*/ 105173 w 1543100"/>
                <a:gd name="connsiteY35" fmla="*/ 1380495 h 2484215"/>
                <a:gd name="connsiteX0" fmla="*/ 105173 w 1543100"/>
                <a:gd name="connsiteY0" fmla="*/ 1380495 h 2468755"/>
                <a:gd name="connsiteX1" fmla="*/ 172014 w 1543100"/>
                <a:gd name="connsiteY1" fmla="*/ 214186 h 2468755"/>
                <a:gd name="connsiteX2" fmla="*/ 209083 w 1543100"/>
                <a:gd name="connsiteY2" fmla="*/ 0 h 2468755"/>
                <a:gd name="connsiteX3" fmla="*/ 357366 w 1543100"/>
                <a:gd name="connsiteY3" fmla="*/ 61785 h 2468755"/>
                <a:gd name="connsiteX4" fmla="*/ 464459 w 1543100"/>
                <a:gd name="connsiteY4" fmla="*/ 74142 h 2468755"/>
                <a:gd name="connsiteX5" fmla="*/ 592144 w 1543100"/>
                <a:gd name="connsiteY5" fmla="*/ 144163 h 2468755"/>
                <a:gd name="connsiteX6" fmla="*/ 822804 w 1543100"/>
                <a:gd name="connsiteY6" fmla="*/ 300682 h 2468755"/>
                <a:gd name="connsiteX7" fmla="*/ 870561 w 1543100"/>
                <a:gd name="connsiteY7" fmla="*/ 353775 h 2468755"/>
                <a:gd name="connsiteX8" fmla="*/ 942252 w 1543100"/>
                <a:gd name="connsiteY8" fmla="*/ 370703 h 2468755"/>
                <a:gd name="connsiteX9" fmla="*/ 1123485 w 1543100"/>
                <a:gd name="connsiteY9" fmla="*/ 514867 h 2468755"/>
                <a:gd name="connsiteX10" fmla="*/ 1168793 w 1543100"/>
                <a:gd name="connsiteY10" fmla="*/ 576649 h 2468755"/>
                <a:gd name="connsiteX11" fmla="*/ 1160555 w 1543100"/>
                <a:gd name="connsiteY11" fmla="*/ 630196 h 2468755"/>
                <a:gd name="connsiteX12" fmla="*/ 1267646 w 1543100"/>
                <a:gd name="connsiteY12" fmla="*/ 737288 h 2468755"/>
                <a:gd name="connsiteX13" fmla="*/ 1345906 w 1543100"/>
                <a:gd name="connsiteY13" fmla="*/ 902045 h 2468755"/>
                <a:gd name="connsiteX14" fmla="*/ 1440642 w 1543100"/>
                <a:gd name="connsiteY14" fmla="*/ 1079159 h 2468755"/>
                <a:gd name="connsiteX15" fmla="*/ 1452998 w 1543100"/>
                <a:gd name="connsiteY15" fmla="*/ 1227440 h 2468755"/>
                <a:gd name="connsiteX16" fmla="*/ 1531258 w 1543100"/>
                <a:gd name="connsiteY16" fmla="*/ 1400434 h 2468755"/>
                <a:gd name="connsiteX17" fmla="*/ 1537096 w 1543100"/>
                <a:gd name="connsiteY17" fmla="*/ 1545252 h 2468755"/>
                <a:gd name="connsiteX18" fmla="*/ 1481831 w 1543100"/>
                <a:gd name="connsiteY18" fmla="*/ 1626975 h 2468755"/>
                <a:gd name="connsiteX19" fmla="*/ 1156436 w 1543100"/>
                <a:gd name="connsiteY19" fmla="*/ 1734066 h 2468755"/>
                <a:gd name="connsiteX20" fmla="*/ 1020512 w 1543100"/>
                <a:gd name="connsiteY20" fmla="*/ 1725829 h 2468755"/>
                <a:gd name="connsiteX21" fmla="*/ 991680 w 1543100"/>
                <a:gd name="connsiteY21" fmla="*/ 1849395 h 2468755"/>
                <a:gd name="connsiteX22" fmla="*/ 1057582 w 1543100"/>
                <a:gd name="connsiteY22" fmla="*/ 2018272 h 2468755"/>
                <a:gd name="connsiteX23" fmla="*/ 1127604 w 1543100"/>
                <a:gd name="connsiteY23" fmla="*/ 1791732 h 2468755"/>
                <a:gd name="connsiteX24" fmla="*/ 1382978 w 1543100"/>
                <a:gd name="connsiteY24" fmla="*/ 1734066 h 2468755"/>
                <a:gd name="connsiteX25" fmla="*/ 1527139 w 1543100"/>
                <a:gd name="connsiteY25" fmla="*/ 1828802 h 2468755"/>
                <a:gd name="connsiteX26" fmla="*/ 1539497 w 1543100"/>
                <a:gd name="connsiteY26" fmla="*/ 1898822 h 2468755"/>
                <a:gd name="connsiteX27" fmla="*/ 1498307 w 1543100"/>
                <a:gd name="connsiteY27" fmla="*/ 2178909 h 2468755"/>
                <a:gd name="connsiteX28" fmla="*/ 1440642 w 1543100"/>
                <a:gd name="connsiteY28" fmla="*/ 2376618 h 2468755"/>
                <a:gd name="connsiteX29" fmla="*/ 825253 w 1543100"/>
                <a:gd name="connsiteY29" fmla="*/ 2357788 h 2468755"/>
                <a:gd name="connsiteX30" fmla="*/ 489172 w 1543100"/>
                <a:gd name="connsiteY30" fmla="*/ 2351904 h 2468755"/>
                <a:gd name="connsiteX31" fmla="*/ 237918 w 1543100"/>
                <a:gd name="connsiteY31" fmla="*/ 2454877 h 2468755"/>
                <a:gd name="connsiteX32" fmla="*/ 159657 w 1543100"/>
                <a:gd name="connsiteY32" fmla="*/ 1775256 h 2468755"/>
                <a:gd name="connsiteX33" fmla="*/ 3138 w 1543100"/>
                <a:gd name="connsiteY33" fmla="*/ 1676402 h 2468755"/>
                <a:gd name="connsiteX34" fmla="*/ 7258 w 1543100"/>
                <a:gd name="connsiteY34" fmla="*/ 1552834 h 2468755"/>
                <a:gd name="connsiteX35" fmla="*/ 44328 w 1543100"/>
                <a:gd name="connsiteY35" fmla="*/ 1466337 h 2468755"/>
                <a:gd name="connsiteX36" fmla="*/ 105173 w 1543100"/>
                <a:gd name="connsiteY36" fmla="*/ 1380495 h 2468755"/>
                <a:gd name="connsiteX0" fmla="*/ 105173 w 1543100"/>
                <a:gd name="connsiteY0" fmla="*/ 1380495 h 2468755"/>
                <a:gd name="connsiteX1" fmla="*/ 172014 w 1543100"/>
                <a:gd name="connsiteY1" fmla="*/ 214186 h 2468755"/>
                <a:gd name="connsiteX2" fmla="*/ 209083 w 1543100"/>
                <a:gd name="connsiteY2" fmla="*/ 0 h 2468755"/>
                <a:gd name="connsiteX3" fmla="*/ 357366 w 1543100"/>
                <a:gd name="connsiteY3" fmla="*/ 61785 h 2468755"/>
                <a:gd name="connsiteX4" fmla="*/ 464459 w 1543100"/>
                <a:gd name="connsiteY4" fmla="*/ 74142 h 2468755"/>
                <a:gd name="connsiteX5" fmla="*/ 592144 w 1543100"/>
                <a:gd name="connsiteY5" fmla="*/ 144163 h 2468755"/>
                <a:gd name="connsiteX6" fmla="*/ 822804 w 1543100"/>
                <a:gd name="connsiteY6" fmla="*/ 300682 h 2468755"/>
                <a:gd name="connsiteX7" fmla="*/ 870561 w 1543100"/>
                <a:gd name="connsiteY7" fmla="*/ 353775 h 2468755"/>
                <a:gd name="connsiteX8" fmla="*/ 942252 w 1543100"/>
                <a:gd name="connsiteY8" fmla="*/ 370703 h 2468755"/>
                <a:gd name="connsiteX9" fmla="*/ 1123485 w 1543100"/>
                <a:gd name="connsiteY9" fmla="*/ 514867 h 2468755"/>
                <a:gd name="connsiteX10" fmla="*/ 1168793 w 1543100"/>
                <a:gd name="connsiteY10" fmla="*/ 576649 h 2468755"/>
                <a:gd name="connsiteX11" fmla="*/ 1160555 w 1543100"/>
                <a:gd name="connsiteY11" fmla="*/ 630196 h 2468755"/>
                <a:gd name="connsiteX12" fmla="*/ 1267646 w 1543100"/>
                <a:gd name="connsiteY12" fmla="*/ 737288 h 2468755"/>
                <a:gd name="connsiteX13" fmla="*/ 1345906 w 1543100"/>
                <a:gd name="connsiteY13" fmla="*/ 902045 h 2468755"/>
                <a:gd name="connsiteX14" fmla="*/ 1440642 w 1543100"/>
                <a:gd name="connsiteY14" fmla="*/ 1079159 h 2468755"/>
                <a:gd name="connsiteX15" fmla="*/ 1452998 w 1543100"/>
                <a:gd name="connsiteY15" fmla="*/ 1227440 h 2468755"/>
                <a:gd name="connsiteX16" fmla="*/ 1531258 w 1543100"/>
                <a:gd name="connsiteY16" fmla="*/ 1400434 h 2468755"/>
                <a:gd name="connsiteX17" fmla="*/ 1537096 w 1543100"/>
                <a:gd name="connsiteY17" fmla="*/ 1545252 h 2468755"/>
                <a:gd name="connsiteX18" fmla="*/ 1481831 w 1543100"/>
                <a:gd name="connsiteY18" fmla="*/ 1626975 h 2468755"/>
                <a:gd name="connsiteX19" fmla="*/ 1156436 w 1543100"/>
                <a:gd name="connsiteY19" fmla="*/ 1734066 h 2468755"/>
                <a:gd name="connsiteX20" fmla="*/ 1020512 w 1543100"/>
                <a:gd name="connsiteY20" fmla="*/ 1725829 h 2468755"/>
                <a:gd name="connsiteX21" fmla="*/ 991680 w 1543100"/>
                <a:gd name="connsiteY21" fmla="*/ 1849395 h 2468755"/>
                <a:gd name="connsiteX22" fmla="*/ 1057582 w 1543100"/>
                <a:gd name="connsiteY22" fmla="*/ 2018272 h 2468755"/>
                <a:gd name="connsiteX23" fmla="*/ 1127604 w 1543100"/>
                <a:gd name="connsiteY23" fmla="*/ 1791732 h 2468755"/>
                <a:gd name="connsiteX24" fmla="*/ 1382978 w 1543100"/>
                <a:gd name="connsiteY24" fmla="*/ 1734066 h 2468755"/>
                <a:gd name="connsiteX25" fmla="*/ 1527139 w 1543100"/>
                <a:gd name="connsiteY25" fmla="*/ 1828802 h 2468755"/>
                <a:gd name="connsiteX26" fmla="*/ 1539497 w 1543100"/>
                <a:gd name="connsiteY26" fmla="*/ 1898822 h 2468755"/>
                <a:gd name="connsiteX27" fmla="*/ 1498307 w 1543100"/>
                <a:gd name="connsiteY27" fmla="*/ 2178909 h 2468755"/>
                <a:gd name="connsiteX28" fmla="*/ 1440642 w 1543100"/>
                <a:gd name="connsiteY28" fmla="*/ 2376618 h 2468755"/>
                <a:gd name="connsiteX29" fmla="*/ 825253 w 1543100"/>
                <a:gd name="connsiteY29" fmla="*/ 2357788 h 2468755"/>
                <a:gd name="connsiteX30" fmla="*/ 489172 w 1543100"/>
                <a:gd name="connsiteY30" fmla="*/ 2351904 h 2468755"/>
                <a:gd name="connsiteX31" fmla="*/ 237918 w 1543100"/>
                <a:gd name="connsiteY31" fmla="*/ 2454877 h 2468755"/>
                <a:gd name="connsiteX32" fmla="*/ 159657 w 1543100"/>
                <a:gd name="connsiteY32" fmla="*/ 1775256 h 2468755"/>
                <a:gd name="connsiteX33" fmla="*/ 3138 w 1543100"/>
                <a:gd name="connsiteY33" fmla="*/ 1676402 h 2468755"/>
                <a:gd name="connsiteX34" fmla="*/ 7258 w 1543100"/>
                <a:gd name="connsiteY34" fmla="*/ 1552834 h 2468755"/>
                <a:gd name="connsiteX35" fmla="*/ 44328 w 1543100"/>
                <a:gd name="connsiteY35" fmla="*/ 1466337 h 2468755"/>
                <a:gd name="connsiteX36" fmla="*/ 105173 w 1543100"/>
                <a:gd name="connsiteY36" fmla="*/ 1380495 h 2468755"/>
                <a:gd name="connsiteX0" fmla="*/ 105173 w 1543100"/>
                <a:gd name="connsiteY0" fmla="*/ 1380495 h 2468755"/>
                <a:gd name="connsiteX1" fmla="*/ 172014 w 1543100"/>
                <a:gd name="connsiteY1" fmla="*/ 214186 h 2468755"/>
                <a:gd name="connsiteX2" fmla="*/ 209083 w 1543100"/>
                <a:gd name="connsiteY2" fmla="*/ 0 h 2468755"/>
                <a:gd name="connsiteX3" fmla="*/ 357366 w 1543100"/>
                <a:gd name="connsiteY3" fmla="*/ 61785 h 2468755"/>
                <a:gd name="connsiteX4" fmla="*/ 464459 w 1543100"/>
                <a:gd name="connsiteY4" fmla="*/ 74142 h 2468755"/>
                <a:gd name="connsiteX5" fmla="*/ 592144 w 1543100"/>
                <a:gd name="connsiteY5" fmla="*/ 144163 h 2468755"/>
                <a:gd name="connsiteX6" fmla="*/ 822804 w 1543100"/>
                <a:gd name="connsiteY6" fmla="*/ 300682 h 2468755"/>
                <a:gd name="connsiteX7" fmla="*/ 870561 w 1543100"/>
                <a:gd name="connsiteY7" fmla="*/ 353775 h 2468755"/>
                <a:gd name="connsiteX8" fmla="*/ 942252 w 1543100"/>
                <a:gd name="connsiteY8" fmla="*/ 370703 h 2468755"/>
                <a:gd name="connsiteX9" fmla="*/ 1123485 w 1543100"/>
                <a:gd name="connsiteY9" fmla="*/ 514867 h 2468755"/>
                <a:gd name="connsiteX10" fmla="*/ 1168793 w 1543100"/>
                <a:gd name="connsiteY10" fmla="*/ 576649 h 2468755"/>
                <a:gd name="connsiteX11" fmla="*/ 1160555 w 1543100"/>
                <a:gd name="connsiteY11" fmla="*/ 630196 h 2468755"/>
                <a:gd name="connsiteX12" fmla="*/ 1267646 w 1543100"/>
                <a:gd name="connsiteY12" fmla="*/ 737288 h 2468755"/>
                <a:gd name="connsiteX13" fmla="*/ 1345906 w 1543100"/>
                <a:gd name="connsiteY13" fmla="*/ 902045 h 2468755"/>
                <a:gd name="connsiteX14" fmla="*/ 1440642 w 1543100"/>
                <a:gd name="connsiteY14" fmla="*/ 1079159 h 2468755"/>
                <a:gd name="connsiteX15" fmla="*/ 1452998 w 1543100"/>
                <a:gd name="connsiteY15" fmla="*/ 1227440 h 2468755"/>
                <a:gd name="connsiteX16" fmla="*/ 1531258 w 1543100"/>
                <a:gd name="connsiteY16" fmla="*/ 1400434 h 2468755"/>
                <a:gd name="connsiteX17" fmla="*/ 1537096 w 1543100"/>
                <a:gd name="connsiteY17" fmla="*/ 1545252 h 2468755"/>
                <a:gd name="connsiteX18" fmla="*/ 1481831 w 1543100"/>
                <a:gd name="connsiteY18" fmla="*/ 1626975 h 2468755"/>
                <a:gd name="connsiteX19" fmla="*/ 1156436 w 1543100"/>
                <a:gd name="connsiteY19" fmla="*/ 1734066 h 2468755"/>
                <a:gd name="connsiteX20" fmla="*/ 1020512 w 1543100"/>
                <a:gd name="connsiteY20" fmla="*/ 1725829 h 2468755"/>
                <a:gd name="connsiteX21" fmla="*/ 991680 w 1543100"/>
                <a:gd name="connsiteY21" fmla="*/ 1849395 h 2468755"/>
                <a:gd name="connsiteX22" fmla="*/ 1057582 w 1543100"/>
                <a:gd name="connsiteY22" fmla="*/ 2018272 h 2468755"/>
                <a:gd name="connsiteX23" fmla="*/ 1127604 w 1543100"/>
                <a:gd name="connsiteY23" fmla="*/ 1791732 h 2468755"/>
                <a:gd name="connsiteX24" fmla="*/ 1382978 w 1543100"/>
                <a:gd name="connsiteY24" fmla="*/ 1734066 h 2468755"/>
                <a:gd name="connsiteX25" fmla="*/ 1527139 w 1543100"/>
                <a:gd name="connsiteY25" fmla="*/ 1828802 h 2468755"/>
                <a:gd name="connsiteX26" fmla="*/ 1539497 w 1543100"/>
                <a:gd name="connsiteY26" fmla="*/ 1898822 h 2468755"/>
                <a:gd name="connsiteX27" fmla="*/ 1498307 w 1543100"/>
                <a:gd name="connsiteY27" fmla="*/ 2178909 h 2468755"/>
                <a:gd name="connsiteX28" fmla="*/ 1440642 w 1543100"/>
                <a:gd name="connsiteY28" fmla="*/ 2376618 h 2468755"/>
                <a:gd name="connsiteX29" fmla="*/ 825253 w 1543100"/>
                <a:gd name="connsiteY29" fmla="*/ 2357788 h 2468755"/>
                <a:gd name="connsiteX30" fmla="*/ 489172 w 1543100"/>
                <a:gd name="connsiteY30" fmla="*/ 2351904 h 2468755"/>
                <a:gd name="connsiteX31" fmla="*/ 237918 w 1543100"/>
                <a:gd name="connsiteY31" fmla="*/ 2454877 h 2468755"/>
                <a:gd name="connsiteX32" fmla="*/ 159657 w 1543100"/>
                <a:gd name="connsiteY32" fmla="*/ 1775256 h 2468755"/>
                <a:gd name="connsiteX33" fmla="*/ 3138 w 1543100"/>
                <a:gd name="connsiteY33" fmla="*/ 1676402 h 2468755"/>
                <a:gd name="connsiteX34" fmla="*/ 7258 w 1543100"/>
                <a:gd name="connsiteY34" fmla="*/ 1552834 h 2468755"/>
                <a:gd name="connsiteX35" fmla="*/ 44328 w 1543100"/>
                <a:gd name="connsiteY35" fmla="*/ 1466337 h 2468755"/>
                <a:gd name="connsiteX36" fmla="*/ 105173 w 1543100"/>
                <a:gd name="connsiteY36" fmla="*/ 1380495 h 2468755"/>
                <a:gd name="connsiteX0" fmla="*/ 105173 w 1543100"/>
                <a:gd name="connsiteY0" fmla="*/ 1380495 h 2456021"/>
                <a:gd name="connsiteX1" fmla="*/ 172014 w 1543100"/>
                <a:gd name="connsiteY1" fmla="*/ 214186 h 2456021"/>
                <a:gd name="connsiteX2" fmla="*/ 209083 w 1543100"/>
                <a:gd name="connsiteY2" fmla="*/ 0 h 2456021"/>
                <a:gd name="connsiteX3" fmla="*/ 357366 w 1543100"/>
                <a:gd name="connsiteY3" fmla="*/ 61785 h 2456021"/>
                <a:gd name="connsiteX4" fmla="*/ 464459 w 1543100"/>
                <a:gd name="connsiteY4" fmla="*/ 74142 h 2456021"/>
                <a:gd name="connsiteX5" fmla="*/ 592144 w 1543100"/>
                <a:gd name="connsiteY5" fmla="*/ 144163 h 2456021"/>
                <a:gd name="connsiteX6" fmla="*/ 822804 w 1543100"/>
                <a:gd name="connsiteY6" fmla="*/ 300682 h 2456021"/>
                <a:gd name="connsiteX7" fmla="*/ 870561 w 1543100"/>
                <a:gd name="connsiteY7" fmla="*/ 353775 h 2456021"/>
                <a:gd name="connsiteX8" fmla="*/ 942252 w 1543100"/>
                <a:gd name="connsiteY8" fmla="*/ 370703 h 2456021"/>
                <a:gd name="connsiteX9" fmla="*/ 1123485 w 1543100"/>
                <a:gd name="connsiteY9" fmla="*/ 514867 h 2456021"/>
                <a:gd name="connsiteX10" fmla="*/ 1168793 w 1543100"/>
                <a:gd name="connsiteY10" fmla="*/ 576649 h 2456021"/>
                <a:gd name="connsiteX11" fmla="*/ 1160555 w 1543100"/>
                <a:gd name="connsiteY11" fmla="*/ 630196 h 2456021"/>
                <a:gd name="connsiteX12" fmla="*/ 1267646 w 1543100"/>
                <a:gd name="connsiteY12" fmla="*/ 737288 h 2456021"/>
                <a:gd name="connsiteX13" fmla="*/ 1345906 w 1543100"/>
                <a:gd name="connsiteY13" fmla="*/ 902045 h 2456021"/>
                <a:gd name="connsiteX14" fmla="*/ 1440642 w 1543100"/>
                <a:gd name="connsiteY14" fmla="*/ 1079159 h 2456021"/>
                <a:gd name="connsiteX15" fmla="*/ 1452998 w 1543100"/>
                <a:gd name="connsiteY15" fmla="*/ 1227440 h 2456021"/>
                <a:gd name="connsiteX16" fmla="*/ 1531258 w 1543100"/>
                <a:gd name="connsiteY16" fmla="*/ 1400434 h 2456021"/>
                <a:gd name="connsiteX17" fmla="*/ 1537096 w 1543100"/>
                <a:gd name="connsiteY17" fmla="*/ 1545252 h 2456021"/>
                <a:gd name="connsiteX18" fmla="*/ 1481831 w 1543100"/>
                <a:gd name="connsiteY18" fmla="*/ 1626975 h 2456021"/>
                <a:gd name="connsiteX19" fmla="*/ 1156436 w 1543100"/>
                <a:gd name="connsiteY19" fmla="*/ 1734066 h 2456021"/>
                <a:gd name="connsiteX20" fmla="*/ 1020512 w 1543100"/>
                <a:gd name="connsiteY20" fmla="*/ 1725829 h 2456021"/>
                <a:gd name="connsiteX21" fmla="*/ 991680 w 1543100"/>
                <a:gd name="connsiteY21" fmla="*/ 1849395 h 2456021"/>
                <a:gd name="connsiteX22" fmla="*/ 1057582 w 1543100"/>
                <a:gd name="connsiteY22" fmla="*/ 2018272 h 2456021"/>
                <a:gd name="connsiteX23" fmla="*/ 1127604 w 1543100"/>
                <a:gd name="connsiteY23" fmla="*/ 1791732 h 2456021"/>
                <a:gd name="connsiteX24" fmla="*/ 1382978 w 1543100"/>
                <a:gd name="connsiteY24" fmla="*/ 1734066 h 2456021"/>
                <a:gd name="connsiteX25" fmla="*/ 1527139 w 1543100"/>
                <a:gd name="connsiteY25" fmla="*/ 1828802 h 2456021"/>
                <a:gd name="connsiteX26" fmla="*/ 1539497 w 1543100"/>
                <a:gd name="connsiteY26" fmla="*/ 1898822 h 2456021"/>
                <a:gd name="connsiteX27" fmla="*/ 1498307 w 1543100"/>
                <a:gd name="connsiteY27" fmla="*/ 2178909 h 2456021"/>
                <a:gd name="connsiteX28" fmla="*/ 1440642 w 1543100"/>
                <a:gd name="connsiteY28" fmla="*/ 2376618 h 2456021"/>
                <a:gd name="connsiteX29" fmla="*/ 825253 w 1543100"/>
                <a:gd name="connsiteY29" fmla="*/ 2357788 h 2456021"/>
                <a:gd name="connsiteX30" fmla="*/ 489172 w 1543100"/>
                <a:gd name="connsiteY30" fmla="*/ 2351904 h 2456021"/>
                <a:gd name="connsiteX31" fmla="*/ 237918 w 1543100"/>
                <a:gd name="connsiteY31" fmla="*/ 2454877 h 2456021"/>
                <a:gd name="connsiteX32" fmla="*/ 163776 w 1543100"/>
                <a:gd name="connsiteY32" fmla="*/ 2290121 h 2456021"/>
                <a:gd name="connsiteX33" fmla="*/ 159657 w 1543100"/>
                <a:gd name="connsiteY33" fmla="*/ 1775256 h 2456021"/>
                <a:gd name="connsiteX34" fmla="*/ 3138 w 1543100"/>
                <a:gd name="connsiteY34" fmla="*/ 1676402 h 2456021"/>
                <a:gd name="connsiteX35" fmla="*/ 7258 w 1543100"/>
                <a:gd name="connsiteY35" fmla="*/ 1552834 h 2456021"/>
                <a:gd name="connsiteX36" fmla="*/ 44328 w 1543100"/>
                <a:gd name="connsiteY36" fmla="*/ 1466337 h 2456021"/>
                <a:gd name="connsiteX37" fmla="*/ 105173 w 1543100"/>
                <a:gd name="connsiteY37" fmla="*/ 1380495 h 2456021"/>
                <a:gd name="connsiteX0" fmla="*/ 105173 w 1543100"/>
                <a:gd name="connsiteY0" fmla="*/ 1380495 h 2481927"/>
                <a:gd name="connsiteX1" fmla="*/ 172014 w 1543100"/>
                <a:gd name="connsiteY1" fmla="*/ 214186 h 2481927"/>
                <a:gd name="connsiteX2" fmla="*/ 209083 w 1543100"/>
                <a:gd name="connsiteY2" fmla="*/ 0 h 2481927"/>
                <a:gd name="connsiteX3" fmla="*/ 357366 w 1543100"/>
                <a:gd name="connsiteY3" fmla="*/ 61785 h 2481927"/>
                <a:gd name="connsiteX4" fmla="*/ 464459 w 1543100"/>
                <a:gd name="connsiteY4" fmla="*/ 74142 h 2481927"/>
                <a:gd name="connsiteX5" fmla="*/ 592144 w 1543100"/>
                <a:gd name="connsiteY5" fmla="*/ 144163 h 2481927"/>
                <a:gd name="connsiteX6" fmla="*/ 822804 w 1543100"/>
                <a:gd name="connsiteY6" fmla="*/ 300682 h 2481927"/>
                <a:gd name="connsiteX7" fmla="*/ 870561 w 1543100"/>
                <a:gd name="connsiteY7" fmla="*/ 353775 h 2481927"/>
                <a:gd name="connsiteX8" fmla="*/ 942252 w 1543100"/>
                <a:gd name="connsiteY8" fmla="*/ 370703 h 2481927"/>
                <a:gd name="connsiteX9" fmla="*/ 1123485 w 1543100"/>
                <a:gd name="connsiteY9" fmla="*/ 514867 h 2481927"/>
                <a:gd name="connsiteX10" fmla="*/ 1168793 w 1543100"/>
                <a:gd name="connsiteY10" fmla="*/ 576649 h 2481927"/>
                <a:gd name="connsiteX11" fmla="*/ 1160555 w 1543100"/>
                <a:gd name="connsiteY11" fmla="*/ 630196 h 2481927"/>
                <a:gd name="connsiteX12" fmla="*/ 1267646 w 1543100"/>
                <a:gd name="connsiteY12" fmla="*/ 737288 h 2481927"/>
                <a:gd name="connsiteX13" fmla="*/ 1345906 w 1543100"/>
                <a:gd name="connsiteY13" fmla="*/ 902045 h 2481927"/>
                <a:gd name="connsiteX14" fmla="*/ 1440642 w 1543100"/>
                <a:gd name="connsiteY14" fmla="*/ 1079159 h 2481927"/>
                <a:gd name="connsiteX15" fmla="*/ 1452998 w 1543100"/>
                <a:gd name="connsiteY15" fmla="*/ 1227440 h 2481927"/>
                <a:gd name="connsiteX16" fmla="*/ 1531258 w 1543100"/>
                <a:gd name="connsiteY16" fmla="*/ 1400434 h 2481927"/>
                <a:gd name="connsiteX17" fmla="*/ 1537096 w 1543100"/>
                <a:gd name="connsiteY17" fmla="*/ 1545252 h 2481927"/>
                <a:gd name="connsiteX18" fmla="*/ 1481831 w 1543100"/>
                <a:gd name="connsiteY18" fmla="*/ 1626975 h 2481927"/>
                <a:gd name="connsiteX19" fmla="*/ 1156436 w 1543100"/>
                <a:gd name="connsiteY19" fmla="*/ 1734066 h 2481927"/>
                <a:gd name="connsiteX20" fmla="*/ 1020512 w 1543100"/>
                <a:gd name="connsiteY20" fmla="*/ 1725829 h 2481927"/>
                <a:gd name="connsiteX21" fmla="*/ 991680 w 1543100"/>
                <a:gd name="connsiteY21" fmla="*/ 1849395 h 2481927"/>
                <a:gd name="connsiteX22" fmla="*/ 1057582 w 1543100"/>
                <a:gd name="connsiteY22" fmla="*/ 2018272 h 2481927"/>
                <a:gd name="connsiteX23" fmla="*/ 1127604 w 1543100"/>
                <a:gd name="connsiteY23" fmla="*/ 1791732 h 2481927"/>
                <a:gd name="connsiteX24" fmla="*/ 1382978 w 1543100"/>
                <a:gd name="connsiteY24" fmla="*/ 1734066 h 2481927"/>
                <a:gd name="connsiteX25" fmla="*/ 1527139 w 1543100"/>
                <a:gd name="connsiteY25" fmla="*/ 1828802 h 2481927"/>
                <a:gd name="connsiteX26" fmla="*/ 1539497 w 1543100"/>
                <a:gd name="connsiteY26" fmla="*/ 1898822 h 2481927"/>
                <a:gd name="connsiteX27" fmla="*/ 1498307 w 1543100"/>
                <a:gd name="connsiteY27" fmla="*/ 2178909 h 2481927"/>
                <a:gd name="connsiteX28" fmla="*/ 1440642 w 1543100"/>
                <a:gd name="connsiteY28" fmla="*/ 2376618 h 2481927"/>
                <a:gd name="connsiteX29" fmla="*/ 825253 w 1543100"/>
                <a:gd name="connsiteY29" fmla="*/ 2357788 h 2481927"/>
                <a:gd name="connsiteX30" fmla="*/ 489172 w 1543100"/>
                <a:gd name="connsiteY30" fmla="*/ 2351904 h 2481927"/>
                <a:gd name="connsiteX31" fmla="*/ 382078 w 1543100"/>
                <a:gd name="connsiteY31" fmla="*/ 2475472 h 2481927"/>
                <a:gd name="connsiteX32" fmla="*/ 237918 w 1543100"/>
                <a:gd name="connsiteY32" fmla="*/ 2454877 h 2481927"/>
                <a:gd name="connsiteX33" fmla="*/ 163776 w 1543100"/>
                <a:gd name="connsiteY33" fmla="*/ 2290121 h 2481927"/>
                <a:gd name="connsiteX34" fmla="*/ 159657 w 1543100"/>
                <a:gd name="connsiteY34" fmla="*/ 1775256 h 2481927"/>
                <a:gd name="connsiteX35" fmla="*/ 3138 w 1543100"/>
                <a:gd name="connsiteY35" fmla="*/ 1676402 h 2481927"/>
                <a:gd name="connsiteX36" fmla="*/ 7258 w 1543100"/>
                <a:gd name="connsiteY36" fmla="*/ 1552834 h 2481927"/>
                <a:gd name="connsiteX37" fmla="*/ 44328 w 1543100"/>
                <a:gd name="connsiteY37" fmla="*/ 1466337 h 2481927"/>
                <a:gd name="connsiteX38" fmla="*/ 105173 w 1543100"/>
                <a:gd name="connsiteY38" fmla="*/ 1380495 h 2481927"/>
                <a:gd name="connsiteX0" fmla="*/ 105173 w 1543100"/>
                <a:gd name="connsiteY0" fmla="*/ 1380495 h 2481927"/>
                <a:gd name="connsiteX1" fmla="*/ 172014 w 1543100"/>
                <a:gd name="connsiteY1" fmla="*/ 214186 h 2481927"/>
                <a:gd name="connsiteX2" fmla="*/ 209083 w 1543100"/>
                <a:gd name="connsiteY2" fmla="*/ 0 h 2481927"/>
                <a:gd name="connsiteX3" fmla="*/ 357366 w 1543100"/>
                <a:gd name="connsiteY3" fmla="*/ 61785 h 2481927"/>
                <a:gd name="connsiteX4" fmla="*/ 464459 w 1543100"/>
                <a:gd name="connsiteY4" fmla="*/ 74142 h 2481927"/>
                <a:gd name="connsiteX5" fmla="*/ 592144 w 1543100"/>
                <a:gd name="connsiteY5" fmla="*/ 144163 h 2481927"/>
                <a:gd name="connsiteX6" fmla="*/ 822804 w 1543100"/>
                <a:gd name="connsiteY6" fmla="*/ 300682 h 2481927"/>
                <a:gd name="connsiteX7" fmla="*/ 870561 w 1543100"/>
                <a:gd name="connsiteY7" fmla="*/ 353775 h 2481927"/>
                <a:gd name="connsiteX8" fmla="*/ 942252 w 1543100"/>
                <a:gd name="connsiteY8" fmla="*/ 370703 h 2481927"/>
                <a:gd name="connsiteX9" fmla="*/ 1123485 w 1543100"/>
                <a:gd name="connsiteY9" fmla="*/ 514867 h 2481927"/>
                <a:gd name="connsiteX10" fmla="*/ 1168793 w 1543100"/>
                <a:gd name="connsiteY10" fmla="*/ 576649 h 2481927"/>
                <a:gd name="connsiteX11" fmla="*/ 1160555 w 1543100"/>
                <a:gd name="connsiteY11" fmla="*/ 630196 h 2481927"/>
                <a:gd name="connsiteX12" fmla="*/ 1267646 w 1543100"/>
                <a:gd name="connsiteY12" fmla="*/ 737288 h 2481927"/>
                <a:gd name="connsiteX13" fmla="*/ 1345906 w 1543100"/>
                <a:gd name="connsiteY13" fmla="*/ 902045 h 2481927"/>
                <a:gd name="connsiteX14" fmla="*/ 1440642 w 1543100"/>
                <a:gd name="connsiteY14" fmla="*/ 1079159 h 2481927"/>
                <a:gd name="connsiteX15" fmla="*/ 1452998 w 1543100"/>
                <a:gd name="connsiteY15" fmla="*/ 1227440 h 2481927"/>
                <a:gd name="connsiteX16" fmla="*/ 1531258 w 1543100"/>
                <a:gd name="connsiteY16" fmla="*/ 1400434 h 2481927"/>
                <a:gd name="connsiteX17" fmla="*/ 1537096 w 1543100"/>
                <a:gd name="connsiteY17" fmla="*/ 1545252 h 2481927"/>
                <a:gd name="connsiteX18" fmla="*/ 1481831 w 1543100"/>
                <a:gd name="connsiteY18" fmla="*/ 1626975 h 2481927"/>
                <a:gd name="connsiteX19" fmla="*/ 1156436 w 1543100"/>
                <a:gd name="connsiteY19" fmla="*/ 1734066 h 2481927"/>
                <a:gd name="connsiteX20" fmla="*/ 1020512 w 1543100"/>
                <a:gd name="connsiteY20" fmla="*/ 1725829 h 2481927"/>
                <a:gd name="connsiteX21" fmla="*/ 991680 w 1543100"/>
                <a:gd name="connsiteY21" fmla="*/ 1849395 h 2481927"/>
                <a:gd name="connsiteX22" fmla="*/ 1057582 w 1543100"/>
                <a:gd name="connsiteY22" fmla="*/ 2018272 h 2481927"/>
                <a:gd name="connsiteX23" fmla="*/ 1127604 w 1543100"/>
                <a:gd name="connsiteY23" fmla="*/ 1791732 h 2481927"/>
                <a:gd name="connsiteX24" fmla="*/ 1382978 w 1543100"/>
                <a:gd name="connsiteY24" fmla="*/ 1734066 h 2481927"/>
                <a:gd name="connsiteX25" fmla="*/ 1527139 w 1543100"/>
                <a:gd name="connsiteY25" fmla="*/ 1828802 h 2481927"/>
                <a:gd name="connsiteX26" fmla="*/ 1539497 w 1543100"/>
                <a:gd name="connsiteY26" fmla="*/ 1898822 h 2481927"/>
                <a:gd name="connsiteX27" fmla="*/ 1498307 w 1543100"/>
                <a:gd name="connsiteY27" fmla="*/ 2178909 h 2481927"/>
                <a:gd name="connsiteX28" fmla="*/ 1440642 w 1543100"/>
                <a:gd name="connsiteY28" fmla="*/ 2376618 h 2481927"/>
                <a:gd name="connsiteX29" fmla="*/ 825253 w 1543100"/>
                <a:gd name="connsiteY29" fmla="*/ 2357788 h 2481927"/>
                <a:gd name="connsiteX30" fmla="*/ 489172 w 1543100"/>
                <a:gd name="connsiteY30" fmla="*/ 2351904 h 2481927"/>
                <a:gd name="connsiteX31" fmla="*/ 382078 w 1543100"/>
                <a:gd name="connsiteY31" fmla="*/ 2475472 h 2481927"/>
                <a:gd name="connsiteX32" fmla="*/ 237918 w 1543100"/>
                <a:gd name="connsiteY32" fmla="*/ 2454877 h 2481927"/>
                <a:gd name="connsiteX33" fmla="*/ 163776 w 1543100"/>
                <a:gd name="connsiteY33" fmla="*/ 2290121 h 2481927"/>
                <a:gd name="connsiteX34" fmla="*/ 159657 w 1543100"/>
                <a:gd name="connsiteY34" fmla="*/ 1775256 h 2481927"/>
                <a:gd name="connsiteX35" fmla="*/ 3138 w 1543100"/>
                <a:gd name="connsiteY35" fmla="*/ 1676402 h 2481927"/>
                <a:gd name="connsiteX36" fmla="*/ 7258 w 1543100"/>
                <a:gd name="connsiteY36" fmla="*/ 1552834 h 2481927"/>
                <a:gd name="connsiteX37" fmla="*/ 44328 w 1543100"/>
                <a:gd name="connsiteY37" fmla="*/ 1466337 h 2481927"/>
                <a:gd name="connsiteX38" fmla="*/ 105173 w 1543100"/>
                <a:gd name="connsiteY38" fmla="*/ 1380495 h 2481927"/>
                <a:gd name="connsiteX0" fmla="*/ 105173 w 1543100"/>
                <a:gd name="connsiteY0" fmla="*/ 1380495 h 2487300"/>
                <a:gd name="connsiteX1" fmla="*/ 172014 w 1543100"/>
                <a:gd name="connsiteY1" fmla="*/ 214186 h 2487300"/>
                <a:gd name="connsiteX2" fmla="*/ 209083 w 1543100"/>
                <a:gd name="connsiteY2" fmla="*/ 0 h 2487300"/>
                <a:gd name="connsiteX3" fmla="*/ 357366 w 1543100"/>
                <a:gd name="connsiteY3" fmla="*/ 61785 h 2487300"/>
                <a:gd name="connsiteX4" fmla="*/ 464459 w 1543100"/>
                <a:gd name="connsiteY4" fmla="*/ 74142 h 2487300"/>
                <a:gd name="connsiteX5" fmla="*/ 592144 w 1543100"/>
                <a:gd name="connsiteY5" fmla="*/ 144163 h 2487300"/>
                <a:gd name="connsiteX6" fmla="*/ 822804 w 1543100"/>
                <a:gd name="connsiteY6" fmla="*/ 300682 h 2487300"/>
                <a:gd name="connsiteX7" fmla="*/ 870561 w 1543100"/>
                <a:gd name="connsiteY7" fmla="*/ 353775 h 2487300"/>
                <a:gd name="connsiteX8" fmla="*/ 942252 w 1543100"/>
                <a:gd name="connsiteY8" fmla="*/ 370703 h 2487300"/>
                <a:gd name="connsiteX9" fmla="*/ 1123485 w 1543100"/>
                <a:gd name="connsiteY9" fmla="*/ 514867 h 2487300"/>
                <a:gd name="connsiteX10" fmla="*/ 1168793 w 1543100"/>
                <a:gd name="connsiteY10" fmla="*/ 576649 h 2487300"/>
                <a:gd name="connsiteX11" fmla="*/ 1160555 w 1543100"/>
                <a:gd name="connsiteY11" fmla="*/ 630196 h 2487300"/>
                <a:gd name="connsiteX12" fmla="*/ 1267646 w 1543100"/>
                <a:gd name="connsiteY12" fmla="*/ 737288 h 2487300"/>
                <a:gd name="connsiteX13" fmla="*/ 1345906 w 1543100"/>
                <a:gd name="connsiteY13" fmla="*/ 902045 h 2487300"/>
                <a:gd name="connsiteX14" fmla="*/ 1440642 w 1543100"/>
                <a:gd name="connsiteY14" fmla="*/ 1079159 h 2487300"/>
                <a:gd name="connsiteX15" fmla="*/ 1452998 w 1543100"/>
                <a:gd name="connsiteY15" fmla="*/ 1227440 h 2487300"/>
                <a:gd name="connsiteX16" fmla="*/ 1531258 w 1543100"/>
                <a:gd name="connsiteY16" fmla="*/ 1400434 h 2487300"/>
                <a:gd name="connsiteX17" fmla="*/ 1537096 w 1543100"/>
                <a:gd name="connsiteY17" fmla="*/ 1545252 h 2487300"/>
                <a:gd name="connsiteX18" fmla="*/ 1481831 w 1543100"/>
                <a:gd name="connsiteY18" fmla="*/ 1626975 h 2487300"/>
                <a:gd name="connsiteX19" fmla="*/ 1156436 w 1543100"/>
                <a:gd name="connsiteY19" fmla="*/ 1734066 h 2487300"/>
                <a:gd name="connsiteX20" fmla="*/ 1020512 w 1543100"/>
                <a:gd name="connsiteY20" fmla="*/ 1725829 h 2487300"/>
                <a:gd name="connsiteX21" fmla="*/ 991680 w 1543100"/>
                <a:gd name="connsiteY21" fmla="*/ 1849395 h 2487300"/>
                <a:gd name="connsiteX22" fmla="*/ 1057582 w 1543100"/>
                <a:gd name="connsiteY22" fmla="*/ 2018272 h 2487300"/>
                <a:gd name="connsiteX23" fmla="*/ 1127604 w 1543100"/>
                <a:gd name="connsiteY23" fmla="*/ 1791732 h 2487300"/>
                <a:gd name="connsiteX24" fmla="*/ 1382978 w 1543100"/>
                <a:gd name="connsiteY24" fmla="*/ 1734066 h 2487300"/>
                <a:gd name="connsiteX25" fmla="*/ 1527139 w 1543100"/>
                <a:gd name="connsiteY25" fmla="*/ 1828802 h 2487300"/>
                <a:gd name="connsiteX26" fmla="*/ 1539497 w 1543100"/>
                <a:gd name="connsiteY26" fmla="*/ 1898822 h 2487300"/>
                <a:gd name="connsiteX27" fmla="*/ 1498307 w 1543100"/>
                <a:gd name="connsiteY27" fmla="*/ 2178909 h 2487300"/>
                <a:gd name="connsiteX28" fmla="*/ 1440642 w 1543100"/>
                <a:gd name="connsiteY28" fmla="*/ 2376618 h 2487300"/>
                <a:gd name="connsiteX29" fmla="*/ 825253 w 1543100"/>
                <a:gd name="connsiteY29" fmla="*/ 2357788 h 2487300"/>
                <a:gd name="connsiteX30" fmla="*/ 489172 w 1543100"/>
                <a:gd name="connsiteY30" fmla="*/ 2351904 h 2487300"/>
                <a:gd name="connsiteX31" fmla="*/ 382078 w 1543100"/>
                <a:gd name="connsiteY31" fmla="*/ 2475472 h 2487300"/>
                <a:gd name="connsiteX32" fmla="*/ 237918 w 1543100"/>
                <a:gd name="connsiteY32" fmla="*/ 2454877 h 2487300"/>
                <a:gd name="connsiteX33" fmla="*/ 163776 w 1543100"/>
                <a:gd name="connsiteY33" fmla="*/ 2290121 h 2487300"/>
                <a:gd name="connsiteX34" fmla="*/ 159657 w 1543100"/>
                <a:gd name="connsiteY34" fmla="*/ 1775256 h 2487300"/>
                <a:gd name="connsiteX35" fmla="*/ 3138 w 1543100"/>
                <a:gd name="connsiteY35" fmla="*/ 1676402 h 2487300"/>
                <a:gd name="connsiteX36" fmla="*/ 7258 w 1543100"/>
                <a:gd name="connsiteY36" fmla="*/ 1552834 h 2487300"/>
                <a:gd name="connsiteX37" fmla="*/ 44328 w 1543100"/>
                <a:gd name="connsiteY37" fmla="*/ 1466337 h 2487300"/>
                <a:gd name="connsiteX38" fmla="*/ 105173 w 1543100"/>
                <a:gd name="connsiteY38" fmla="*/ 1380495 h 2487300"/>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991680 w 1543100"/>
                <a:gd name="connsiteY21" fmla="*/ 1849395 h 2495541"/>
                <a:gd name="connsiteX22" fmla="*/ 1057582 w 1543100"/>
                <a:gd name="connsiteY22" fmla="*/ 2018272 h 2495541"/>
                <a:gd name="connsiteX23" fmla="*/ 1127604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63776 w 1543100"/>
                <a:gd name="connsiteY33" fmla="*/ 2290121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991680 w 1543100"/>
                <a:gd name="connsiteY21" fmla="*/ 1849395 h 2495541"/>
                <a:gd name="connsiteX22" fmla="*/ 1057582 w 1543100"/>
                <a:gd name="connsiteY22" fmla="*/ 2018272 h 2495541"/>
                <a:gd name="connsiteX23" fmla="*/ 1127604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991680 w 1543100"/>
                <a:gd name="connsiteY21" fmla="*/ 1849395 h 2495541"/>
                <a:gd name="connsiteX22" fmla="*/ 1057582 w 1543100"/>
                <a:gd name="connsiteY22" fmla="*/ 2018272 h 2495541"/>
                <a:gd name="connsiteX23" fmla="*/ 1127604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991680 w 1543100"/>
                <a:gd name="connsiteY21" fmla="*/ 1849395 h 2495541"/>
                <a:gd name="connsiteX22" fmla="*/ 1057582 w 1543100"/>
                <a:gd name="connsiteY22" fmla="*/ 2018272 h 2495541"/>
                <a:gd name="connsiteX23" fmla="*/ 1127604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27604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27440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60555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85268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489172 w 1543100"/>
                <a:gd name="connsiteY30" fmla="*/ 2351904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495541"/>
                <a:gd name="connsiteX1" fmla="*/ 172014 w 1543100"/>
                <a:gd name="connsiteY1" fmla="*/ 214186 h 2495541"/>
                <a:gd name="connsiteX2" fmla="*/ 209083 w 1543100"/>
                <a:gd name="connsiteY2" fmla="*/ 0 h 2495541"/>
                <a:gd name="connsiteX3" fmla="*/ 357366 w 1543100"/>
                <a:gd name="connsiteY3" fmla="*/ 61785 h 2495541"/>
                <a:gd name="connsiteX4" fmla="*/ 464459 w 1543100"/>
                <a:gd name="connsiteY4" fmla="*/ 74142 h 2495541"/>
                <a:gd name="connsiteX5" fmla="*/ 592144 w 1543100"/>
                <a:gd name="connsiteY5" fmla="*/ 144163 h 2495541"/>
                <a:gd name="connsiteX6" fmla="*/ 822804 w 1543100"/>
                <a:gd name="connsiteY6" fmla="*/ 300682 h 2495541"/>
                <a:gd name="connsiteX7" fmla="*/ 870561 w 1543100"/>
                <a:gd name="connsiteY7" fmla="*/ 353775 h 2495541"/>
                <a:gd name="connsiteX8" fmla="*/ 942252 w 1543100"/>
                <a:gd name="connsiteY8" fmla="*/ 370703 h 2495541"/>
                <a:gd name="connsiteX9" fmla="*/ 1123485 w 1543100"/>
                <a:gd name="connsiteY9" fmla="*/ 514867 h 2495541"/>
                <a:gd name="connsiteX10" fmla="*/ 1168793 w 1543100"/>
                <a:gd name="connsiteY10" fmla="*/ 576649 h 2495541"/>
                <a:gd name="connsiteX11" fmla="*/ 1185268 w 1543100"/>
                <a:gd name="connsiteY11" fmla="*/ 630196 h 2495541"/>
                <a:gd name="connsiteX12" fmla="*/ 1267646 w 1543100"/>
                <a:gd name="connsiteY12" fmla="*/ 737288 h 2495541"/>
                <a:gd name="connsiteX13" fmla="*/ 1345906 w 1543100"/>
                <a:gd name="connsiteY13" fmla="*/ 902045 h 2495541"/>
                <a:gd name="connsiteX14" fmla="*/ 1440642 w 1543100"/>
                <a:gd name="connsiteY14" fmla="*/ 1079159 h 2495541"/>
                <a:gd name="connsiteX15" fmla="*/ 1452998 w 1543100"/>
                <a:gd name="connsiteY15" fmla="*/ 1231558 h 2495541"/>
                <a:gd name="connsiteX16" fmla="*/ 1531258 w 1543100"/>
                <a:gd name="connsiteY16" fmla="*/ 1400434 h 2495541"/>
                <a:gd name="connsiteX17" fmla="*/ 1537096 w 1543100"/>
                <a:gd name="connsiteY17" fmla="*/ 1545252 h 2495541"/>
                <a:gd name="connsiteX18" fmla="*/ 1481831 w 1543100"/>
                <a:gd name="connsiteY18" fmla="*/ 1626975 h 2495541"/>
                <a:gd name="connsiteX19" fmla="*/ 1156436 w 1543100"/>
                <a:gd name="connsiteY19" fmla="*/ 1734066 h 2495541"/>
                <a:gd name="connsiteX20" fmla="*/ 1020512 w 1543100"/>
                <a:gd name="connsiteY20" fmla="*/ 1725829 h 2495541"/>
                <a:gd name="connsiteX21" fmla="*/ 1004037 w 1543100"/>
                <a:gd name="connsiteY21" fmla="*/ 1853514 h 2495541"/>
                <a:gd name="connsiteX22" fmla="*/ 1057582 w 1543100"/>
                <a:gd name="connsiteY22" fmla="*/ 2018272 h 2495541"/>
                <a:gd name="connsiteX23" fmla="*/ 1115247 w 1543100"/>
                <a:gd name="connsiteY23" fmla="*/ 1791732 h 2495541"/>
                <a:gd name="connsiteX24" fmla="*/ 1382978 w 1543100"/>
                <a:gd name="connsiteY24" fmla="*/ 1734066 h 2495541"/>
                <a:gd name="connsiteX25" fmla="*/ 1527139 w 1543100"/>
                <a:gd name="connsiteY25" fmla="*/ 1828802 h 2495541"/>
                <a:gd name="connsiteX26" fmla="*/ 1539497 w 1543100"/>
                <a:gd name="connsiteY26" fmla="*/ 1898822 h 2495541"/>
                <a:gd name="connsiteX27" fmla="*/ 1498307 w 1543100"/>
                <a:gd name="connsiteY27" fmla="*/ 2178909 h 2495541"/>
                <a:gd name="connsiteX28" fmla="*/ 1440642 w 1543100"/>
                <a:gd name="connsiteY28" fmla="*/ 2376618 h 2495541"/>
                <a:gd name="connsiteX29" fmla="*/ 825253 w 1543100"/>
                <a:gd name="connsiteY29" fmla="*/ 2357788 h 2495541"/>
                <a:gd name="connsiteX30" fmla="*/ 588026 w 1543100"/>
                <a:gd name="connsiteY30" fmla="*/ 2347786 h 2495541"/>
                <a:gd name="connsiteX31" fmla="*/ 382078 w 1543100"/>
                <a:gd name="connsiteY31" fmla="*/ 2475472 h 2495541"/>
                <a:gd name="connsiteX32" fmla="*/ 237918 w 1543100"/>
                <a:gd name="connsiteY32" fmla="*/ 2454877 h 2495541"/>
                <a:gd name="connsiteX33" fmla="*/ 159657 w 1543100"/>
                <a:gd name="connsiteY33" fmla="*/ 2294240 h 2495541"/>
                <a:gd name="connsiteX34" fmla="*/ 159657 w 1543100"/>
                <a:gd name="connsiteY34" fmla="*/ 1775256 h 2495541"/>
                <a:gd name="connsiteX35" fmla="*/ 3138 w 1543100"/>
                <a:gd name="connsiteY35" fmla="*/ 1676402 h 2495541"/>
                <a:gd name="connsiteX36" fmla="*/ 7258 w 1543100"/>
                <a:gd name="connsiteY36" fmla="*/ 1552834 h 2495541"/>
                <a:gd name="connsiteX37" fmla="*/ 44328 w 1543100"/>
                <a:gd name="connsiteY37" fmla="*/ 1466337 h 2495541"/>
                <a:gd name="connsiteX38" fmla="*/ 105173 w 1543100"/>
                <a:gd name="connsiteY38" fmla="*/ 1380495 h 2495541"/>
                <a:gd name="connsiteX0" fmla="*/ 105173 w 1543100"/>
                <a:gd name="connsiteY0" fmla="*/ 1380495 h 2516190"/>
                <a:gd name="connsiteX1" fmla="*/ 172014 w 1543100"/>
                <a:gd name="connsiteY1" fmla="*/ 214186 h 2516190"/>
                <a:gd name="connsiteX2" fmla="*/ 209083 w 1543100"/>
                <a:gd name="connsiteY2" fmla="*/ 0 h 2516190"/>
                <a:gd name="connsiteX3" fmla="*/ 357366 w 1543100"/>
                <a:gd name="connsiteY3" fmla="*/ 61785 h 2516190"/>
                <a:gd name="connsiteX4" fmla="*/ 464459 w 1543100"/>
                <a:gd name="connsiteY4" fmla="*/ 74142 h 2516190"/>
                <a:gd name="connsiteX5" fmla="*/ 592144 w 1543100"/>
                <a:gd name="connsiteY5" fmla="*/ 144163 h 2516190"/>
                <a:gd name="connsiteX6" fmla="*/ 822804 w 1543100"/>
                <a:gd name="connsiteY6" fmla="*/ 300682 h 2516190"/>
                <a:gd name="connsiteX7" fmla="*/ 870561 w 1543100"/>
                <a:gd name="connsiteY7" fmla="*/ 353775 h 2516190"/>
                <a:gd name="connsiteX8" fmla="*/ 942252 w 1543100"/>
                <a:gd name="connsiteY8" fmla="*/ 370703 h 2516190"/>
                <a:gd name="connsiteX9" fmla="*/ 1123485 w 1543100"/>
                <a:gd name="connsiteY9" fmla="*/ 514867 h 2516190"/>
                <a:gd name="connsiteX10" fmla="*/ 1168793 w 1543100"/>
                <a:gd name="connsiteY10" fmla="*/ 576649 h 2516190"/>
                <a:gd name="connsiteX11" fmla="*/ 1185268 w 1543100"/>
                <a:gd name="connsiteY11" fmla="*/ 630196 h 2516190"/>
                <a:gd name="connsiteX12" fmla="*/ 1267646 w 1543100"/>
                <a:gd name="connsiteY12" fmla="*/ 737288 h 2516190"/>
                <a:gd name="connsiteX13" fmla="*/ 1345906 w 1543100"/>
                <a:gd name="connsiteY13" fmla="*/ 902045 h 2516190"/>
                <a:gd name="connsiteX14" fmla="*/ 1440642 w 1543100"/>
                <a:gd name="connsiteY14" fmla="*/ 1079159 h 2516190"/>
                <a:gd name="connsiteX15" fmla="*/ 1452998 w 1543100"/>
                <a:gd name="connsiteY15" fmla="*/ 1231558 h 2516190"/>
                <a:gd name="connsiteX16" fmla="*/ 1531258 w 1543100"/>
                <a:gd name="connsiteY16" fmla="*/ 1400434 h 2516190"/>
                <a:gd name="connsiteX17" fmla="*/ 1537096 w 1543100"/>
                <a:gd name="connsiteY17" fmla="*/ 1545252 h 2516190"/>
                <a:gd name="connsiteX18" fmla="*/ 1481831 w 1543100"/>
                <a:gd name="connsiteY18" fmla="*/ 1626975 h 2516190"/>
                <a:gd name="connsiteX19" fmla="*/ 1156436 w 1543100"/>
                <a:gd name="connsiteY19" fmla="*/ 1734066 h 2516190"/>
                <a:gd name="connsiteX20" fmla="*/ 1020512 w 1543100"/>
                <a:gd name="connsiteY20" fmla="*/ 1725829 h 2516190"/>
                <a:gd name="connsiteX21" fmla="*/ 1004037 w 1543100"/>
                <a:gd name="connsiteY21" fmla="*/ 1853514 h 2516190"/>
                <a:gd name="connsiteX22" fmla="*/ 1057582 w 1543100"/>
                <a:gd name="connsiteY22" fmla="*/ 2018272 h 2516190"/>
                <a:gd name="connsiteX23" fmla="*/ 1115247 w 1543100"/>
                <a:gd name="connsiteY23" fmla="*/ 1791732 h 2516190"/>
                <a:gd name="connsiteX24" fmla="*/ 1382978 w 1543100"/>
                <a:gd name="connsiteY24" fmla="*/ 1734066 h 2516190"/>
                <a:gd name="connsiteX25" fmla="*/ 1527139 w 1543100"/>
                <a:gd name="connsiteY25" fmla="*/ 1828802 h 2516190"/>
                <a:gd name="connsiteX26" fmla="*/ 1539497 w 1543100"/>
                <a:gd name="connsiteY26" fmla="*/ 1898822 h 2516190"/>
                <a:gd name="connsiteX27" fmla="*/ 1498307 w 1543100"/>
                <a:gd name="connsiteY27" fmla="*/ 2178909 h 2516190"/>
                <a:gd name="connsiteX28" fmla="*/ 1440642 w 1543100"/>
                <a:gd name="connsiteY28" fmla="*/ 2376618 h 2516190"/>
                <a:gd name="connsiteX29" fmla="*/ 825253 w 1543100"/>
                <a:gd name="connsiteY29" fmla="*/ 2357788 h 2516190"/>
                <a:gd name="connsiteX30" fmla="*/ 588026 w 1543100"/>
                <a:gd name="connsiteY30" fmla="*/ 2347786 h 2516190"/>
                <a:gd name="connsiteX31" fmla="*/ 415030 w 1543100"/>
                <a:gd name="connsiteY31" fmla="*/ 2504305 h 2516190"/>
                <a:gd name="connsiteX32" fmla="*/ 237918 w 1543100"/>
                <a:gd name="connsiteY32" fmla="*/ 2454877 h 2516190"/>
                <a:gd name="connsiteX33" fmla="*/ 159657 w 1543100"/>
                <a:gd name="connsiteY33" fmla="*/ 2294240 h 2516190"/>
                <a:gd name="connsiteX34" fmla="*/ 159657 w 1543100"/>
                <a:gd name="connsiteY34" fmla="*/ 1775256 h 2516190"/>
                <a:gd name="connsiteX35" fmla="*/ 3138 w 1543100"/>
                <a:gd name="connsiteY35" fmla="*/ 1676402 h 2516190"/>
                <a:gd name="connsiteX36" fmla="*/ 7258 w 1543100"/>
                <a:gd name="connsiteY36" fmla="*/ 1552834 h 2516190"/>
                <a:gd name="connsiteX37" fmla="*/ 44328 w 1543100"/>
                <a:gd name="connsiteY37" fmla="*/ 1466337 h 2516190"/>
                <a:gd name="connsiteX38" fmla="*/ 105173 w 1543100"/>
                <a:gd name="connsiteY38" fmla="*/ 1380495 h 2516190"/>
                <a:gd name="connsiteX0" fmla="*/ 105173 w 1543100"/>
                <a:gd name="connsiteY0" fmla="*/ 1380495 h 2516190"/>
                <a:gd name="connsiteX1" fmla="*/ 172014 w 1543100"/>
                <a:gd name="connsiteY1" fmla="*/ 214186 h 2516190"/>
                <a:gd name="connsiteX2" fmla="*/ 209083 w 1543100"/>
                <a:gd name="connsiteY2" fmla="*/ 0 h 2516190"/>
                <a:gd name="connsiteX3" fmla="*/ 357366 w 1543100"/>
                <a:gd name="connsiteY3" fmla="*/ 61785 h 2516190"/>
                <a:gd name="connsiteX4" fmla="*/ 464459 w 1543100"/>
                <a:gd name="connsiteY4" fmla="*/ 74142 h 2516190"/>
                <a:gd name="connsiteX5" fmla="*/ 592144 w 1543100"/>
                <a:gd name="connsiteY5" fmla="*/ 144163 h 2516190"/>
                <a:gd name="connsiteX6" fmla="*/ 822804 w 1543100"/>
                <a:gd name="connsiteY6" fmla="*/ 300682 h 2516190"/>
                <a:gd name="connsiteX7" fmla="*/ 870561 w 1543100"/>
                <a:gd name="connsiteY7" fmla="*/ 353775 h 2516190"/>
                <a:gd name="connsiteX8" fmla="*/ 942252 w 1543100"/>
                <a:gd name="connsiteY8" fmla="*/ 370703 h 2516190"/>
                <a:gd name="connsiteX9" fmla="*/ 1123485 w 1543100"/>
                <a:gd name="connsiteY9" fmla="*/ 514867 h 2516190"/>
                <a:gd name="connsiteX10" fmla="*/ 1168793 w 1543100"/>
                <a:gd name="connsiteY10" fmla="*/ 576649 h 2516190"/>
                <a:gd name="connsiteX11" fmla="*/ 1185268 w 1543100"/>
                <a:gd name="connsiteY11" fmla="*/ 630196 h 2516190"/>
                <a:gd name="connsiteX12" fmla="*/ 1267646 w 1543100"/>
                <a:gd name="connsiteY12" fmla="*/ 737288 h 2516190"/>
                <a:gd name="connsiteX13" fmla="*/ 1345906 w 1543100"/>
                <a:gd name="connsiteY13" fmla="*/ 902045 h 2516190"/>
                <a:gd name="connsiteX14" fmla="*/ 1440642 w 1543100"/>
                <a:gd name="connsiteY14" fmla="*/ 1079159 h 2516190"/>
                <a:gd name="connsiteX15" fmla="*/ 1452998 w 1543100"/>
                <a:gd name="connsiteY15" fmla="*/ 1231558 h 2516190"/>
                <a:gd name="connsiteX16" fmla="*/ 1531258 w 1543100"/>
                <a:gd name="connsiteY16" fmla="*/ 1400434 h 2516190"/>
                <a:gd name="connsiteX17" fmla="*/ 1537096 w 1543100"/>
                <a:gd name="connsiteY17" fmla="*/ 1545252 h 2516190"/>
                <a:gd name="connsiteX18" fmla="*/ 1481831 w 1543100"/>
                <a:gd name="connsiteY18" fmla="*/ 1626975 h 2516190"/>
                <a:gd name="connsiteX19" fmla="*/ 1156436 w 1543100"/>
                <a:gd name="connsiteY19" fmla="*/ 1734066 h 2516190"/>
                <a:gd name="connsiteX20" fmla="*/ 1020512 w 1543100"/>
                <a:gd name="connsiteY20" fmla="*/ 1725829 h 2516190"/>
                <a:gd name="connsiteX21" fmla="*/ 1004037 w 1543100"/>
                <a:gd name="connsiteY21" fmla="*/ 1853514 h 2516190"/>
                <a:gd name="connsiteX22" fmla="*/ 1057582 w 1543100"/>
                <a:gd name="connsiteY22" fmla="*/ 2018272 h 2516190"/>
                <a:gd name="connsiteX23" fmla="*/ 1115247 w 1543100"/>
                <a:gd name="connsiteY23" fmla="*/ 1791732 h 2516190"/>
                <a:gd name="connsiteX24" fmla="*/ 1382978 w 1543100"/>
                <a:gd name="connsiteY24" fmla="*/ 1734066 h 2516190"/>
                <a:gd name="connsiteX25" fmla="*/ 1527139 w 1543100"/>
                <a:gd name="connsiteY25" fmla="*/ 1828802 h 2516190"/>
                <a:gd name="connsiteX26" fmla="*/ 1539497 w 1543100"/>
                <a:gd name="connsiteY26" fmla="*/ 1898822 h 2516190"/>
                <a:gd name="connsiteX27" fmla="*/ 1498307 w 1543100"/>
                <a:gd name="connsiteY27" fmla="*/ 2178909 h 2516190"/>
                <a:gd name="connsiteX28" fmla="*/ 1440642 w 1543100"/>
                <a:gd name="connsiteY28" fmla="*/ 2376618 h 2516190"/>
                <a:gd name="connsiteX29" fmla="*/ 825253 w 1543100"/>
                <a:gd name="connsiteY29" fmla="*/ 2357788 h 2516190"/>
                <a:gd name="connsiteX30" fmla="*/ 588026 w 1543100"/>
                <a:gd name="connsiteY30" fmla="*/ 2347786 h 2516190"/>
                <a:gd name="connsiteX31" fmla="*/ 559192 w 1543100"/>
                <a:gd name="connsiteY31" fmla="*/ 2467232 h 2516190"/>
                <a:gd name="connsiteX32" fmla="*/ 415030 w 1543100"/>
                <a:gd name="connsiteY32" fmla="*/ 2504305 h 2516190"/>
                <a:gd name="connsiteX33" fmla="*/ 237918 w 1543100"/>
                <a:gd name="connsiteY33" fmla="*/ 2454877 h 2516190"/>
                <a:gd name="connsiteX34" fmla="*/ 159657 w 1543100"/>
                <a:gd name="connsiteY34" fmla="*/ 2294240 h 2516190"/>
                <a:gd name="connsiteX35" fmla="*/ 159657 w 1543100"/>
                <a:gd name="connsiteY35" fmla="*/ 1775256 h 2516190"/>
                <a:gd name="connsiteX36" fmla="*/ 3138 w 1543100"/>
                <a:gd name="connsiteY36" fmla="*/ 1676402 h 2516190"/>
                <a:gd name="connsiteX37" fmla="*/ 7258 w 1543100"/>
                <a:gd name="connsiteY37" fmla="*/ 1552834 h 2516190"/>
                <a:gd name="connsiteX38" fmla="*/ 44328 w 1543100"/>
                <a:gd name="connsiteY38" fmla="*/ 1466337 h 2516190"/>
                <a:gd name="connsiteX39" fmla="*/ 105173 w 1543100"/>
                <a:gd name="connsiteY39" fmla="*/ 1380495 h 2516190"/>
                <a:gd name="connsiteX0" fmla="*/ 105173 w 1543100"/>
                <a:gd name="connsiteY0" fmla="*/ 1380495 h 2516190"/>
                <a:gd name="connsiteX1" fmla="*/ 172014 w 1543100"/>
                <a:gd name="connsiteY1" fmla="*/ 214186 h 2516190"/>
                <a:gd name="connsiteX2" fmla="*/ 209083 w 1543100"/>
                <a:gd name="connsiteY2" fmla="*/ 0 h 2516190"/>
                <a:gd name="connsiteX3" fmla="*/ 357366 w 1543100"/>
                <a:gd name="connsiteY3" fmla="*/ 61785 h 2516190"/>
                <a:gd name="connsiteX4" fmla="*/ 464459 w 1543100"/>
                <a:gd name="connsiteY4" fmla="*/ 74142 h 2516190"/>
                <a:gd name="connsiteX5" fmla="*/ 592144 w 1543100"/>
                <a:gd name="connsiteY5" fmla="*/ 144163 h 2516190"/>
                <a:gd name="connsiteX6" fmla="*/ 822804 w 1543100"/>
                <a:gd name="connsiteY6" fmla="*/ 300682 h 2516190"/>
                <a:gd name="connsiteX7" fmla="*/ 870561 w 1543100"/>
                <a:gd name="connsiteY7" fmla="*/ 353775 h 2516190"/>
                <a:gd name="connsiteX8" fmla="*/ 942252 w 1543100"/>
                <a:gd name="connsiteY8" fmla="*/ 370703 h 2516190"/>
                <a:gd name="connsiteX9" fmla="*/ 1123485 w 1543100"/>
                <a:gd name="connsiteY9" fmla="*/ 514867 h 2516190"/>
                <a:gd name="connsiteX10" fmla="*/ 1168793 w 1543100"/>
                <a:gd name="connsiteY10" fmla="*/ 576649 h 2516190"/>
                <a:gd name="connsiteX11" fmla="*/ 1185268 w 1543100"/>
                <a:gd name="connsiteY11" fmla="*/ 630196 h 2516190"/>
                <a:gd name="connsiteX12" fmla="*/ 1267646 w 1543100"/>
                <a:gd name="connsiteY12" fmla="*/ 737288 h 2516190"/>
                <a:gd name="connsiteX13" fmla="*/ 1345906 w 1543100"/>
                <a:gd name="connsiteY13" fmla="*/ 902045 h 2516190"/>
                <a:gd name="connsiteX14" fmla="*/ 1440642 w 1543100"/>
                <a:gd name="connsiteY14" fmla="*/ 1079159 h 2516190"/>
                <a:gd name="connsiteX15" fmla="*/ 1452998 w 1543100"/>
                <a:gd name="connsiteY15" fmla="*/ 1231558 h 2516190"/>
                <a:gd name="connsiteX16" fmla="*/ 1531258 w 1543100"/>
                <a:gd name="connsiteY16" fmla="*/ 1400434 h 2516190"/>
                <a:gd name="connsiteX17" fmla="*/ 1537096 w 1543100"/>
                <a:gd name="connsiteY17" fmla="*/ 1545252 h 2516190"/>
                <a:gd name="connsiteX18" fmla="*/ 1481831 w 1543100"/>
                <a:gd name="connsiteY18" fmla="*/ 1626975 h 2516190"/>
                <a:gd name="connsiteX19" fmla="*/ 1156436 w 1543100"/>
                <a:gd name="connsiteY19" fmla="*/ 1734066 h 2516190"/>
                <a:gd name="connsiteX20" fmla="*/ 1020512 w 1543100"/>
                <a:gd name="connsiteY20" fmla="*/ 1725829 h 2516190"/>
                <a:gd name="connsiteX21" fmla="*/ 1004037 w 1543100"/>
                <a:gd name="connsiteY21" fmla="*/ 1853514 h 2516190"/>
                <a:gd name="connsiteX22" fmla="*/ 1057582 w 1543100"/>
                <a:gd name="connsiteY22" fmla="*/ 2018272 h 2516190"/>
                <a:gd name="connsiteX23" fmla="*/ 1115247 w 1543100"/>
                <a:gd name="connsiteY23" fmla="*/ 1791732 h 2516190"/>
                <a:gd name="connsiteX24" fmla="*/ 1382978 w 1543100"/>
                <a:gd name="connsiteY24" fmla="*/ 1734066 h 2516190"/>
                <a:gd name="connsiteX25" fmla="*/ 1527139 w 1543100"/>
                <a:gd name="connsiteY25" fmla="*/ 1828802 h 2516190"/>
                <a:gd name="connsiteX26" fmla="*/ 1539497 w 1543100"/>
                <a:gd name="connsiteY26" fmla="*/ 1898822 h 2516190"/>
                <a:gd name="connsiteX27" fmla="*/ 1498307 w 1543100"/>
                <a:gd name="connsiteY27" fmla="*/ 2178909 h 2516190"/>
                <a:gd name="connsiteX28" fmla="*/ 1440642 w 1543100"/>
                <a:gd name="connsiteY28" fmla="*/ 2376618 h 2516190"/>
                <a:gd name="connsiteX29" fmla="*/ 825253 w 1543100"/>
                <a:gd name="connsiteY29" fmla="*/ 2357788 h 2516190"/>
                <a:gd name="connsiteX30" fmla="*/ 588026 w 1543100"/>
                <a:gd name="connsiteY30" fmla="*/ 2347786 h 2516190"/>
                <a:gd name="connsiteX31" fmla="*/ 559192 w 1543100"/>
                <a:gd name="connsiteY31" fmla="*/ 2467232 h 2516190"/>
                <a:gd name="connsiteX32" fmla="*/ 415030 w 1543100"/>
                <a:gd name="connsiteY32" fmla="*/ 2504305 h 2516190"/>
                <a:gd name="connsiteX33" fmla="*/ 237918 w 1543100"/>
                <a:gd name="connsiteY33" fmla="*/ 2454877 h 2516190"/>
                <a:gd name="connsiteX34" fmla="*/ 159657 w 1543100"/>
                <a:gd name="connsiteY34" fmla="*/ 2294240 h 2516190"/>
                <a:gd name="connsiteX35" fmla="*/ 159657 w 1543100"/>
                <a:gd name="connsiteY35" fmla="*/ 1775256 h 2516190"/>
                <a:gd name="connsiteX36" fmla="*/ 3138 w 1543100"/>
                <a:gd name="connsiteY36" fmla="*/ 1676402 h 2516190"/>
                <a:gd name="connsiteX37" fmla="*/ 7258 w 1543100"/>
                <a:gd name="connsiteY37" fmla="*/ 1552834 h 2516190"/>
                <a:gd name="connsiteX38" fmla="*/ 44328 w 1543100"/>
                <a:gd name="connsiteY38" fmla="*/ 1466337 h 2516190"/>
                <a:gd name="connsiteX39" fmla="*/ 105173 w 1543100"/>
                <a:gd name="connsiteY39" fmla="*/ 1380495 h 2516190"/>
                <a:gd name="connsiteX0" fmla="*/ 105173 w 1543100"/>
                <a:gd name="connsiteY0" fmla="*/ 1380495 h 2516190"/>
                <a:gd name="connsiteX1" fmla="*/ 172014 w 1543100"/>
                <a:gd name="connsiteY1" fmla="*/ 214186 h 2516190"/>
                <a:gd name="connsiteX2" fmla="*/ 209083 w 1543100"/>
                <a:gd name="connsiteY2" fmla="*/ 0 h 2516190"/>
                <a:gd name="connsiteX3" fmla="*/ 357366 w 1543100"/>
                <a:gd name="connsiteY3" fmla="*/ 61785 h 2516190"/>
                <a:gd name="connsiteX4" fmla="*/ 464459 w 1543100"/>
                <a:gd name="connsiteY4" fmla="*/ 74142 h 2516190"/>
                <a:gd name="connsiteX5" fmla="*/ 592144 w 1543100"/>
                <a:gd name="connsiteY5" fmla="*/ 144163 h 2516190"/>
                <a:gd name="connsiteX6" fmla="*/ 822804 w 1543100"/>
                <a:gd name="connsiteY6" fmla="*/ 300682 h 2516190"/>
                <a:gd name="connsiteX7" fmla="*/ 870561 w 1543100"/>
                <a:gd name="connsiteY7" fmla="*/ 353775 h 2516190"/>
                <a:gd name="connsiteX8" fmla="*/ 942252 w 1543100"/>
                <a:gd name="connsiteY8" fmla="*/ 370703 h 2516190"/>
                <a:gd name="connsiteX9" fmla="*/ 1123485 w 1543100"/>
                <a:gd name="connsiteY9" fmla="*/ 514867 h 2516190"/>
                <a:gd name="connsiteX10" fmla="*/ 1168793 w 1543100"/>
                <a:gd name="connsiteY10" fmla="*/ 576649 h 2516190"/>
                <a:gd name="connsiteX11" fmla="*/ 1185268 w 1543100"/>
                <a:gd name="connsiteY11" fmla="*/ 630196 h 2516190"/>
                <a:gd name="connsiteX12" fmla="*/ 1267646 w 1543100"/>
                <a:gd name="connsiteY12" fmla="*/ 737288 h 2516190"/>
                <a:gd name="connsiteX13" fmla="*/ 1345906 w 1543100"/>
                <a:gd name="connsiteY13" fmla="*/ 902045 h 2516190"/>
                <a:gd name="connsiteX14" fmla="*/ 1440642 w 1543100"/>
                <a:gd name="connsiteY14" fmla="*/ 1079159 h 2516190"/>
                <a:gd name="connsiteX15" fmla="*/ 1452998 w 1543100"/>
                <a:gd name="connsiteY15" fmla="*/ 1231558 h 2516190"/>
                <a:gd name="connsiteX16" fmla="*/ 1531258 w 1543100"/>
                <a:gd name="connsiteY16" fmla="*/ 1400434 h 2516190"/>
                <a:gd name="connsiteX17" fmla="*/ 1537096 w 1543100"/>
                <a:gd name="connsiteY17" fmla="*/ 1545252 h 2516190"/>
                <a:gd name="connsiteX18" fmla="*/ 1481831 w 1543100"/>
                <a:gd name="connsiteY18" fmla="*/ 1626975 h 2516190"/>
                <a:gd name="connsiteX19" fmla="*/ 1156436 w 1543100"/>
                <a:gd name="connsiteY19" fmla="*/ 1734066 h 2516190"/>
                <a:gd name="connsiteX20" fmla="*/ 1020512 w 1543100"/>
                <a:gd name="connsiteY20" fmla="*/ 1725829 h 2516190"/>
                <a:gd name="connsiteX21" fmla="*/ 1004037 w 1543100"/>
                <a:gd name="connsiteY21" fmla="*/ 1853514 h 2516190"/>
                <a:gd name="connsiteX22" fmla="*/ 1057582 w 1543100"/>
                <a:gd name="connsiteY22" fmla="*/ 2018272 h 2516190"/>
                <a:gd name="connsiteX23" fmla="*/ 1115247 w 1543100"/>
                <a:gd name="connsiteY23" fmla="*/ 1791732 h 2516190"/>
                <a:gd name="connsiteX24" fmla="*/ 1382978 w 1543100"/>
                <a:gd name="connsiteY24" fmla="*/ 1734066 h 2516190"/>
                <a:gd name="connsiteX25" fmla="*/ 1527139 w 1543100"/>
                <a:gd name="connsiteY25" fmla="*/ 1828802 h 2516190"/>
                <a:gd name="connsiteX26" fmla="*/ 1539497 w 1543100"/>
                <a:gd name="connsiteY26" fmla="*/ 1898822 h 2516190"/>
                <a:gd name="connsiteX27" fmla="*/ 1498307 w 1543100"/>
                <a:gd name="connsiteY27" fmla="*/ 2178909 h 2516190"/>
                <a:gd name="connsiteX28" fmla="*/ 1440642 w 1543100"/>
                <a:gd name="connsiteY28" fmla="*/ 2376618 h 2516190"/>
                <a:gd name="connsiteX29" fmla="*/ 825253 w 1543100"/>
                <a:gd name="connsiteY29" fmla="*/ 2357788 h 2516190"/>
                <a:gd name="connsiteX30" fmla="*/ 588026 w 1543100"/>
                <a:gd name="connsiteY30" fmla="*/ 2347786 h 2516190"/>
                <a:gd name="connsiteX31" fmla="*/ 550954 w 1543100"/>
                <a:gd name="connsiteY31" fmla="*/ 2483708 h 2516190"/>
                <a:gd name="connsiteX32" fmla="*/ 415030 w 1543100"/>
                <a:gd name="connsiteY32" fmla="*/ 2504305 h 2516190"/>
                <a:gd name="connsiteX33" fmla="*/ 237918 w 1543100"/>
                <a:gd name="connsiteY33" fmla="*/ 2454877 h 2516190"/>
                <a:gd name="connsiteX34" fmla="*/ 159657 w 1543100"/>
                <a:gd name="connsiteY34" fmla="*/ 2294240 h 2516190"/>
                <a:gd name="connsiteX35" fmla="*/ 159657 w 1543100"/>
                <a:gd name="connsiteY35" fmla="*/ 1775256 h 2516190"/>
                <a:gd name="connsiteX36" fmla="*/ 3138 w 1543100"/>
                <a:gd name="connsiteY36" fmla="*/ 1676402 h 2516190"/>
                <a:gd name="connsiteX37" fmla="*/ 7258 w 1543100"/>
                <a:gd name="connsiteY37" fmla="*/ 1552834 h 2516190"/>
                <a:gd name="connsiteX38" fmla="*/ 44328 w 1543100"/>
                <a:gd name="connsiteY38" fmla="*/ 1466337 h 2516190"/>
                <a:gd name="connsiteX39" fmla="*/ 105173 w 1543100"/>
                <a:gd name="connsiteY39" fmla="*/ 1380495 h 2516190"/>
                <a:gd name="connsiteX0" fmla="*/ 105173 w 1543100"/>
                <a:gd name="connsiteY0" fmla="*/ 1380495 h 2516190"/>
                <a:gd name="connsiteX1" fmla="*/ 172014 w 1543100"/>
                <a:gd name="connsiteY1" fmla="*/ 214186 h 2516190"/>
                <a:gd name="connsiteX2" fmla="*/ 209083 w 1543100"/>
                <a:gd name="connsiteY2" fmla="*/ 0 h 2516190"/>
                <a:gd name="connsiteX3" fmla="*/ 357366 w 1543100"/>
                <a:gd name="connsiteY3" fmla="*/ 61785 h 2516190"/>
                <a:gd name="connsiteX4" fmla="*/ 464459 w 1543100"/>
                <a:gd name="connsiteY4" fmla="*/ 74142 h 2516190"/>
                <a:gd name="connsiteX5" fmla="*/ 592144 w 1543100"/>
                <a:gd name="connsiteY5" fmla="*/ 144163 h 2516190"/>
                <a:gd name="connsiteX6" fmla="*/ 822804 w 1543100"/>
                <a:gd name="connsiteY6" fmla="*/ 300682 h 2516190"/>
                <a:gd name="connsiteX7" fmla="*/ 870561 w 1543100"/>
                <a:gd name="connsiteY7" fmla="*/ 353775 h 2516190"/>
                <a:gd name="connsiteX8" fmla="*/ 942252 w 1543100"/>
                <a:gd name="connsiteY8" fmla="*/ 370703 h 2516190"/>
                <a:gd name="connsiteX9" fmla="*/ 1123485 w 1543100"/>
                <a:gd name="connsiteY9" fmla="*/ 514867 h 2516190"/>
                <a:gd name="connsiteX10" fmla="*/ 1168793 w 1543100"/>
                <a:gd name="connsiteY10" fmla="*/ 576649 h 2516190"/>
                <a:gd name="connsiteX11" fmla="*/ 1185268 w 1543100"/>
                <a:gd name="connsiteY11" fmla="*/ 630196 h 2516190"/>
                <a:gd name="connsiteX12" fmla="*/ 1267646 w 1543100"/>
                <a:gd name="connsiteY12" fmla="*/ 737288 h 2516190"/>
                <a:gd name="connsiteX13" fmla="*/ 1345906 w 1543100"/>
                <a:gd name="connsiteY13" fmla="*/ 902045 h 2516190"/>
                <a:gd name="connsiteX14" fmla="*/ 1440642 w 1543100"/>
                <a:gd name="connsiteY14" fmla="*/ 1079159 h 2516190"/>
                <a:gd name="connsiteX15" fmla="*/ 1452998 w 1543100"/>
                <a:gd name="connsiteY15" fmla="*/ 1231558 h 2516190"/>
                <a:gd name="connsiteX16" fmla="*/ 1531258 w 1543100"/>
                <a:gd name="connsiteY16" fmla="*/ 1400434 h 2516190"/>
                <a:gd name="connsiteX17" fmla="*/ 1537096 w 1543100"/>
                <a:gd name="connsiteY17" fmla="*/ 1545252 h 2516190"/>
                <a:gd name="connsiteX18" fmla="*/ 1481831 w 1543100"/>
                <a:gd name="connsiteY18" fmla="*/ 1626975 h 2516190"/>
                <a:gd name="connsiteX19" fmla="*/ 1156436 w 1543100"/>
                <a:gd name="connsiteY19" fmla="*/ 1734066 h 2516190"/>
                <a:gd name="connsiteX20" fmla="*/ 1020512 w 1543100"/>
                <a:gd name="connsiteY20" fmla="*/ 1725829 h 2516190"/>
                <a:gd name="connsiteX21" fmla="*/ 1004037 w 1543100"/>
                <a:gd name="connsiteY21" fmla="*/ 1853514 h 2516190"/>
                <a:gd name="connsiteX22" fmla="*/ 1057582 w 1543100"/>
                <a:gd name="connsiteY22" fmla="*/ 2018272 h 2516190"/>
                <a:gd name="connsiteX23" fmla="*/ 1115247 w 1543100"/>
                <a:gd name="connsiteY23" fmla="*/ 1791732 h 2516190"/>
                <a:gd name="connsiteX24" fmla="*/ 1382978 w 1543100"/>
                <a:gd name="connsiteY24" fmla="*/ 1734066 h 2516190"/>
                <a:gd name="connsiteX25" fmla="*/ 1527139 w 1543100"/>
                <a:gd name="connsiteY25" fmla="*/ 1828802 h 2516190"/>
                <a:gd name="connsiteX26" fmla="*/ 1539497 w 1543100"/>
                <a:gd name="connsiteY26" fmla="*/ 1898822 h 2516190"/>
                <a:gd name="connsiteX27" fmla="*/ 1498307 w 1543100"/>
                <a:gd name="connsiteY27" fmla="*/ 2178909 h 2516190"/>
                <a:gd name="connsiteX28" fmla="*/ 1440642 w 1543100"/>
                <a:gd name="connsiteY28" fmla="*/ 2376618 h 2516190"/>
                <a:gd name="connsiteX29" fmla="*/ 825253 w 1543100"/>
                <a:gd name="connsiteY29" fmla="*/ 2357788 h 2516190"/>
                <a:gd name="connsiteX30" fmla="*/ 588026 w 1543100"/>
                <a:gd name="connsiteY30" fmla="*/ 2347786 h 2516190"/>
                <a:gd name="connsiteX31" fmla="*/ 550954 w 1543100"/>
                <a:gd name="connsiteY31" fmla="*/ 2483708 h 2516190"/>
                <a:gd name="connsiteX32" fmla="*/ 415030 w 1543100"/>
                <a:gd name="connsiteY32" fmla="*/ 2504305 h 2516190"/>
                <a:gd name="connsiteX33" fmla="*/ 237918 w 1543100"/>
                <a:gd name="connsiteY33" fmla="*/ 2454877 h 2516190"/>
                <a:gd name="connsiteX34" fmla="*/ 159657 w 1543100"/>
                <a:gd name="connsiteY34" fmla="*/ 2294240 h 2516190"/>
                <a:gd name="connsiteX35" fmla="*/ 159657 w 1543100"/>
                <a:gd name="connsiteY35" fmla="*/ 1775256 h 2516190"/>
                <a:gd name="connsiteX36" fmla="*/ 3138 w 1543100"/>
                <a:gd name="connsiteY36" fmla="*/ 1676402 h 2516190"/>
                <a:gd name="connsiteX37" fmla="*/ 7258 w 1543100"/>
                <a:gd name="connsiteY37" fmla="*/ 1552834 h 2516190"/>
                <a:gd name="connsiteX38" fmla="*/ 44328 w 1543100"/>
                <a:gd name="connsiteY38" fmla="*/ 1466337 h 2516190"/>
                <a:gd name="connsiteX39" fmla="*/ 105173 w 1543100"/>
                <a:gd name="connsiteY39" fmla="*/ 1380495 h 2516190"/>
                <a:gd name="connsiteX0" fmla="*/ 105173 w 1543100"/>
                <a:gd name="connsiteY0" fmla="*/ 1380495 h 2514405"/>
                <a:gd name="connsiteX1" fmla="*/ 172014 w 1543100"/>
                <a:gd name="connsiteY1" fmla="*/ 214186 h 2514405"/>
                <a:gd name="connsiteX2" fmla="*/ 209083 w 1543100"/>
                <a:gd name="connsiteY2" fmla="*/ 0 h 2514405"/>
                <a:gd name="connsiteX3" fmla="*/ 357366 w 1543100"/>
                <a:gd name="connsiteY3" fmla="*/ 61785 h 2514405"/>
                <a:gd name="connsiteX4" fmla="*/ 464459 w 1543100"/>
                <a:gd name="connsiteY4" fmla="*/ 74142 h 2514405"/>
                <a:gd name="connsiteX5" fmla="*/ 592144 w 1543100"/>
                <a:gd name="connsiteY5" fmla="*/ 144163 h 2514405"/>
                <a:gd name="connsiteX6" fmla="*/ 822804 w 1543100"/>
                <a:gd name="connsiteY6" fmla="*/ 300682 h 2514405"/>
                <a:gd name="connsiteX7" fmla="*/ 870561 w 1543100"/>
                <a:gd name="connsiteY7" fmla="*/ 353775 h 2514405"/>
                <a:gd name="connsiteX8" fmla="*/ 942252 w 1543100"/>
                <a:gd name="connsiteY8" fmla="*/ 370703 h 2514405"/>
                <a:gd name="connsiteX9" fmla="*/ 1123485 w 1543100"/>
                <a:gd name="connsiteY9" fmla="*/ 514867 h 2514405"/>
                <a:gd name="connsiteX10" fmla="*/ 1168793 w 1543100"/>
                <a:gd name="connsiteY10" fmla="*/ 576649 h 2514405"/>
                <a:gd name="connsiteX11" fmla="*/ 1185268 w 1543100"/>
                <a:gd name="connsiteY11" fmla="*/ 630196 h 2514405"/>
                <a:gd name="connsiteX12" fmla="*/ 1267646 w 1543100"/>
                <a:gd name="connsiteY12" fmla="*/ 737288 h 2514405"/>
                <a:gd name="connsiteX13" fmla="*/ 1345906 w 1543100"/>
                <a:gd name="connsiteY13" fmla="*/ 902045 h 2514405"/>
                <a:gd name="connsiteX14" fmla="*/ 1440642 w 1543100"/>
                <a:gd name="connsiteY14" fmla="*/ 1079159 h 2514405"/>
                <a:gd name="connsiteX15" fmla="*/ 1452998 w 1543100"/>
                <a:gd name="connsiteY15" fmla="*/ 1231558 h 2514405"/>
                <a:gd name="connsiteX16" fmla="*/ 1531258 w 1543100"/>
                <a:gd name="connsiteY16" fmla="*/ 1400434 h 2514405"/>
                <a:gd name="connsiteX17" fmla="*/ 1537096 w 1543100"/>
                <a:gd name="connsiteY17" fmla="*/ 1545252 h 2514405"/>
                <a:gd name="connsiteX18" fmla="*/ 1481831 w 1543100"/>
                <a:gd name="connsiteY18" fmla="*/ 1626975 h 2514405"/>
                <a:gd name="connsiteX19" fmla="*/ 1156436 w 1543100"/>
                <a:gd name="connsiteY19" fmla="*/ 1734066 h 2514405"/>
                <a:gd name="connsiteX20" fmla="*/ 1020512 w 1543100"/>
                <a:gd name="connsiteY20" fmla="*/ 1725829 h 2514405"/>
                <a:gd name="connsiteX21" fmla="*/ 1004037 w 1543100"/>
                <a:gd name="connsiteY21" fmla="*/ 1853514 h 2514405"/>
                <a:gd name="connsiteX22" fmla="*/ 1057582 w 1543100"/>
                <a:gd name="connsiteY22" fmla="*/ 2018272 h 2514405"/>
                <a:gd name="connsiteX23" fmla="*/ 1115247 w 1543100"/>
                <a:gd name="connsiteY23" fmla="*/ 1791732 h 2514405"/>
                <a:gd name="connsiteX24" fmla="*/ 1382978 w 1543100"/>
                <a:gd name="connsiteY24" fmla="*/ 1734066 h 2514405"/>
                <a:gd name="connsiteX25" fmla="*/ 1527139 w 1543100"/>
                <a:gd name="connsiteY25" fmla="*/ 1828802 h 2514405"/>
                <a:gd name="connsiteX26" fmla="*/ 1539497 w 1543100"/>
                <a:gd name="connsiteY26" fmla="*/ 1898822 h 2514405"/>
                <a:gd name="connsiteX27" fmla="*/ 1498307 w 1543100"/>
                <a:gd name="connsiteY27" fmla="*/ 2178909 h 2514405"/>
                <a:gd name="connsiteX28" fmla="*/ 1440642 w 1543100"/>
                <a:gd name="connsiteY28" fmla="*/ 2376618 h 2514405"/>
                <a:gd name="connsiteX29" fmla="*/ 825253 w 1543100"/>
                <a:gd name="connsiteY29" fmla="*/ 2357788 h 2514405"/>
                <a:gd name="connsiteX30" fmla="*/ 588026 w 1543100"/>
                <a:gd name="connsiteY30" fmla="*/ 2347786 h 2514405"/>
                <a:gd name="connsiteX31" fmla="*/ 550954 w 1543100"/>
                <a:gd name="connsiteY31" fmla="*/ 2483708 h 2514405"/>
                <a:gd name="connsiteX32" fmla="*/ 415030 w 1543100"/>
                <a:gd name="connsiteY32" fmla="*/ 2504305 h 2514405"/>
                <a:gd name="connsiteX33" fmla="*/ 237918 w 1543100"/>
                <a:gd name="connsiteY33" fmla="*/ 2454877 h 2514405"/>
                <a:gd name="connsiteX34" fmla="*/ 159657 w 1543100"/>
                <a:gd name="connsiteY34" fmla="*/ 2294240 h 2514405"/>
                <a:gd name="connsiteX35" fmla="*/ 159657 w 1543100"/>
                <a:gd name="connsiteY35" fmla="*/ 1775256 h 2514405"/>
                <a:gd name="connsiteX36" fmla="*/ 3138 w 1543100"/>
                <a:gd name="connsiteY36" fmla="*/ 1676402 h 2514405"/>
                <a:gd name="connsiteX37" fmla="*/ 7258 w 1543100"/>
                <a:gd name="connsiteY37" fmla="*/ 1552834 h 2514405"/>
                <a:gd name="connsiteX38" fmla="*/ 44328 w 1543100"/>
                <a:gd name="connsiteY38" fmla="*/ 1466337 h 2514405"/>
                <a:gd name="connsiteX39" fmla="*/ 105173 w 1543100"/>
                <a:gd name="connsiteY39" fmla="*/ 1380495 h 2514405"/>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81831 w 1543100"/>
                <a:gd name="connsiteY18" fmla="*/ 1626975 h 2521317"/>
                <a:gd name="connsiteX19" fmla="*/ 1156436 w 1543100"/>
                <a:gd name="connsiteY19" fmla="*/ 1734066 h 2521317"/>
                <a:gd name="connsiteX20" fmla="*/ 1020512 w 1543100"/>
                <a:gd name="connsiteY20" fmla="*/ 1725829 h 2521317"/>
                <a:gd name="connsiteX21" fmla="*/ 1004037 w 1543100"/>
                <a:gd name="connsiteY21" fmla="*/ 1853514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81831 w 1543100"/>
                <a:gd name="connsiteY18" fmla="*/ 1626975 h 2521317"/>
                <a:gd name="connsiteX19" fmla="*/ 1156436 w 1543100"/>
                <a:gd name="connsiteY19" fmla="*/ 1734066 h 2521317"/>
                <a:gd name="connsiteX20" fmla="*/ 1032756 w 1543100"/>
                <a:gd name="connsiteY20" fmla="*/ 1756441 h 2521317"/>
                <a:gd name="connsiteX21" fmla="*/ 1004037 w 1543100"/>
                <a:gd name="connsiteY21" fmla="*/ 1853514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81831 w 1543100"/>
                <a:gd name="connsiteY18" fmla="*/ 1626975 h 2521317"/>
                <a:gd name="connsiteX19" fmla="*/ 1156436 w 1543100"/>
                <a:gd name="connsiteY19" fmla="*/ 1734066 h 2521317"/>
                <a:gd name="connsiteX20" fmla="*/ 1032756 w 1543100"/>
                <a:gd name="connsiteY20" fmla="*/ 1756441 h 2521317"/>
                <a:gd name="connsiteX21" fmla="*/ 1028526 w 1543100"/>
                <a:gd name="connsiteY21" fmla="*/ 1838208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81831 w 1543100"/>
                <a:gd name="connsiteY18" fmla="*/ 1626975 h 2521317"/>
                <a:gd name="connsiteX19" fmla="*/ 1156436 w 1543100"/>
                <a:gd name="connsiteY19" fmla="*/ 1734066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81831 w 1543100"/>
                <a:gd name="connsiteY18" fmla="*/ 1626975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52998 w 1543100"/>
                <a:gd name="connsiteY15" fmla="*/ 1231558 h 2521317"/>
                <a:gd name="connsiteX16" fmla="*/ 1531258 w 1543100"/>
                <a:gd name="connsiteY16" fmla="*/ 1400434 h 2521317"/>
                <a:gd name="connsiteX17" fmla="*/ 1537096 w 1543100"/>
                <a:gd name="connsiteY17" fmla="*/ 1545252 h 2521317"/>
                <a:gd name="connsiteX18" fmla="*/ 1497136 w 1543100"/>
                <a:gd name="connsiteY18" fmla="*/ 1672892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74426 w 1543100"/>
                <a:gd name="connsiteY15" fmla="*/ 1216252 h 2521317"/>
                <a:gd name="connsiteX16" fmla="*/ 1531258 w 1543100"/>
                <a:gd name="connsiteY16" fmla="*/ 1400434 h 2521317"/>
                <a:gd name="connsiteX17" fmla="*/ 1537096 w 1543100"/>
                <a:gd name="connsiteY17" fmla="*/ 1545252 h 2521317"/>
                <a:gd name="connsiteX18" fmla="*/ 1497136 w 1543100"/>
                <a:gd name="connsiteY18" fmla="*/ 1672892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74426 w 1543100"/>
                <a:gd name="connsiteY15" fmla="*/ 1216252 h 2521317"/>
                <a:gd name="connsiteX16" fmla="*/ 1482280 w 1543100"/>
                <a:gd name="connsiteY16" fmla="*/ 1336150 h 2521317"/>
                <a:gd name="connsiteX17" fmla="*/ 1537096 w 1543100"/>
                <a:gd name="connsiteY17" fmla="*/ 1545252 h 2521317"/>
                <a:gd name="connsiteX18" fmla="*/ 1497136 w 1543100"/>
                <a:gd name="connsiteY18" fmla="*/ 1672892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74426 w 1543100"/>
                <a:gd name="connsiteY15" fmla="*/ 1216252 h 2521317"/>
                <a:gd name="connsiteX16" fmla="*/ 1488402 w 1543100"/>
                <a:gd name="connsiteY16" fmla="*/ 1339211 h 2521317"/>
                <a:gd name="connsiteX17" fmla="*/ 1537096 w 1543100"/>
                <a:gd name="connsiteY17" fmla="*/ 1545252 h 2521317"/>
                <a:gd name="connsiteX18" fmla="*/ 1497136 w 1543100"/>
                <a:gd name="connsiteY18" fmla="*/ 1672892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43100"/>
                <a:gd name="connsiteY0" fmla="*/ 1380495 h 2521317"/>
                <a:gd name="connsiteX1" fmla="*/ 172014 w 1543100"/>
                <a:gd name="connsiteY1" fmla="*/ 214186 h 2521317"/>
                <a:gd name="connsiteX2" fmla="*/ 209083 w 1543100"/>
                <a:gd name="connsiteY2" fmla="*/ 0 h 2521317"/>
                <a:gd name="connsiteX3" fmla="*/ 357366 w 1543100"/>
                <a:gd name="connsiteY3" fmla="*/ 61785 h 2521317"/>
                <a:gd name="connsiteX4" fmla="*/ 464459 w 1543100"/>
                <a:gd name="connsiteY4" fmla="*/ 74142 h 2521317"/>
                <a:gd name="connsiteX5" fmla="*/ 592144 w 1543100"/>
                <a:gd name="connsiteY5" fmla="*/ 144163 h 2521317"/>
                <a:gd name="connsiteX6" fmla="*/ 822804 w 1543100"/>
                <a:gd name="connsiteY6" fmla="*/ 300682 h 2521317"/>
                <a:gd name="connsiteX7" fmla="*/ 870561 w 1543100"/>
                <a:gd name="connsiteY7" fmla="*/ 353775 h 2521317"/>
                <a:gd name="connsiteX8" fmla="*/ 942252 w 1543100"/>
                <a:gd name="connsiteY8" fmla="*/ 370703 h 2521317"/>
                <a:gd name="connsiteX9" fmla="*/ 1123485 w 1543100"/>
                <a:gd name="connsiteY9" fmla="*/ 514867 h 2521317"/>
                <a:gd name="connsiteX10" fmla="*/ 1168793 w 1543100"/>
                <a:gd name="connsiteY10" fmla="*/ 576649 h 2521317"/>
                <a:gd name="connsiteX11" fmla="*/ 1185268 w 1543100"/>
                <a:gd name="connsiteY11" fmla="*/ 630196 h 2521317"/>
                <a:gd name="connsiteX12" fmla="*/ 1267646 w 1543100"/>
                <a:gd name="connsiteY12" fmla="*/ 737288 h 2521317"/>
                <a:gd name="connsiteX13" fmla="*/ 1345906 w 1543100"/>
                <a:gd name="connsiteY13" fmla="*/ 902045 h 2521317"/>
                <a:gd name="connsiteX14" fmla="*/ 1440642 w 1543100"/>
                <a:gd name="connsiteY14" fmla="*/ 1079159 h 2521317"/>
                <a:gd name="connsiteX15" fmla="*/ 1474426 w 1543100"/>
                <a:gd name="connsiteY15" fmla="*/ 1216252 h 2521317"/>
                <a:gd name="connsiteX16" fmla="*/ 1488402 w 1543100"/>
                <a:gd name="connsiteY16" fmla="*/ 1339211 h 2521317"/>
                <a:gd name="connsiteX17" fmla="*/ 1537096 w 1543100"/>
                <a:gd name="connsiteY17" fmla="*/ 1505457 h 2521317"/>
                <a:gd name="connsiteX18" fmla="*/ 1497136 w 1543100"/>
                <a:gd name="connsiteY18" fmla="*/ 1672892 h 2521317"/>
                <a:gd name="connsiteX19" fmla="*/ 1165620 w 1543100"/>
                <a:gd name="connsiteY19" fmla="*/ 1767739 h 2521317"/>
                <a:gd name="connsiteX20" fmla="*/ 1032756 w 1543100"/>
                <a:gd name="connsiteY20" fmla="*/ 1756441 h 2521317"/>
                <a:gd name="connsiteX21" fmla="*/ 1025465 w 1543100"/>
                <a:gd name="connsiteY21" fmla="*/ 1884125 h 2521317"/>
                <a:gd name="connsiteX22" fmla="*/ 1057582 w 1543100"/>
                <a:gd name="connsiteY22" fmla="*/ 2018272 h 2521317"/>
                <a:gd name="connsiteX23" fmla="*/ 1115247 w 1543100"/>
                <a:gd name="connsiteY23" fmla="*/ 1791732 h 2521317"/>
                <a:gd name="connsiteX24" fmla="*/ 1382978 w 1543100"/>
                <a:gd name="connsiteY24" fmla="*/ 1734066 h 2521317"/>
                <a:gd name="connsiteX25" fmla="*/ 1527139 w 1543100"/>
                <a:gd name="connsiteY25" fmla="*/ 1828802 h 2521317"/>
                <a:gd name="connsiteX26" fmla="*/ 1539497 w 1543100"/>
                <a:gd name="connsiteY26" fmla="*/ 1898822 h 2521317"/>
                <a:gd name="connsiteX27" fmla="*/ 1498307 w 1543100"/>
                <a:gd name="connsiteY27" fmla="*/ 2178909 h 2521317"/>
                <a:gd name="connsiteX28" fmla="*/ 1440642 w 1543100"/>
                <a:gd name="connsiteY28" fmla="*/ 2376618 h 2521317"/>
                <a:gd name="connsiteX29" fmla="*/ 825253 w 1543100"/>
                <a:gd name="connsiteY29" fmla="*/ 2357788 h 2521317"/>
                <a:gd name="connsiteX30" fmla="*/ 588026 w 1543100"/>
                <a:gd name="connsiteY30" fmla="*/ 2347786 h 2521317"/>
                <a:gd name="connsiteX31" fmla="*/ 550954 w 1543100"/>
                <a:gd name="connsiteY31" fmla="*/ 2483708 h 2521317"/>
                <a:gd name="connsiteX32" fmla="*/ 419149 w 1543100"/>
                <a:gd name="connsiteY32" fmla="*/ 2512542 h 2521317"/>
                <a:gd name="connsiteX33" fmla="*/ 237918 w 1543100"/>
                <a:gd name="connsiteY33" fmla="*/ 2454877 h 2521317"/>
                <a:gd name="connsiteX34" fmla="*/ 159657 w 1543100"/>
                <a:gd name="connsiteY34" fmla="*/ 2294240 h 2521317"/>
                <a:gd name="connsiteX35" fmla="*/ 159657 w 1543100"/>
                <a:gd name="connsiteY35" fmla="*/ 1775256 h 2521317"/>
                <a:gd name="connsiteX36" fmla="*/ 3138 w 1543100"/>
                <a:gd name="connsiteY36" fmla="*/ 1676402 h 2521317"/>
                <a:gd name="connsiteX37" fmla="*/ 7258 w 1543100"/>
                <a:gd name="connsiteY37" fmla="*/ 1552834 h 2521317"/>
                <a:gd name="connsiteX38" fmla="*/ 44328 w 1543100"/>
                <a:gd name="connsiteY38" fmla="*/ 1466337 h 2521317"/>
                <a:gd name="connsiteX39" fmla="*/ 105173 w 1543100"/>
                <a:gd name="connsiteY39" fmla="*/ 1380495 h 2521317"/>
                <a:gd name="connsiteX0" fmla="*/ 105173 w 1556985"/>
                <a:gd name="connsiteY0" fmla="*/ 1380495 h 2521317"/>
                <a:gd name="connsiteX1" fmla="*/ 172014 w 1556985"/>
                <a:gd name="connsiteY1" fmla="*/ 214186 h 2521317"/>
                <a:gd name="connsiteX2" fmla="*/ 209083 w 1556985"/>
                <a:gd name="connsiteY2" fmla="*/ 0 h 2521317"/>
                <a:gd name="connsiteX3" fmla="*/ 357366 w 1556985"/>
                <a:gd name="connsiteY3" fmla="*/ 61785 h 2521317"/>
                <a:gd name="connsiteX4" fmla="*/ 464459 w 1556985"/>
                <a:gd name="connsiteY4" fmla="*/ 74142 h 2521317"/>
                <a:gd name="connsiteX5" fmla="*/ 592144 w 1556985"/>
                <a:gd name="connsiteY5" fmla="*/ 144163 h 2521317"/>
                <a:gd name="connsiteX6" fmla="*/ 822804 w 1556985"/>
                <a:gd name="connsiteY6" fmla="*/ 300682 h 2521317"/>
                <a:gd name="connsiteX7" fmla="*/ 870561 w 1556985"/>
                <a:gd name="connsiteY7" fmla="*/ 353775 h 2521317"/>
                <a:gd name="connsiteX8" fmla="*/ 942252 w 1556985"/>
                <a:gd name="connsiteY8" fmla="*/ 370703 h 2521317"/>
                <a:gd name="connsiteX9" fmla="*/ 1123485 w 1556985"/>
                <a:gd name="connsiteY9" fmla="*/ 514867 h 2521317"/>
                <a:gd name="connsiteX10" fmla="*/ 1168793 w 1556985"/>
                <a:gd name="connsiteY10" fmla="*/ 576649 h 2521317"/>
                <a:gd name="connsiteX11" fmla="*/ 1185268 w 1556985"/>
                <a:gd name="connsiteY11" fmla="*/ 630196 h 2521317"/>
                <a:gd name="connsiteX12" fmla="*/ 1267646 w 1556985"/>
                <a:gd name="connsiteY12" fmla="*/ 737288 h 2521317"/>
                <a:gd name="connsiteX13" fmla="*/ 1345906 w 1556985"/>
                <a:gd name="connsiteY13" fmla="*/ 902045 h 2521317"/>
                <a:gd name="connsiteX14" fmla="*/ 1440642 w 1556985"/>
                <a:gd name="connsiteY14" fmla="*/ 1079159 h 2521317"/>
                <a:gd name="connsiteX15" fmla="*/ 1474426 w 1556985"/>
                <a:gd name="connsiteY15" fmla="*/ 1216252 h 2521317"/>
                <a:gd name="connsiteX16" fmla="*/ 1488402 w 1556985"/>
                <a:gd name="connsiteY16" fmla="*/ 1339211 h 2521317"/>
                <a:gd name="connsiteX17" fmla="*/ 1537096 w 1556985"/>
                <a:gd name="connsiteY17" fmla="*/ 1505457 h 2521317"/>
                <a:gd name="connsiteX18" fmla="*/ 1497136 w 1556985"/>
                <a:gd name="connsiteY18" fmla="*/ 1672892 h 2521317"/>
                <a:gd name="connsiteX19" fmla="*/ 1165620 w 1556985"/>
                <a:gd name="connsiteY19" fmla="*/ 1767739 h 2521317"/>
                <a:gd name="connsiteX20" fmla="*/ 1032756 w 1556985"/>
                <a:gd name="connsiteY20" fmla="*/ 1756441 h 2521317"/>
                <a:gd name="connsiteX21" fmla="*/ 1025465 w 1556985"/>
                <a:gd name="connsiteY21" fmla="*/ 1884125 h 2521317"/>
                <a:gd name="connsiteX22" fmla="*/ 1057582 w 1556985"/>
                <a:gd name="connsiteY22" fmla="*/ 2018272 h 2521317"/>
                <a:gd name="connsiteX23" fmla="*/ 1115247 w 1556985"/>
                <a:gd name="connsiteY23" fmla="*/ 1791732 h 2521317"/>
                <a:gd name="connsiteX24" fmla="*/ 1382978 w 1556985"/>
                <a:gd name="connsiteY24" fmla="*/ 1734066 h 2521317"/>
                <a:gd name="connsiteX25" fmla="*/ 1545506 w 1556985"/>
                <a:gd name="connsiteY25" fmla="*/ 1816558 h 2521317"/>
                <a:gd name="connsiteX26" fmla="*/ 1539497 w 1556985"/>
                <a:gd name="connsiteY26" fmla="*/ 1898822 h 2521317"/>
                <a:gd name="connsiteX27" fmla="*/ 1498307 w 1556985"/>
                <a:gd name="connsiteY27" fmla="*/ 2178909 h 2521317"/>
                <a:gd name="connsiteX28" fmla="*/ 1440642 w 1556985"/>
                <a:gd name="connsiteY28" fmla="*/ 2376618 h 2521317"/>
                <a:gd name="connsiteX29" fmla="*/ 825253 w 1556985"/>
                <a:gd name="connsiteY29" fmla="*/ 2357788 h 2521317"/>
                <a:gd name="connsiteX30" fmla="*/ 588026 w 1556985"/>
                <a:gd name="connsiteY30" fmla="*/ 2347786 h 2521317"/>
                <a:gd name="connsiteX31" fmla="*/ 550954 w 1556985"/>
                <a:gd name="connsiteY31" fmla="*/ 2483708 h 2521317"/>
                <a:gd name="connsiteX32" fmla="*/ 419149 w 1556985"/>
                <a:gd name="connsiteY32" fmla="*/ 2512542 h 2521317"/>
                <a:gd name="connsiteX33" fmla="*/ 237918 w 1556985"/>
                <a:gd name="connsiteY33" fmla="*/ 2454877 h 2521317"/>
                <a:gd name="connsiteX34" fmla="*/ 159657 w 1556985"/>
                <a:gd name="connsiteY34" fmla="*/ 2294240 h 2521317"/>
                <a:gd name="connsiteX35" fmla="*/ 159657 w 1556985"/>
                <a:gd name="connsiteY35" fmla="*/ 1775256 h 2521317"/>
                <a:gd name="connsiteX36" fmla="*/ 3138 w 1556985"/>
                <a:gd name="connsiteY36" fmla="*/ 1676402 h 2521317"/>
                <a:gd name="connsiteX37" fmla="*/ 7258 w 1556985"/>
                <a:gd name="connsiteY37" fmla="*/ 1552834 h 2521317"/>
                <a:gd name="connsiteX38" fmla="*/ 44328 w 1556985"/>
                <a:gd name="connsiteY38" fmla="*/ 1466337 h 2521317"/>
                <a:gd name="connsiteX39" fmla="*/ 105173 w 1556985"/>
                <a:gd name="connsiteY39" fmla="*/ 1380495 h 2521317"/>
                <a:gd name="connsiteX0" fmla="*/ 105173 w 1574170"/>
                <a:gd name="connsiteY0" fmla="*/ 1380495 h 2521317"/>
                <a:gd name="connsiteX1" fmla="*/ 172014 w 1574170"/>
                <a:gd name="connsiteY1" fmla="*/ 214186 h 2521317"/>
                <a:gd name="connsiteX2" fmla="*/ 209083 w 1574170"/>
                <a:gd name="connsiteY2" fmla="*/ 0 h 2521317"/>
                <a:gd name="connsiteX3" fmla="*/ 357366 w 1574170"/>
                <a:gd name="connsiteY3" fmla="*/ 61785 h 2521317"/>
                <a:gd name="connsiteX4" fmla="*/ 464459 w 1574170"/>
                <a:gd name="connsiteY4" fmla="*/ 74142 h 2521317"/>
                <a:gd name="connsiteX5" fmla="*/ 592144 w 1574170"/>
                <a:gd name="connsiteY5" fmla="*/ 144163 h 2521317"/>
                <a:gd name="connsiteX6" fmla="*/ 822804 w 1574170"/>
                <a:gd name="connsiteY6" fmla="*/ 300682 h 2521317"/>
                <a:gd name="connsiteX7" fmla="*/ 870561 w 1574170"/>
                <a:gd name="connsiteY7" fmla="*/ 353775 h 2521317"/>
                <a:gd name="connsiteX8" fmla="*/ 942252 w 1574170"/>
                <a:gd name="connsiteY8" fmla="*/ 370703 h 2521317"/>
                <a:gd name="connsiteX9" fmla="*/ 1123485 w 1574170"/>
                <a:gd name="connsiteY9" fmla="*/ 514867 h 2521317"/>
                <a:gd name="connsiteX10" fmla="*/ 1168793 w 1574170"/>
                <a:gd name="connsiteY10" fmla="*/ 576649 h 2521317"/>
                <a:gd name="connsiteX11" fmla="*/ 1185268 w 1574170"/>
                <a:gd name="connsiteY11" fmla="*/ 630196 h 2521317"/>
                <a:gd name="connsiteX12" fmla="*/ 1267646 w 1574170"/>
                <a:gd name="connsiteY12" fmla="*/ 737288 h 2521317"/>
                <a:gd name="connsiteX13" fmla="*/ 1345906 w 1574170"/>
                <a:gd name="connsiteY13" fmla="*/ 902045 h 2521317"/>
                <a:gd name="connsiteX14" fmla="*/ 1440642 w 1574170"/>
                <a:gd name="connsiteY14" fmla="*/ 1079159 h 2521317"/>
                <a:gd name="connsiteX15" fmla="*/ 1474426 w 1574170"/>
                <a:gd name="connsiteY15" fmla="*/ 1216252 h 2521317"/>
                <a:gd name="connsiteX16" fmla="*/ 1488402 w 1574170"/>
                <a:gd name="connsiteY16" fmla="*/ 1339211 h 2521317"/>
                <a:gd name="connsiteX17" fmla="*/ 1537096 w 1574170"/>
                <a:gd name="connsiteY17" fmla="*/ 1505457 h 2521317"/>
                <a:gd name="connsiteX18" fmla="*/ 1497136 w 1574170"/>
                <a:gd name="connsiteY18" fmla="*/ 1672892 h 2521317"/>
                <a:gd name="connsiteX19" fmla="*/ 1165620 w 1574170"/>
                <a:gd name="connsiteY19" fmla="*/ 1767739 h 2521317"/>
                <a:gd name="connsiteX20" fmla="*/ 1032756 w 1574170"/>
                <a:gd name="connsiteY20" fmla="*/ 1756441 h 2521317"/>
                <a:gd name="connsiteX21" fmla="*/ 1025465 w 1574170"/>
                <a:gd name="connsiteY21" fmla="*/ 1884125 h 2521317"/>
                <a:gd name="connsiteX22" fmla="*/ 1057582 w 1574170"/>
                <a:gd name="connsiteY22" fmla="*/ 2018272 h 2521317"/>
                <a:gd name="connsiteX23" fmla="*/ 1115247 w 1574170"/>
                <a:gd name="connsiteY23" fmla="*/ 1791732 h 2521317"/>
                <a:gd name="connsiteX24" fmla="*/ 1382978 w 1574170"/>
                <a:gd name="connsiteY24" fmla="*/ 1734066 h 2521317"/>
                <a:gd name="connsiteX25" fmla="*/ 1545506 w 1574170"/>
                <a:gd name="connsiteY25" fmla="*/ 1816558 h 2521317"/>
                <a:gd name="connsiteX26" fmla="*/ 1570108 w 1574170"/>
                <a:gd name="connsiteY26" fmla="*/ 1944739 h 2521317"/>
                <a:gd name="connsiteX27" fmla="*/ 1498307 w 1574170"/>
                <a:gd name="connsiteY27" fmla="*/ 2178909 h 2521317"/>
                <a:gd name="connsiteX28" fmla="*/ 1440642 w 1574170"/>
                <a:gd name="connsiteY28" fmla="*/ 2376618 h 2521317"/>
                <a:gd name="connsiteX29" fmla="*/ 825253 w 1574170"/>
                <a:gd name="connsiteY29" fmla="*/ 2357788 h 2521317"/>
                <a:gd name="connsiteX30" fmla="*/ 588026 w 1574170"/>
                <a:gd name="connsiteY30" fmla="*/ 2347786 h 2521317"/>
                <a:gd name="connsiteX31" fmla="*/ 550954 w 1574170"/>
                <a:gd name="connsiteY31" fmla="*/ 2483708 h 2521317"/>
                <a:gd name="connsiteX32" fmla="*/ 419149 w 1574170"/>
                <a:gd name="connsiteY32" fmla="*/ 2512542 h 2521317"/>
                <a:gd name="connsiteX33" fmla="*/ 237918 w 1574170"/>
                <a:gd name="connsiteY33" fmla="*/ 2454877 h 2521317"/>
                <a:gd name="connsiteX34" fmla="*/ 159657 w 1574170"/>
                <a:gd name="connsiteY34" fmla="*/ 2294240 h 2521317"/>
                <a:gd name="connsiteX35" fmla="*/ 159657 w 1574170"/>
                <a:gd name="connsiteY35" fmla="*/ 1775256 h 2521317"/>
                <a:gd name="connsiteX36" fmla="*/ 3138 w 1574170"/>
                <a:gd name="connsiteY36" fmla="*/ 1676402 h 2521317"/>
                <a:gd name="connsiteX37" fmla="*/ 7258 w 1574170"/>
                <a:gd name="connsiteY37" fmla="*/ 1552834 h 2521317"/>
                <a:gd name="connsiteX38" fmla="*/ 44328 w 1574170"/>
                <a:gd name="connsiteY38" fmla="*/ 1466337 h 2521317"/>
                <a:gd name="connsiteX39" fmla="*/ 105173 w 1574170"/>
                <a:gd name="connsiteY39" fmla="*/ 1380495 h 2521317"/>
                <a:gd name="connsiteX0" fmla="*/ 105173 w 1574170"/>
                <a:gd name="connsiteY0" fmla="*/ 1380495 h 2521317"/>
                <a:gd name="connsiteX1" fmla="*/ 172014 w 1574170"/>
                <a:gd name="connsiteY1" fmla="*/ 214186 h 2521317"/>
                <a:gd name="connsiteX2" fmla="*/ 209083 w 1574170"/>
                <a:gd name="connsiteY2" fmla="*/ 0 h 2521317"/>
                <a:gd name="connsiteX3" fmla="*/ 357366 w 1574170"/>
                <a:gd name="connsiteY3" fmla="*/ 61785 h 2521317"/>
                <a:gd name="connsiteX4" fmla="*/ 464459 w 1574170"/>
                <a:gd name="connsiteY4" fmla="*/ 74142 h 2521317"/>
                <a:gd name="connsiteX5" fmla="*/ 592144 w 1574170"/>
                <a:gd name="connsiteY5" fmla="*/ 144163 h 2521317"/>
                <a:gd name="connsiteX6" fmla="*/ 822804 w 1574170"/>
                <a:gd name="connsiteY6" fmla="*/ 300682 h 2521317"/>
                <a:gd name="connsiteX7" fmla="*/ 870561 w 1574170"/>
                <a:gd name="connsiteY7" fmla="*/ 353775 h 2521317"/>
                <a:gd name="connsiteX8" fmla="*/ 942252 w 1574170"/>
                <a:gd name="connsiteY8" fmla="*/ 370703 h 2521317"/>
                <a:gd name="connsiteX9" fmla="*/ 1123485 w 1574170"/>
                <a:gd name="connsiteY9" fmla="*/ 514867 h 2521317"/>
                <a:gd name="connsiteX10" fmla="*/ 1168793 w 1574170"/>
                <a:gd name="connsiteY10" fmla="*/ 576649 h 2521317"/>
                <a:gd name="connsiteX11" fmla="*/ 1185268 w 1574170"/>
                <a:gd name="connsiteY11" fmla="*/ 630196 h 2521317"/>
                <a:gd name="connsiteX12" fmla="*/ 1267646 w 1574170"/>
                <a:gd name="connsiteY12" fmla="*/ 737288 h 2521317"/>
                <a:gd name="connsiteX13" fmla="*/ 1345906 w 1574170"/>
                <a:gd name="connsiteY13" fmla="*/ 902045 h 2521317"/>
                <a:gd name="connsiteX14" fmla="*/ 1440642 w 1574170"/>
                <a:gd name="connsiteY14" fmla="*/ 1079159 h 2521317"/>
                <a:gd name="connsiteX15" fmla="*/ 1474426 w 1574170"/>
                <a:gd name="connsiteY15" fmla="*/ 1216252 h 2521317"/>
                <a:gd name="connsiteX16" fmla="*/ 1488402 w 1574170"/>
                <a:gd name="connsiteY16" fmla="*/ 1339211 h 2521317"/>
                <a:gd name="connsiteX17" fmla="*/ 1537096 w 1574170"/>
                <a:gd name="connsiteY17" fmla="*/ 1505457 h 2521317"/>
                <a:gd name="connsiteX18" fmla="*/ 1497136 w 1574170"/>
                <a:gd name="connsiteY18" fmla="*/ 1672892 h 2521317"/>
                <a:gd name="connsiteX19" fmla="*/ 1165620 w 1574170"/>
                <a:gd name="connsiteY19" fmla="*/ 1767739 h 2521317"/>
                <a:gd name="connsiteX20" fmla="*/ 1032756 w 1574170"/>
                <a:gd name="connsiteY20" fmla="*/ 1756441 h 2521317"/>
                <a:gd name="connsiteX21" fmla="*/ 1025465 w 1574170"/>
                <a:gd name="connsiteY21" fmla="*/ 1884125 h 2521317"/>
                <a:gd name="connsiteX22" fmla="*/ 1057582 w 1574170"/>
                <a:gd name="connsiteY22" fmla="*/ 2018272 h 2521317"/>
                <a:gd name="connsiteX23" fmla="*/ 1115247 w 1574170"/>
                <a:gd name="connsiteY23" fmla="*/ 1791732 h 2521317"/>
                <a:gd name="connsiteX24" fmla="*/ 1382978 w 1574170"/>
                <a:gd name="connsiteY24" fmla="*/ 1734066 h 2521317"/>
                <a:gd name="connsiteX25" fmla="*/ 1545506 w 1574170"/>
                <a:gd name="connsiteY25" fmla="*/ 1816558 h 2521317"/>
                <a:gd name="connsiteX26" fmla="*/ 1570108 w 1574170"/>
                <a:gd name="connsiteY26" fmla="*/ 1944739 h 2521317"/>
                <a:gd name="connsiteX27" fmla="*/ 1498307 w 1574170"/>
                <a:gd name="connsiteY27" fmla="*/ 2178909 h 2521317"/>
                <a:gd name="connsiteX28" fmla="*/ 1455948 w 1574170"/>
                <a:gd name="connsiteY28" fmla="*/ 2410290 h 2521317"/>
                <a:gd name="connsiteX29" fmla="*/ 825253 w 1574170"/>
                <a:gd name="connsiteY29" fmla="*/ 2357788 h 2521317"/>
                <a:gd name="connsiteX30" fmla="*/ 588026 w 1574170"/>
                <a:gd name="connsiteY30" fmla="*/ 2347786 h 2521317"/>
                <a:gd name="connsiteX31" fmla="*/ 550954 w 1574170"/>
                <a:gd name="connsiteY31" fmla="*/ 2483708 h 2521317"/>
                <a:gd name="connsiteX32" fmla="*/ 419149 w 1574170"/>
                <a:gd name="connsiteY32" fmla="*/ 2512542 h 2521317"/>
                <a:gd name="connsiteX33" fmla="*/ 237918 w 1574170"/>
                <a:gd name="connsiteY33" fmla="*/ 2454877 h 2521317"/>
                <a:gd name="connsiteX34" fmla="*/ 159657 w 1574170"/>
                <a:gd name="connsiteY34" fmla="*/ 2294240 h 2521317"/>
                <a:gd name="connsiteX35" fmla="*/ 159657 w 1574170"/>
                <a:gd name="connsiteY35" fmla="*/ 1775256 h 2521317"/>
                <a:gd name="connsiteX36" fmla="*/ 3138 w 1574170"/>
                <a:gd name="connsiteY36" fmla="*/ 1676402 h 2521317"/>
                <a:gd name="connsiteX37" fmla="*/ 7258 w 1574170"/>
                <a:gd name="connsiteY37" fmla="*/ 1552834 h 2521317"/>
                <a:gd name="connsiteX38" fmla="*/ 44328 w 1574170"/>
                <a:gd name="connsiteY38" fmla="*/ 1466337 h 2521317"/>
                <a:gd name="connsiteX39" fmla="*/ 105173 w 1574170"/>
                <a:gd name="connsiteY39" fmla="*/ 1380495 h 2521317"/>
                <a:gd name="connsiteX0" fmla="*/ 105173 w 1593439"/>
                <a:gd name="connsiteY0" fmla="*/ 1380495 h 2521317"/>
                <a:gd name="connsiteX1" fmla="*/ 172014 w 1593439"/>
                <a:gd name="connsiteY1" fmla="*/ 214186 h 2521317"/>
                <a:gd name="connsiteX2" fmla="*/ 209083 w 1593439"/>
                <a:gd name="connsiteY2" fmla="*/ 0 h 2521317"/>
                <a:gd name="connsiteX3" fmla="*/ 357366 w 1593439"/>
                <a:gd name="connsiteY3" fmla="*/ 61785 h 2521317"/>
                <a:gd name="connsiteX4" fmla="*/ 464459 w 1593439"/>
                <a:gd name="connsiteY4" fmla="*/ 74142 h 2521317"/>
                <a:gd name="connsiteX5" fmla="*/ 592144 w 1593439"/>
                <a:gd name="connsiteY5" fmla="*/ 144163 h 2521317"/>
                <a:gd name="connsiteX6" fmla="*/ 822804 w 1593439"/>
                <a:gd name="connsiteY6" fmla="*/ 300682 h 2521317"/>
                <a:gd name="connsiteX7" fmla="*/ 870561 w 1593439"/>
                <a:gd name="connsiteY7" fmla="*/ 353775 h 2521317"/>
                <a:gd name="connsiteX8" fmla="*/ 942252 w 1593439"/>
                <a:gd name="connsiteY8" fmla="*/ 370703 h 2521317"/>
                <a:gd name="connsiteX9" fmla="*/ 1123485 w 1593439"/>
                <a:gd name="connsiteY9" fmla="*/ 514867 h 2521317"/>
                <a:gd name="connsiteX10" fmla="*/ 1168793 w 1593439"/>
                <a:gd name="connsiteY10" fmla="*/ 576649 h 2521317"/>
                <a:gd name="connsiteX11" fmla="*/ 1185268 w 1593439"/>
                <a:gd name="connsiteY11" fmla="*/ 630196 h 2521317"/>
                <a:gd name="connsiteX12" fmla="*/ 1267646 w 1593439"/>
                <a:gd name="connsiteY12" fmla="*/ 737288 h 2521317"/>
                <a:gd name="connsiteX13" fmla="*/ 1345906 w 1593439"/>
                <a:gd name="connsiteY13" fmla="*/ 902045 h 2521317"/>
                <a:gd name="connsiteX14" fmla="*/ 1440642 w 1593439"/>
                <a:gd name="connsiteY14" fmla="*/ 1079159 h 2521317"/>
                <a:gd name="connsiteX15" fmla="*/ 1474426 w 1593439"/>
                <a:gd name="connsiteY15" fmla="*/ 1216252 h 2521317"/>
                <a:gd name="connsiteX16" fmla="*/ 1488402 w 1593439"/>
                <a:gd name="connsiteY16" fmla="*/ 1339211 h 2521317"/>
                <a:gd name="connsiteX17" fmla="*/ 1537096 w 1593439"/>
                <a:gd name="connsiteY17" fmla="*/ 1505457 h 2521317"/>
                <a:gd name="connsiteX18" fmla="*/ 1497136 w 1593439"/>
                <a:gd name="connsiteY18" fmla="*/ 1672892 h 2521317"/>
                <a:gd name="connsiteX19" fmla="*/ 1165620 w 1593439"/>
                <a:gd name="connsiteY19" fmla="*/ 1767739 h 2521317"/>
                <a:gd name="connsiteX20" fmla="*/ 1032756 w 1593439"/>
                <a:gd name="connsiteY20" fmla="*/ 1756441 h 2521317"/>
                <a:gd name="connsiteX21" fmla="*/ 1025465 w 1593439"/>
                <a:gd name="connsiteY21" fmla="*/ 1884125 h 2521317"/>
                <a:gd name="connsiteX22" fmla="*/ 1057582 w 1593439"/>
                <a:gd name="connsiteY22" fmla="*/ 2018272 h 2521317"/>
                <a:gd name="connsiteX23" fmla="*/ 1115247 w 1593439"/>
                <a:gd name="connsiteY23" fmla="*/ 1791732 h 2521317"/>
                <a:gd name="connsiteX24" fmla="*/ 1382978 w 1593439"/>
                <a:gd name="connsiteY24" fmla="*/ 1734066 h 2521317"/>
                <a:gd name="connsiteX25" fmla="*/ 1545506 w 1593439"/>
                <a:gd name="connsiteY25" fmla="*/ 1816558 h 2521317"/>
                <a:gd name="connsiteX26" fmla="*/ 1570108 w 1593439"/>
                <a:gd name="connsiteY26" fmla="*/ 1944739 h 2521317"/>
                <a:gd name="connsiteX27" fmla="*/ 1587080 w 1593439"/>
                <a:gd name="connsiteY27" fmla="*/ 2191153 h 2521317"/>
                <a:gd name="connsiteX28" fmla="*/ 1455948 w 1593439"/>
                <a:gd name="connsiteY28" fmla="*/ 2410290 h 2521317"/>
                <a:gd name="connsiteX29" fmla="*/ 825253 w 1593439"/>
                <a:gd name="connsiteY29" fmla="*/ 2357788 h 2521317"/>
                <a:gd name="connsiteX30" fmla="*/ 588026 w 1593439"/>
                <a:gd name="connsiteY30" fmla="*/ 2347786 h 2521317"/>
                <a:gd name="connsiteX31" fmla="*/ 550954 w 1593439"/>
                <a:gd name="connsiteY31" fmla="*/ 2483708 h 2521317"/>
                <a:gd name="connsiteX32" fmla="*/ 419149 w 1593439"/>
                <a:gd name="connsiteY32" fmla="*/ 2512542 h 2521317"/>
                <a:gd name="connsiteX33" fmla="*/ 237918 w 1593439"/>
                <a:gd name="connsiteY33" fmla="*/ 2454877 h 2521317"/>
                <a:gd name="connsiteX34" fmla="*/ 159657 w 1593439"/>
                <a:gd name="connsiteY34" fmla="*/ 2294240 h 2521317"/>
                <a:gd name="connsiteX35" fmla="*/ 159657 w 1593439"/>
                <a:gd name="connsiteY35" fmla="*/ 1775256 h 2521317"/>
                <a:gd name="connsiteX36" fmla="*/ 3138 w 1593439"/>
                <a:gd name="connsiteY36" fmla="*/ 1676402 h 2521317"/>
                <a:gd name="connsiteX37" fmla="*/ 7258 w 1593439"/>
                <a:gd name="connsiteY37" fmla="*/ 1552834 h 2521317"/>
                <a:gd name="connsiteX38" fmla="*/ 44328 w 1593439"/>
                <a:gd name="connsiteY38" fmla="*/ 1466337 h 2521317"/>
                <a:gd name="connsiteX39" fmla="*/ 105173 w 1593439"/>
                <a:gd name="connsiteY39" fmla="*/ 1380495 h 2521317"/>
                <a:gd name="connsiteX0" fmla="*/ 105173 w 1593439"/>
                <a:gd name="connsiteY0" fmla="*/ 1380495 h 2521317"/>
                <a:gd name="connsiteX1" fmla="*/ 172014 w 1593439"/>
                <a:gd name="connsiteY1" fmla="*/ 214186 h 2521317"/>
                <a:gd name="connsiteX2" fmla="*/ 209083 w 1593439"/>
                <a:gd name="connsiteY2" fmla="*/ 0 h 2521317"/>
                <a:gd name="connsiteX3" fmla="*/ 357366 w 1593439"/>
                <a:gd name="connsiteY3" fmla="*/ 61785 h 2521317"/>
                <a:gd name="connsiteX4" fmla="*/ 464459 w 1593439"/>
                <a:gd name="connsiteY4" fmla="*/ 74142 h 2521317"/>
                <a:gd name="connsiteX5" fmla="*/ 592144 w 1593439"/>
                <a:gd name="connsiteY5" fmla="*/ 144163 h 2521317"/>
                <a:gd name="connsiteX6" fmla="*/ 822804 w 1593439"/>
                <a:gd name="connsiteY6" fmla="*/ 300682 h 2521317"/>
                <a:gd name="connsiteX7" fmla="*/ 870561 w 1593439"/>
                <a:gd name="connsiteY7" fmla="*/ 353775 h 2521317"/>
                <a:gd name="connsiteX8" fmla="*/ 942252 w 1593439"/>
                <a:gd name="connsiteY8" fmla="*/ 370703 h 2521317"/>
                <a:gd name="connsiteX9" fmla="*/ 1123485 w 1593439"/>
                <a:gd name="connsiteY9" fmla="*/ 514867 h 2521317"/>
                <a:gd name="connsiteX10" fmla="*/ 1168793 w 1593439"/>
                <a:gd name="connsiteY10" fmla="*/ 576649 h 2521317"/>
                <a:gd name="connsiteX11" fmla="*/ 1185268 w 1593439"/>
                <a:gd name="connsiteY11" fmla="*/ 630196 h 2521317"/>
                <a:gd name="connsiteX12" fmla="*/ 1267646 w 1593439"/>
                <a:gd name="connsiteY12" fmla="*/ 737288 h 2521317"/>
                <a:gd name="connsiteX13" fmla="*/ 1345906 w 1593439"/>
                <a:gd name="connsiteY13" fmla="*/ 902045 h 2521317"/>
                <a:gd name="connsiteX14" fmla="*/ 1440642 w 1593439"/>
                <a:gd name="connsiteY14" fmla="*/ 1079159 h 2521317"/>
                <a:gd name="connsiteX15" fmla="*/ 1474426 w 1593439"/>
                <a:gd name="connsiteY15" fmla="*/ 1216252 h 2521317"/>
                <a:gd name="connsiteX16" fmla="*/ 1488402 w 1593439"/>
                <a:gd name="connsiteY16" fmla="*/ 1339211 h 2521317"/>
                <a:gd name="connsiteX17" fmla="*/ 1537096 w 1593439"/>
                <a:gd name="connsiteY17" fmla="*/ 1505457 h 2521317"/>
                <a:gd name="connsiteX18" fmla="*/ 1497136 w 1593439"/>
                <a:gd name="connsiteY18" fmla="*/ 1672892 h 2521317"/>
                <a:gd name="connsiteX19" fmla="*/ 1165620 w 1593439"/>
                <a:gd name="connsiteY19" fmla="*/ 1767739 h 2521317"/>
                <a:gd name="connsiteX20" fmla="*/ 1032756 w 1593439"/>
                <a:gd name="connsiteY20" fmla="*/ 1756441 h 2521317"/>
                <a:gd name="connsiteX21" fmla="*/ 1025465 w 1593439"/>
                <a:gd name="connsiteY21" fmla="*/ 1884125 h 2521317"/>
                <a:gd name="connsiteX22" fmla="*/ 1057582 w 1593439"/>
                <a:gd name="connsiteY22" fmla="*/ 2018272 h 2521317"/>
                <a:gd name="connsiteX23" fmla="*/ 1115247 w 1593439"/>
                <a:gd name="connsiteY23" fmla="*/ 1791732 h 2521317"/>
                <a:gd name="connsiteX24" fmla="*/ 1382978 w 1593439"/>
                <a:gd name="connsiteY24" fmla="*/ 1734066 h 2521317"/>
                <a:gd name="connsiteX25" fmla="*/ 1545506 w 1593439"/>
                <a:gd name="connsiteY25" fmla="*/ 1816558 h 2521317"/>
                <a:gd name="connsiteX26" fmla="*/ 1570108 w 1593439"/>
                <a:gd name="connsiteY26" fmla="*/ 1944739 h 2521317"/>
                <a:gd name="connsiteX27" fmla="*/ 1587080 w 1593439"/>
                <a:gd name="connsiteY27" fmla="*/ 2191153 h 2521317"/>
                <a:gd name="connsiteX28" fmla="*/ 1455948 w 1593439"/>
                <a:gd name="connsiteY28" fmla="*/ 2410290 h 2521317"/>
                <a:gd name="connsiteX29" fmla="*/ 825253 w 1593439"/>
                <a:gd name="connsiteY29" fmla="*/ 2357788 h 2521317"/>
                <a:gd name="connsiteX30" fmla="*/ 588026 w 1593439"/>
                <a:gd name="connsiteY30" fmla="*/ 2347786 h 2521317"/>
                <a:gd name="connsiteX31" fmla="*/ 550954 w 1593439"/>
                <a:gd name="connsiteY31" fmla="*/ 2483708 h 2521317"/>
                <a:gd name="connsiteX32" fmla="*/ 419149 w 1593439"/>
                <a:gd name="connsiteY32" fmla="*/ 2512542 h 2521317"/>
                <a:gd name="connsiteX33" fmla="*/ 237918 w 1593439"/>
                <a:gd name="connsiteY33" fmla="*/ 2454877 h 2521317"/>
                <a:gd name="connsiteX34" fmla="*/ 159657 w 1593439"/>
                <a:gd name="connsiteY34" fmla="*/ 2294240 h 2521317"/>
                <a:gd name="connsiteX35" fmla="*/ 159657 w 1593439"/>
                <a:gd name="connsiteY35" fmla="*/ 1775256 h 2521317"/>
                <a:gd name="connsiteX36" fmla="*/ 3138 w 1593439"/>
                <a:gd name="connsiteY36" fmla="*/ 1676402 h 2521317"/>
                <a:gd name="connsiteX37" fmla="*/ 7258 w 1593439"/>
                <a:gd name="connsiteY37" fmla="*/ 1552834 h 2521317"/>
                <a:gd name="connsiteX38" fmla="*/ 44328 w 1593439"/>
                <a:gd name="connsiteY38" fmla="*/ 1466337 h 2521317"/>
                <a:gd name="connsiteX39" fmla="*/ 105173 w 1593439"/>
                <a:gd name="connsiteY39" fmla="*/ 1380495 h 2521317"/>
                <a:gd name="connsiteX0" fmla="*/ 105173 w 1593015"/>
                <a:gd name="connsiteY0" fmla="*/ 1380495 h 2521317"/>
                <a:gd name="connsiteX1" fmla="*/ 172014 w 1593015"/>
                <a:gd name="connsiteY1" fmla="*/ 214186 h 2521317"/>
                <a:gd name="connsiteX2" fmla="*/ 209083 w 1593015"/>
                <a:gd name="connsiteY2" fmla="*/ 0 h 2521317"/>
                <a:gd name="connsiteX3" fmla="*/ 357366 w 1593015"/>
                <a:gd name="connsiteY3" fmla="*/ 61785 h 2521317"/>
                <a:gd name="connsiteX4" fmla="*/ 464459 w 1593015"/>
                <a:gd name="connsiteY4" fmla="*/ 74142 h 2521317"/>
                <a:gd name="connsiteX5" fmla="*/ 592144 w 1593015"/>
                <a:gd name="connsiteY5" fmla="*/ 144163 h 2521317"/>
                <a:gd name="connsiteX6" fmla="*/ 822804 w 1593015"/>
                <a:gd name="connsiteY6" fmla="*/ 300682 h 2521317"/>
                <a:gd name="connsiteX7" fmla="*/ 870561 w 1593015"/>
                <a:gd name="connsiteY7" fmla="*/ 353775 h 2521317"/>
                <a:gd name="connsiteX8" fmla="*/ 942252 w 1593015"/>
                <a:gd name="connsiteY8" fmla="*/ 370703 h 2521317"/>
                <a:gd name="connsiteX9" fmla="*/ 1123485 w 1593015"/>
                <a:gd name="connsiteY9" fmla="*/ 514867 h 2521317"/>
                <a:gd name="connsiteX10" fmla="*/ 1168793 w 1593015"/>
                <a:gd name="connsiteY10" fmla="*/ 576649 h 2521317"/>
                <a:gd name="connsiteX11" fmla="*/ 1185268 w 1593015"/>
                <a:gd name="connsiteY11" fmla="*/ 630196 h 2521317"/>
                <a:gd name="connsiteX12" fmla="*/ 1267646 w 1593015"/>
                <a:gd name="connsiteY12" fmla="*/ 737288 h 2521317"/>
                <a:gd name="connsiteX13" fmla="*/ 1345906 w 1593015"/>
                <a:gd name="connsiteY13" fmla="*/ 902045 h 2521317"/>
                <a:gd name="connsiteX14" fmla="*/ 1440642 w 1593015"/>
                <a:gd name="connsiteY14" fmla="*/ 1079159 h 2521317"/>
                <a:gd name="connsiteX15" fmla="*/ 1474426 w 1593015"/>
                <a:gd name="connsiteY15" fmla="*/ 1216252 h 2521317"/>
                <a:gd name="connsiteX16" fmla="*/ 1488402 w 1593015"/>
                <a:gd name="connsiteY16" fmla="*/ 1339211 h 2521317"/>
                <a:gd name="connsiteX17" fmla="*/ 1537096 w 1593015"/>
                <a:gd name="connsiteY17" fmla="*/ 1505457 h 2521317"/>
                <a:gd name="connsiteX18" fmla="*/ 1497136 w 1593015"/>
                <a:gd name="connsiteY18" fmla="*/ 1672892 h 2521317"/>
                <a:gd name="connsiteX19" fmla="*/ 1165620 w 1593015"/>
                <a:gd name="connsiteY19" fmla="*/ 1767739 h 2521317"/>
                <a:gd name="connsiteX20" fmla="*/ 1032756 w 1593015"/>
                <a:gd name="connsiteY20" fmla="*/ 1756441 h 2521317"/>
                <a:gd name="connsiteX21" fmla="*/ 1025465 w 1593015"/>
                <a:gd name="connsiteY21" fmla="*/ 1884125 h 2521317"/>
                <a:gd name="connsiteX22" fmla="*/ 1057582 w 1593015"/>
                <a:gd name="connsiteY22" fmla="*/ 2018272 h 2521317"/>
                <a:gd name="connsiteX23" fmla="*/ 1115247 w 1593015"/>
                <a:gd name="connsiteY23" fmla="*/ 1791732 h 2521317"/>
                <a:gd name="connsiteX24" fmla="*/ 1382978 w 1593015"/>
                <a:gd name="connsiteY24" fmla="*/ 1734066 h 2521317"/>
                <a:gd name="connsiteX25" fmla="*/ 1545506 w 1593015"/>
                <a:gd name="connsiteY25" fmla="*/ 1816558 h 2521317"/>
                <a:gd name="connsiteX26" fmla="*/ 1570108 w 1593015"/>
                <a:gd name="connsiteY26" fmla="*/ 1944739 h 2521317"/>
                <a:gd name="connsiteX27" fmla="*/ 1587080 w 1593015"/>
                <a:gd name="connsiteY27" fmla="*/ 2191153 h 2521317"/>
                <a:gd name="connsiteX28" fmla="*/ 1462071 w 1593015"/>
                <a:gd name="connsiteY28" fmla="*/ 2404168 h 2521317"/>
                <a:gd name="connsiteX29" fmla="*/ 825253 w 1593015"/>
                <a:gd name="connsiteY29" fmla="*/ 2357788 h 2521317"/>
                <a:gd name="connsiteX30" fmla="*/ 588026 w 1593015"/>
                <a:gd name="connsiteY30" fmla="*/ 2347786 h 2521317"/>
                <a:gd name="connsiteX31" fmla="*/ 550954 w 1593015"/>
                <a:gd name="connsiteY31" fmla="*/ 2483708 h 2521317"/>
                <a:gd name="connsiteX32" fmla="*/ 419149 w 1593015"/>
                <a:gd name="connsiteY32" fmla="*/ 2512542 h 2521317"/>
                <a:gd name="connsiteX33" fmla="*/ 237918 w 1593015"/>
                <a:gd name="connsiteY33" fmla="*/ 2454877 h 2521317"/>
                <a:gd name="connsiteX34" fmla="*/ 159657 w 1593015"/>
                <a:gd name="connsiteY34" fmla="*/ 2294240 h 2521317"/>
                <a:gd name="connsiteX35" fmla="*/ 159657 w 1593015"/>
                <a:gd name="connsiteY35" fmla="*/ 1775256 h 2521317"/>
                <a:gd name="connsiteX36" fmla="*/ 3138 w 1593015"/>
                <a:gd name="connsiteY36" fmla="*/ 1676402 h 2521317"/>
                <a:gd name="connsiteX37" fmla="*/ 7258 w 1593015"/>
                <a:gd name="connsiteY37" fmla="*/ 1552834 h 2521317"/>
                <a:gd name="connsiteX38" fmla="*/ 44328 w 1593015"/>
                <a:gd name="connsiteY38" fmla="*/ 1466337 h 2521317"/>
                <a:gd name="connsiteX39" fmla="*/ 105173 w 1593015"/>
                <a:gd name="connsiteY39" fmla="*/ 1380495 h 2521317"/>
                <a:gd name="connsiteX0" fmla="*/ 105173 w 1593015"/>
                <a:gd name="connsiteY0" fmla="*/ 1380495 h 2521317"/>
                <a:gd name="connsiteX1" fmla="*/ 172014 w 1593015"/>
                <a:gd name="connsiteY1" fmla="*/ 214186 h 2521317"/>
                <a:gd name="connsiteX2" fmla="*/ 209083 w 1593015"/>
                <a:gd name="connsiteY2" fmla="*/ 0 h 2521317"/>
                <a:gd name="connsiteX3" fmla="*/ 357366 w 1593015"/>
                <a:gd name="connsiteY3" fmla="*/ 61785 h 2521317"/>
                <a:gd name="connsiteX4" fmla="*/ 464459 w 1593015"/>
                <a:gd name="connsiteY4" fmla="*/ 74142 h 2521317"/>
                <a:gd name="connsiteX5" fmla="*/ 592144 w 1593015"/>
                <a:gd name="connsiteY5" fmla="*/ 144163 h 2521317"/>
                <a:gd name="connsiteX6" fmla="*/ 822804 w 1593015"/>
                <a:gd name="connsiteY6" fmla="*/ 300682 h 2521317"/>
                <a:gd name="connsiteX7" fmla="*/ 870561 w 1593015"/>
                <a:gd name="connsiteY7" fmla="*/ 353775 h 2521317"/>
                <a:gd name="connsiteX8" fmla="*/ 942252 w 1593015"/>
                <a:gd name="connsiteY8" fmla="*/ 370703 h 2521317"/>
                <a:gd name="connsiteX9" fmla="*/ 1123485 w 1593015"/>
                <a:gd name="connsiteY9" fmla="*/ 514867 h 2521317"/>
                <a:gd name="connsiteX10" fmla="*/ 1168793 w 1593015"/>
                <a:gd name="connsiteY10" fmla="*/ 576649 h 2521317"/>
                <a:gd name="connsiteX11" fmla="*/ 1185268 w 1593015"/>
                <a:gd name="connsiteY11" fmla="*/ 630196 h 2521317"/>
                <a:gd name="connsiteX12" fmla="*/ 1267646 w 1593015"/>
                <a:gd name="connsiteY12" fmla="*/ 737288 h 2521317"/>
                <a:gd name="connsiteX13" fmla="*/ 1345906 w 1593015"/>
                <a:gd name="connsiteY13" fmla="*/ 902045 h 2521317"/>
                <a:gd name="connsiteX14" fmla="*/ 1440642 w 1593015"/>
                <a:gd name="connsiteY14" fmla="*/ 1079159 h 2521317"/>
                <a:gd name="connsiteX15" fmla="*/ 1474426 w 1593015"/>
                <a:gd name="connsiteY15" fmla="*/ 1216252 h 2521317"/>
                <a:gd name="connsiteX16" fmla="*/ 1488402 w 1593015"/>
                <a:gd name="connsiteY16" fmla="*/ 1339211 h 2521317"/>
                <a:gd name="connsiteX17" fmla="*/ 1537096 w 1593015"/>
                <a:gd name="connsiteY17" fmla="*/ 1505457 h 2521317"/>
                <a:gd name="connsiteX18" fmla="*/ 1497136 w 1593015"/>
                <a:gd name="connsiteY18" fmla="*/ 1672892 h 2521317"/>
                <a:gd name="connsiteX19" fmla="*/ 1165620 w 1593015"/>
                <a:gd name="connsiteY19" fmla="*/ 1767739 h 2521317"/>
                <a:gd name="connsiteX20" fmla="*/ 1032756 w 1593015"/>
                <a:gd name="connsiteY20" fmla="*/ 1756441 h 2521317"/>
                <a:gd name="connsiteX21" fmla="*/ 1025465 w 1593015"/>
                <a:gd name="connsiteY21" fmla="*/ 1884125 h 2521317"/>
                <a:gd name="connsiteX22" fmla="*/ 1057582 w 1593015"/>
                <a:gd name="connsiteY22" fmla="*/ 2018272 h 2521317"/>
                <a:gd name="connsiteX23" fmla="*/ 1115247 w 1593015"/>
                <a:gd name="connsiteY23" fmla="*/ 1791732 h 2521317"/>
                <a:gd name="connsiteX24" fmla="*/ 1382978 w 1593015"/>
                <a:gd name="connsiteY24" fmla="*/ 1734066 h 2521317"/>
                <a:gd name="connsiteX25" fmla="*/ 1545506 w 1593015"/>
                <a:gd name="connsiteY25" fmla="*/ 1816558 h 2521317"/>
                <a:gd name="connsiteX26" fmla="*/ 1570108 w 1593015"/>
                <a:gd name="connsiteY26" fmla="*/ 1944739 h 2521317"/>
                <a:gd name="connsiteX27" fmla="*/ 1587080 w 1593015"/>
                <a:gd name="connsiteY27" fmla="*/ 2191153 h 2521317"/>
                <a:gd name="connsiteX28" fmla="*/ 1462071 w 1593015"/>
                <a:gd name="connsiteY28" fmla="*/ 2404168 h 2521317"/>
                <a:gd name="connsiteX29" fmla="*/ 825253 w 1593015"/>
                <a:gd name="connsiteY29" fmla="*/ 2357788 h 2521317"/>
                <a:gd name="connsiteX30" fmla="*/ 588026 w 1593015"/>
                <a:gd name="connsiteY30" fmla="*/ 2347786 h 2521317"/>
                <a:gd name="connsiteX31" fmla="*/ 419149 w 1593015"/>
                <a:gd name="connsiteY31" fmla="*/ 2512542 h 2521317"/>
                <a:gd name="connsiteX32" fmla="*/ 237918 w 1593015"/>
                <a:gd name="connsiteY32" fmla="*/ 2454877 h 2521317"/>
                <a:gd name="connsiteX33" fmla="*/ 159657 w 1593015"/>
                <a:gd name="connsiteY33" fmla="*/ 2294240 h 2521317"/>
                <a:gd name="connsiteX34" fmla="*/ 159657 w 1593015"/>
                <a:gd name="connsiteY34" fmla="*/ 1775256 h 2521317"/>
                <a:gd name="connsiteX35" fmla="*/ 3138 w 1593015"/>
                <a:gd name="connsiteY35" fmla="*/ 1676402 h 2521317"/>
                <a:gd name="connsiteX36" fmla="*/ 7258 w 1593015"/>
                <a:gd name="connsiteY36" fmla="*/ 1552834 h 2521317"/>
                <a:gd name="connsiteX37" fmla="*/ 44328 w 1593015"/>
                <a:gd name="connsiteY37" fmla="*/ 1466337 h 2521317"/>
                <a:gd name="connsiteX38" fmla="*/ 105173 w 1593015"/>
                <a:gd name="connsiteY38" fmla="*/ 1380495 h 2521317"/>
                <a:gd name="connsiteX0" fmla="*/ 105173 w 1593015"/>
                <a:gd name="connsiteY0" fmla="*/ 1380495 h 2455440"/>
                <a:gd name="connsiteX1" fmla="*/ 172014 w 1593015"/>
                <a:gd name="connsiteY1" fmla="*/ 214186 h 2455440"/>
                <a:gd name="connsiteX2" fmla="*/ 209083 w 1593015"/>
                <a:gd name="connsiteY2" fmla="*/ 0 h 2455440"/>
                <a:gd name="connsiteX3" fmla="*/ 357366 w 1593015"/>
                <a:gd name="connsiteY3" fmla="*/ 61785 h 2455440"/>
                <a:gd name="connsiteX4" fmla="*/ 464459 w 1593015"/>
                <a:gd name="connsiteY4" fmla="*/ 74142 h 2455440"/>
                <a:gd name="connsiteX5" fmla="*/ 592144 w 1593015"/>
                <a:gd name="connsiteY5" fmla="*/ 144163 h 2455440"/>
                <a:gd name="connsiteX6" fmla="*/ 822804 w 1593015"/>
                <a:gd name="connsiteY6" fmla="*/ 300682 h 2455440"/>
                <a:gd name="connsiteX7" fmla="*/ 870561 w 1593015"/>
                <a:gd name="connsiteY7" fmla="*/ 353775 h 2455440"/>
                <a:gd name="connsiteX8" fmla="*/ 942252 w 1593015"/>
                <a:gd name="connsiteY8" fmla="*/ 370703 h 2455440"/>
                <a:gd name="connsiteX9" fmla="*/ 1123485 w 1593015"/>
                <a:gd name="connsiteY9" fmla="*/ 514867 h 2455440"/>
                <a:gd name="connsiteX10" fmla="*/ 1168793 w 1593015"/>
                <a:gd name="connsiteY10" fmla="*/ 576649 h 2455440"/>
                <a:gd name="connsiteX11" fmla="*/ 1185268 w 1593015"/>
                <a:gd name="connsiteY11" fmla="*/ 630196 h 2455440"/>
                <a:gd name="connsiteX12" fmla="*/ 1267646 w 1593015"/>
                <a:gd name="connsiteY12" fmla="*/ 737288 h 2455440"/>
                <a:gd name="connsiteX13" fmla="*/ 1345906 w 1593015"/>
                <a:gd name="connsiteY13" fmla="*/ 902045 h 2455440"/>
                <a:gd name="connsiteX14" fmla="*/ 1440642 w 1593015"/>
                <a:gd name="connsiteY14" fmla="*/ 1079159 h 2455440"/>
                <a:gd name="connsiteX15" fmla="*/ 1474426 w 1593015"/>
                <a:gd name="connsiteY15" fmla="*/ 1216252 h 2455440"/>
                <a:gd name="connsiteX16" fmla="*/ 1488402 w 1593015"/>
                <a:gd name="connsiteY16" fmla="*/ 1339211 h 2455440"/>
                <a:gd name="connsiteX17" fmla="*/ 1537096 w 1593015"/>
                <a:gd name="connsiteY17" fmla="*/ 1505457 h 2455440"/>
                <a:gd name="connsiteX18" fmla="*/ 1497136 w 1593015"/>
                <a:gd name="connsiteY18" fmla="*/ 1672892 h 2455440"/>
                <a:gd name="connsiteX19" fmla="*/ 1165620 w 1593015"/>
                <a:gd name="connsiteY19" fmla="*/ 1767739 h 2455440"/>
                <a:gd name="connsiteX20" fmla="*/ 1032756 w 1593015"/>
                <a:gd name="connsiteY20" fmla="*/ 1756441 h 2455440"/>
                <a:gd name="connsiteX21" fmla="*/ 1025465 w 1593015"/>
                <a:gd name="connsiteY21" fmla="*/ 1884125 h 2455440"/>
                <a:gd name="connsiteX22" fmla="*/ 1057582 w 1593015"/>
                <a:gd name="connsiteY22" fmla="*/ 2018272 h 2455440"/>
                <a:gd name="connsiteX23" fmla="*/ 1115247 w 1593015"/>
                <a:gd name="connsiteY23" fmla="*/ 1791732 h 2455440"/>
                <a:gd name="connsiteX24" fmla="*/ 1382978 w 1593015"/>
                <a:gd name="connsiteY24" fmla="*/ 1734066 h 2455440"/>
                <a:gd name="connsiteX25" fmla="*/ 1545506 w 1593015"/>
                <a:gd name="connsiteY25" fmla="*/ 1816558 h 2455440"/>
                <a:gd name="connsiteX26" fmla="*/ 1570108 w 1593015"/>
                <a:gd name="connsiteY26" fmla="*/ 1944739 h 2455440"/>
                <a:gd name="connsiteX27" fmla="*/ 1587080 w 1593015"/>
                <a:gd name="connsiteY27" fmla="*/ 2191153 h 2455440"/>
                <a:gd name="connsiteX28" fmla="*/ 1462071 w 1593015"/>
                <a:gd name="connsiteY28" fmla="*/ 2404168 h 2455440"/>
                <a:gd name="connsiteX29" fmla="*/ 825253 w 1593015"/>
                <a:gd name="connsiteY29" fmla="*/ 2357788 h 2455440"/>
                <a:gd name="connsiteX30" fmla="*/ 588026 w 1593015"/>
                <a:gd name="connsiteY30" fmla="*/ 2347786 h 2455440"/>
                <a:gd name="connsiteX31" fmla="*/ 237918 w 1593015"/>
                <a:gd name="connsiteY31" fmla="*/ 2454877 h 2455440"/>
                <a:gd name="connsiteX32" fmla="*/ 159657 w 1593015"/>
                <a:gd name="connsiteY32" fmla="*/ 2294240 h 2455440"/>
                <a:gd name="connsiteX33" fmla="*/ 159657 w 1593015"/>
                <a:gd name="connsiteY33" fmla="*/ 1775256 h 2455440"/>
                <a:gd name="connsiteX34" fmla="*/ 3138 w 1593015"/>
                <a:gd name="connsiteY34" fmla="*/ 1676402 h 2455440"/>
                <a:gd name="connsiteX35" fmla="*/ 7258 w 1593015"/>
                <a:gd name="connsiteY35" fmla="*/ 1552834 h 2455440"/>
                <a:gd name="connsiteX36" fmla="*/ 44328 w 1593015"/>
                <a:gd name="connsiteY36" fmla="*/ 1466337 h 2455440"/>
                <a:gd name="connsiteX37" fmla="*/ 105173 w 1593015"/>
                <a:gd name="connsiteY37" fmla="*/ 1380495 h 2455440"/>
                <a:gd name="connsiteX0" fmla="*/ 105173 w 1593015"/>
                <a:gd name="connsiteY0" fmla="*/ 1380495 h 2421717"/>
                <a:gd name="connsiteX1" fmla="*/ 172014 w 1593015"/>
                <a:gd name="connsiteY1" fmla="*/ 214186 h 2421717"/>
                <a:gd name="connsiteX2" fmla="*/ 209083 w 1593015"/>
                <a:gd name="connsiteY2" fmla="*/ 0 h 2421717"/>
                <a:gd name="connsiteX3" fmla="*/ 357366 w 1593015"/>
                <a:gd name="connsiteY3" fmla="*/ 61785 h 2421717"/>
                <a:gd name="connsiteX4" fmla="*/ 464459 w 1593015"/>
                <a:gd name="connsiteY4" fmla="*/ 74142 h 2421717"/>
                <a:gd name="connsiteX5" fmla="*/ 592144 w 1593015"/>
                <a:gd name="connsiteY5" fmla="*/ 144163 h 2421717"/>
                <a:gd name="connsiteX6" fmla="*/ 822804 w 1593015"/>
                <a:gd name="connsiteY6" fmla="*/ 300682 h 2421717"/>
                <a:gd name="connsiteX7" fmla="*/ 870561 w 1593015"/>
                <a:gd name="connsiteY7" fmla="*/ 353775 h 2421717"/>
                <a:gd name="connsiteX8" fmla="*/ 942252 w 1593015"/>
                <a:gd name="connsiteY8" fmla="*/ 370703 h 2421717"/>
                <a:gd name="connsiteX9" fmla="*/ 1123485 w 1593015"/>
                <a:gd name="connsiteY9" fmla="*/ 514867 h 2421717"/>
                <a:gd name="connsiteX10" fmla="*/ 1168793 w 1593015"/>
                <a:gd name="connsiteY10" fmla="*/ 576649 h 2421717"/>
                <a:gd name="connsiteX11" fmla="*/ 1185268 w 1593015"/>
                <a:gd name="connsiteY11" fmla="*/ 630196 h 2421717"/>
                <a:gd name="connsiteX12" fmla="*/ 1267646 w 1593015"/>
                <a:gd name="connsiteY12" fmla="*/ 737288 h 2421717"/>
                <a:gd name="connsiteX13" fmla="*/ 1345906 w 1593015"/>
                <a:gd name="connsiteY13" fmla="*/ 902045 h 2421717"/>
                <a:gd name="connsiteX14" fmla="*/ 1440642 w 1593015"/>
                <a:gd name="connsiteY14" fmla="*/ 1079159 h 2421717"/>
                <a:gd name="connsiteX15" fmla="*/ 1474426 w 1593015"/>
                <a:gd name="connsiteY15" fmla="*/ 1216252 h 2421717"/>
                <a:gd name="connsiteX16" fmla="*/ 1488402 w 1593015"/>
                <a:gd name="connsiteY16" fmla="*/ 1339211 h 2421717"/>
                <a:gd name="connsiteX17" fmla="*/ 1537096 w 1593015"/>
                <a:gd name="connsiteY17" fmla="*/ 1505457 h 2421717"/>
                <a:gd name="connsiteX18" fmla="*/ 1497136 w 1593015"/>
                <a:gd name="connsiteY18" fmla="*/ 1672892 h 2421717"/>
                <a:gd name="connsiteX19" fmla="*/ 1165620 w 1593015"/>
                <a:gd name="connsiteY19" fmla="*/ 1767739 h 2421717"/>
                <a:gd name="connsiteX20" fmla="*/ 1032756 w 1593015"/>
                <a:gd name="connsiteY20" fmla="*/ 1756441 h 2421717"/>
                <a:gd name="connsiteX21" fmla="*/ 1025465 w 1593015"/>
                <a:gd name="connsiteY21" fmla="*/ 1884125 h 2421717"/>
                <a:gd name="connsiteX22" fmla="*/ 1057582 w 1593015"/>
                <a:gd name="connsiteY22" fmla="*/ 2018272 h 2421717"/>
                <a:gd name="connsiteX23" fmla="*/ 1115247 w 1593015"/>
                <a:gd name="connsiteY23" fmla="*/ 1791732 h 2421717"/>
                <a:gd name="connsiteX24" fmla="*/ 1382978 w 1593015"/>
                <a:gd name="connsiteY24" fmla="*/ 1734066 h 2421717"/>
                <a:gd name="connsiteX25" fmla="*/ 1545506 w 1593015"/>
                <a:gd name="connsiteY25" fmla="*/ 1816558 h 2421717"/>
                <a:gd name="connsiteX26" fmla="*/ 1570108 w 1593015"/>
                <a:gd name="connsiteY26" fmla="*/ 1944739 h 2421717"/>
                <a:gd name="connsiteX27" fmla="*/ 1587080 w 1593015"/>
                <a:gd name="connsiteY27" fmla="*/ 2191153 h 2421717"/>
                <a:gd name="connsiteX28" fmla="*/ 1462071 w 1593015"/>
                <a:gd name="connsiteY28" fmla="*/ 2404168 h 2421717"/>
                <a:gd name="connsiteX29" fmla="*/ 825253 w 1593015"/>
                <a:gd name="connsiteY29" fmla="*/ 2357788 h 2421717"/>
                <a:gd name="connsiteX30" fmla="*/ 588026 w 1593015"/>
                <a:gd name="connsiteY30" fmla="*/ 2347786 h 2421717"/>
                <a:gd name="connsiteX31" fmla="*/ 159657 w 1593015"/>
                <a:gd name="connsiteY31" fmla="*/ 2294240 h 2421717"/>
                <a:gd name="connsiteX32" fmla="*/ 159657 w 1593015"/>
                <a:gd name="connsiteY32" fmla="*/ 1775256 h 2421717"/>
                <a:gd name="connsiteX33" fmla="*/ 3138 w 1593015"/>
                <a:gd name="connsiteY33" fmla="*/ 1676402 h 2421717"/>
                <a:gd name="connsiteX34" fmla="*/ 7258 w 1593015"/>
                <a:gd name="connsiteY34" fmla="*/ 1552834 h 2421717"/>
                <a:gd name="connsiteX35" fmla="*/ 44328 w 1593015"/>
                <a:gd name="connsiteY35" fmla="*/ 1466337 h 2421717"/>
                <a:gd name="connsiteX36" fmla="*/ 105173 w 1593015"/>
                <a:gd name="connsiteY36" fmla="*/ 1380495 h 2421717"/>
                <a:gd name="connsiteX0" fmla="*/ 105173 w 1593015"/>
                <a:gd name="connsiteY0" fmla="*/ 1380495 h 2421717"/>
                <a:gd name="connsiteX1" fmla="*/ 172014 w 1593015"/>
                <a:gd name="connsiteY1" fmla="*/ 214186 h 2421717"/>
                <a:gd name="connsiteX2" fmla="*/ 209083 w 1593015"/>
                <a:gd name="connsiteY2" fmla="*/ 0 h 2421717"/>
                <a:gd name="connsiteX3" fmla="*/ 357366 w 1593015"/>
                <a:gd name="connsiteY3" fmla="*/ 61785 h 2421717"/>
                <a:gd name="connsiteX4" fmla="*/ 464459 w 1593015"/>
                <a:gd name="connsiteY4" fmla="*/ 74142 h 2421717"/>
                <a:gd name="connsiteX5" fmla="*/ 592144 w 1593015"/>
                <a:gd name="connsiteY5" fmla="*/ 144163 h 2421717"/>
                <a:gd name="connsiteX6" fmla="*/ 822804 w 1593015"/>
                <a:gd name="connsiteY6" fmla="*/ 300682 h 2421717"/>
                <a:gd name="connsiteX7" fmla="*/ 870561 w 1593015"/>
                <a:gd name="connsiteY7" fmla="*/ 353775 h 2421717"/>
                <a:gd name="connsiteX8" fmla="*/ 942252 w 1593015"/>
                <a:gd name="connsiteY8" fmla="*/ 370703 h 2421717"/>
                <a:gd name="connsiteX9" fmla="*/ 1123485 w 1593015"/>
                <a:gd name="connsiteY9" fmla="*/ 514867 h 2421717"/>
                <a:gd name="connsiteX10" fmla="*/ 1168793 w 1593015"/>
                <a:gd name="connsiteY10" fmla="*/ 576649 h 2421717"/>
                <a:gd name="connsiteX11" fmla="*/ 1185268 w 1593015"/>
                <a:gd name="connsiteY11" fmla="*/ 630196 h 2421717"/>
                <a:gd name="connsiteX12" fmla="*/ 1267646 w 1593015"/>
                <a:gd name="connsiteY12" fmla="*/ 737288 h 2421717"/>
                <a:gd name="connsiteX13" fmla="*/ 1345906 w 1593015"/>
                <a:gd name="connsiteY13" fmla="*/ 902045 h 2421717"/>
                <a:gd name="connsiteX14" fmla="*/ 1440642 w 1593015"/>
                <a:gd name="connsiteY14" fmla="*/ 1079159 h 2421717"/>
                <a:gd name="connsiteX15" fmla="*/ 1474426 w 1593015"/>
                <a:gd name="connsiteY15" fmla="*/ 1216252 h 2421717"/>
                <a:gd name="connsiteX16" fmla="*/ 1488402 w 1593015"/>
                <a:gd name="connsiteY16" fmla="*/ 1339211 h 2421717"/>
                <a:gd name="connsiteX17" fmla="*/ 1537096 w 1593015"/>
                <a:gd name="connsiteY17" fmla="*/ 1505457 h 2421717"/>
                <a:gd name="connsiteX18" fmla="*/ 1497136 w 1593015"/>
                <a:gd name="connsiteY18" fmla="*/ 1672892 h 2421717"/>
                <a:gd name="connsiteX19" fmla="*/ 1165620 w 1593015"/>
                <a:gd name="connsiteY19" fmla="*/ 1767739 h 2421717"/>
                <a:gd name="connsiteX20" fmla="*/ 1032756 w 1593015"/>
                <a:gd name="connsiteY20" fmla="*/ 1756441 h 2421717"/>
                <a:gd name="connsiteX21" fmla="*/ 1025465 w 1593015"/>
                <a:gd name="connsiteY21" fmla="*/ 1884125 h 2421717"/>
                <a:gd name="connsiteX22" fmla="*/ 1057582 w 1593015"/>
                <a:gd name="connsiteY22" fmla="*/ 2018272 h 2421717"/>
                <a:gd name="connsiteX23" fmla="*/ 1115247 w 1593015"/>
                <a:gd name="connsiteY23" fmla="*/ 1791732 h 2421717"/>
                <a:gd name="connsiteX24" fmla="*/ 1382978 w 1593015"/>
                <a:gd name="connsiteY24" fmla="*/ 1734066 h 2421717"/>
                <a:gd name="connsiteX25" fmla="*/ 1545506 w 1593015"/>
                <a:gd name="connsiteY25" fmla="*/ 1816558 h 2421717"/>
                <a:gd name="connsiteX26" fmla="*/ 1570108 w 1593015"/>
                <a:gd name="connsiteY26" fmla="*/ 1944739 h 2421717"/>
                <a:gd name="connsiteX27" fmla="*/ 1587080 w 1593015"/>
                <a:gd name="connsiteY27" fmla="*/ 2191153 h 2421717"/>
                <a:gd name="connsiteX28" fmla="*/ 1462071 w 1593015"/>
                <a:gd name="connsiteY28" fmla="*/ 2404168 h 2421717"/>
                <a:gd name="connsiteX29" fmla="*/ 825253 w 1593015"/>
                <a:gd name="connsiteY29" fmla="*/ 2357788 h 2421717"/>
                <a:gd name="connsiteX30" fmla="*/ 588026 w 1593015"/>
                <a:gd name="connsiteY30" fmla="*/ 2347786 h 2421717"/>
                <a:gd name="connsiteX31" fmla="*/ 710661 w 1593015"/>
                <a:gd name="connsiteY31" fmla="*/ 1933026 h 2421717"/>
                <a:gd name="connsiteX32" fmla="*/ 159657 w 1593015"/>
                <a:gd name="connsiteY32" fmla="*/ 1775256 h 2421717"/>
                <a:gd name="connsiteX33" fmla="*/ 3138 w 1593015"/>
                <a:gd name="connsiteY33" fmla="*/ 1676402 h 2421717"/>
                <a:gd name="connsiteX34" fmla="*/ 7258 w 1593015"/>
                <a:gd name="connsiteY34" fmla="*/ 1552834 h 2421717"/>
                <a:gd name="connsiteX35" fmla="*/ 44328 w 1593015"/>
                <a:gd name="connsiteY35" fmla="*/ 1466337 h 2421717"/>
                <a:gd name="connsiteX36" fmla="*/ 105173 w 1593015"/>
                <a:gd name="connsiteY36" fmla="*/ 1380495 h 2421717"/>
                <a:gd name="connsiteX0" fmla="*/ 105173 w 1593015"/>
                <a:gd name="connsiteY0" fmla="*/ 1380495 h 2434510"/>
                <a:gd name="connsiteX1" fmla="*/ 172014 w 1593015"/>
                <a:gd name="connsiteY1" fmla="*/ 214186 h 2434510"/>
                <a:gd name="connsiteX2" fmla="*/ 209083 w 1593015"/>
                <a:gd name="connsiteY2" fmla="*/ 0 h 2434510"/>
                <a:gd name="connsiteX3" fmla="*/ 357366 w 1593015"/>
                <a:gd name="connsiteY3" fmla="*/ 61785 h 2434510"/>
                <a:gd name="connsiteX4" fmla="*/ 464459 w 1593015"/>
                <a:gd name="connsiteY4" fmla="*/ 74142 h 2434510"/>
                <a:gd name="connsiteX5" fmla="*/ 592144 w 1593015"/>
                <a:gd name="connsiteY5" fmla="*/ 144163 h 2434510"/>
                <a:gd name="connsiteX6" fmla="*/ 822804 w 1593015"/>
                <a:gd name="connsiteY6" fmla="*/ 300682 h 2434510"/>
                <a:gd name="connsiteX7" fmla="*/ 870561 w 1593015"/>
                <a:gd name="connsiteY7" fmla="*/ 353775 h 2434510"/>
                <a:gd name="connsiteX8" fmla="*/ 942252 w 1593015"/>
                <a:gd name="connsiteY8" fmla="*/ 370703 h 2434510"/>
                <a:gd name="connsiteX9" fmla="*/ 1123485 w 1593015"/>
                <a:gd name="connsiteY9" fmla="*/ 514867 h 2434510"/>
                <a:gd name="connsiteX10" fmla="*/ 1168793 w 1593015"/>
                <a:gd name="connsiteY10" fmla="*/ 576649 h 2434510"/>
                <a:gd name="connsiteX11" fmla="*/ 1185268 w 1593015"/>
                <a:gd name="connsiteY11" fmla="*/ 630196 h 2434510"/>
                <a:gd name="connsiteX12" fmla="*/ 1267646 w 1593015"/>
                <a:gd name="connsiteY12" fmla="*/ 737288 h 2434510"/>
                <a:gd name="connsiteX13" fmla="*/ 1345906 w 1593015"/>
                <a:gd name="connsiteY13" fmla="*/ 902045 h 2434510"/>
                <a:gd name="connsiteX14" fmla="*/ 1440642 w 1593015"/>
                <a:gd name="connsiteY14" fmla="*/ 1079159 h 2434510"/>
                <a:gd name="connsiteX15" fmla="*/ 1474426 w 1593015"/>
                <a:gd name="connsiteY15" fmla="*/ 1216252 h 2434510"/>
                <a:gd name="connsiteX16" fmla="*/ 1488402 w 1593015"/>
                <a:gd name="connsiteY16" fmla="*/ 1339211 h 2434510"/>
                <a:gd name="connsiteX17" fmla="*/ 1537096 w 1593015"/>
                <a:gd name="connsiteY17" fmla="*/ 1505457 h 2434510"/>
                <a:gd name="connsiteX18" fmla="*/ 1497136 w 1593015"/>
                <a:gd name="connsiteY18" fmla="*/ 1672892 h 2434510"/>
                <a:gd name="connsiteX19" fmla="*/ 1165620 w 1593015"/>
                <a:gd name="connsiteY19" fmla="*/ 1767739 h 2434510"/>
                <a:gd name="connsiteX20" fmla="*/ 1032756 w 1593015"/>
                <a:gd name="connsiteY20" fmla="*/ 1756441 h 2434510"/>
                <a:gd name="connsiteX21" fmla="*/ 1025465 w 1593015"/>
                <a:gd name="connsiteY21" fmla="*/ 1884125 h 2434510"/>
                <a:gd name="connsiteX22" fmla="*/ 1057582 w 1593015"/>
                <a:gd name="connsiteY22" fmla="*/ 2018272 h 2434510"/>
                <a:gd name="connsiteX23" fmla="*/ 1115247 w 1593015"/>
                <a:gd name="connsiteY23" fmla="*/ 1791732 h 2434510"/>
                <a:gd name="connsiteX24" fmla="*/ 1382978 w 1593015"/>
                <a:gd name="connsiteY24" fmla="*/ 1734066 h 2434510"/>
                <a:gd name="connsiteX25" fmla="*/ 1545506 w 1593015"/>
                <a:gd name="connsiteY25" fmla="*/ 1816558 h 2434510"/>
                <a:gd name="connsiteX26" fmla="*/ 1570108 w 1593015"/>
                <a:gd name="connsiteY26" fmla="*/ 1944739 h 2434510"/>
                <a:gd name="connsiteX27" fmla="*/ 1587080 w 1593015"/>
                <a:gd name="connsiteY27" fmla="*/ 2191153 h 2434510"/>
                <a:gd name="connsiteX28" fmla="*/ 1462071 w 1593015"/>
                <a:gd name="connsiteY28" fmla="*/ 2404168 h 2434510"/>
                <a:gd name="connsiteX29" fmla="*/ 825253 w 1593015"/>
                <a:gd name="connsiteY29" fmla="*/ 2357788 h 2434510"/>
                <a:gd name="connsiteX30" fmla="*/ 710661 w 1593015"/>
                <a:gd name="connsiteY30" fmla="*/ 1933026 h 2434510"/>
                <a:gd name="connsiteX31" fmla="*/ 159657 w 1593015"/>
                <a:gd name="connsiteY31" fmla="*/ 1775256 h 2434510"/>
                <a:gd name="connsiteX32" fmla="*/ 3138 w 1593015"/>
                <a:gd name="connsiteY32" fmla="*/ 1676402 h 2434510"/>
                <a:gd name="connsiteX33" fmla="*/ 7258 w 1593015"/>
                <a:gd name="connsiteY33" fmla="*/ 1552834 h 2434510"/>
                <a:gd name="connsiteX34" fmla="*/ 44328 w 1593015"/>
                <a:gd name="connsiteY34" fmla="*/ 1466337 h 2434510"/>
                <a:gd name="connsiteX35" fmla="*/ 105173 w 1593015"/>
                <a:gd name="connsiteY35" fmla="*/ 1380495 h 2434510"/>
                <a:gd name="connsiteX0" fmla="*/ 105173 w 1593015"/>
                <a:gd name="connsiteY0" fmla="*/ 1380495 h 2429445"/>
                <a:gd name="connsiteX1" fmla="*/ 172014 w 1593015"/>
                <a:gd name="connsiteY1" fmla="*/ 214186 h 2429445"/>
                <a:gd name="connsiteX2" fmla="*/ 209083 w 1593015"/>
                <a:gd name="connsiteY2" fmla="*/ 0 h 2429445"/>
                <a:gd name="connsiteX3" fmla="*/ 357366 w 1593015"/>
                <a:gd name="connsiteY3" fmla="*/ 61785 h 2429445"/>
                <a:gd name="connsiteX4" fmla="*/ 464459 w 1593015"/>
                <a:gd name="connsiteY4" fmla="*/ 74142 h 2429445"/>
                <a:gd name="connsiteX5" fmla="*/ 592144 w 1593015"/>
                <a:gd name="connsiteY5" fmla="*/ 144163 h 2429445"/>
                <a:gd name="connsiteX6" fmla="*/ 822804 w 1593015"/>
                <a:gd name="connsiteY6" fmla="*/ 300682 h 2429445"/>
                <a:gd name="connsiteX7" fmla="*/ 870561 w 1593015"/>
                <a:gd name="connsiteY7" fmla="*/ 353775 h 2429445"/>
                <a:gd name="connsiteX8" fmla="*/ 942252 w 1593015"/>
                <a:gd name="connsiteY8" fmla="*/ 370703 h 2429445"/>
                <a:gd name="connsiteX9" fmla="*/ 1123485 w 1593015"/>
                <a:gd name="connsiteY9" fmla="*/ 514867 h 2429445"/>
                <a:gd name="connsiteX10" fmla="*/ 1168793 w 1593015"/>
                <a:gd name="connsiteY10" fmla="*/ 576649 h 2429445"/>
                <a:gd name="connsiteX11" fmla="*/ 1185268 w 1593015"/>
                <a:gd name="connsiteY11" fmla="*/ 630196 h 2429445"/>
                <a:gd name="connsiteX12" fmla="*/ 1267646 w 1593015"/>
                <a:gd name="connsiteY12" fmla="*/ 737288 h 2429445"/>
                <a:gd name="connsiteX13" fmla="*/ 1345906 w 1593015"/>
                <a:gd name="connsiteY13" fmla="*/ 902045 h 2429445"/>
                <a:gd name="connsiteX14" fmla="*/ 1440642 w 1593015"/>
                <a:gd name="connsiteY14" fmla="*/ 1079159 h 2429445"/>
                <a:gd name="connsiteX15" fmla="*/ 1474426 w 1593015"/>
                <a:gd name="connsiteY15" fmla="*/ 1216252 h 2429445"/>
                <a:gd name="connsiteX16" fmla="*/ 1488402 w 1593015"/>
                <a:gd name="connsiteY16" fmla="*/ 1339211 h 2429445"/>
                <a:gd name="connsiteX17" fmla="*/ 1537096 w 1593015"/>
                <a:gd name="connsiteY17" fmla="*/ 1505457 h 2429445"/>
                <a:gd name="connsiteX18" fmla="*/ 1497136 w 1593015"/>
                <a:gd name="connsiteY18" fmla="*/ 1672892 h 2429445"/>
                <a:gd name="connsiteX19" fmla="*/ 1165620 w 1593015"/>
                <a:gd name="connsiteY19" fmla="*/ 1767739 h 2429445"/>
                <a:gd name="connsiteX20" fmla="*/ 1032756 w 1593015"/>
                <a:gd name="connsiteY20" fmla="*/ 1756441 h 2429445"/>
                <a:gd name="connsiteX21" fmla="*/ 1025465 w 1593015"/>
                <a:gd name="connsiteY21" fmla="*/ 1884125 h 2429445"/>
                <a:gd name="connsiteX22" fmla="*/ 1057582 w 1593015"/>
                <a:gd name="connsiteY22" fmla="*/ 2018272 h 2429445"/>
                <a:gd name="connsiteX23" fmla="*/ 1115247 w 1593015"/>
                <a:gd name="connsiteY23" fmla="*/ 1791732 h 2429445"/>
                <a:gd name="connsiteX24" fmla="*/ 1382978 w 1593015"/>
                <a:gd name="connsiteY24" fmla="*/ 1734066 h 2429445"/>
                <a:gd name="connsiteX25" fmla="*/ 1545506 w 1593015"/>
                <a:gd name="connsiteY25" fmla="*/ 1816558 h 2429445"/>
                <a:gd name="connsiteX26" fmla="*/ 1570108 w 1593015"/>
                <a:gd name="connsiteY26" fmla="*/ 1944739 h 2429445"/>
                <a:gd name="connsiteX27" fmla="*/ 1587080 w 1593015"/>
                <a:gd name="connsiteY27" fmla="*/ 2191153 h 2429445"/>
                <a:gd name="connsiteX28" fmla="*/ 1462071 w 1593015"/>
                <a:gd name="connsiteY28" fmla="*/ 2404168 h 2429445"/>
                <a:gd name="connsiteX29" fmla="*/ 825253 w 1593015"/>
                <a:gd name="connsiteY29" fmla="*/ 2357788 h 2429445"/>
                <a:gd name="connsiteX30" fmla="*/ 704539 w 1593015"/>
                <a:gd name="connsiteY30" fmla="*/ 2061593 h 2429445"/>
                <a:gd name="connsiteX31" fmla="*/ 159657 w 1593015"/>
                <a:gd name="connsiteY31" fmla="*/ 1775256 h 2429445"/>
                <a:gd name="connsiteX32" fmla="*/ 3138 w 1593015"/>
                <a:gd name="connsiteY32" fmla="*/ 1676402 h 2429445"/>
                <a:gd name="connsiteX33" fmla="*/ 7258 w 1593015"/>
                <a:gd name="connsiteY33" fmla="*/ 1552834 h 2429445"/>
                <a:gd name="connsiteX34" fmla="*/ 44328 w 1593015"/>
                <a:gd name="connsiteY34" fmla="*/ 1466337 h 2429445"/>
                <a:gd name="connsiteX35" fmla="*/ 105173 w 1593015"/>
                <a:gd name="connsiteY35" fmla="*/ 1380495 h 2429445"/>
                <a:gd name="connsiteX0" fmla="*/ 105173 w 1593015"/>
                <a:gd name="connsiteY0" fmla="*/ 1380495 h 2436154"/>
                <a:gd name="connsiteX1" fmla="*/ 172014 w 1593015"/>
                <a:gd name="connsiteY1" fmla="*/ 214186 h 2436154"/>
                <a:gd name="connsiteX2" fmla="*/ 209083 w 1593015"/>
                <a:gd name="connsiteY2" fmla="*/ 0 h 2436154"/>
                <a:gd name="connsiteX3" fmla="*/ 357366 w 1593015"/>
                <a:gd name="connsiteY3" fmla="*/ 61785 h 2436154"/>
                <a:gd name="connsiteX4" fmla="*/ 464459 w 1593015"/>
                <a:gd name="connsiteY4" fmla="*/ 74142 h 2436154"/>
                <a:gd name="connsiteX5" fmla="*/ 592144 w 1593015"/>
                <a:gd name="connsiteY5" fmla="*/ 144163 h 2436154"/>
                <a:gd name="connsiteX6" fmla="*/ 822804 w 1593015"/>
                <a:gd name="connsiteY6" fmla="*/ 300682 h 2436154"/>
                <a:gd name="connsiteX7" fmla="*/ 870561 w 1593015"/>
                <a:gd name="connsiteY7" fmla="*/ 353775 h 2436154"/>
                <a:gd name="connsiteX8" fmla="*/ 942252 w 1593015"/>
                <a:gd name="connsiteY8" fmla="*/ 370703 h 2436154"/>
                <a:gd name="connsiteX9" fmla="*/ 1123485 w 1593015"/>
                <a:gd name="connsiteY9" fmla="*/ 514867 h 2436154"/>
                <a:gd name="connsiteX10" fmla="*/ 1168793 w 1593015"/>
                <a:gd name="connsiteY10" fmla="*/ 576649 h 2436154"/>
                <a:gd name="connsiteX11" fmla="*/ 1185268 w 1593015"/>
                <a:gd name="connsiteY11" fmla="*/ 630196 h 2436154"/>
                <a:gd name="connsiteX12" fmla="*/ 1267646 w 1593015"/>
                <a:gd name="connsiteY12" fmla="*/ 737288 h 2436154"/>
                <a:gd name="connsiteX13" fmla="*/ 1345906 w 1593015"/>
                <a:gd name="connsiteY13" fmla="*/ 902045 h 2436154"/>
                <a:gd name="connsiteX14" fmla="*/ 1440642 w 1593015"/>
                <a:gd name="connsiteY14" fmla="*/ 1079159 h 2436154"/>
                <a:gd name="connsiteX15" fmla="*/ 1474426 w 1593015"/>
                <a:gd name="connsiteY15" fmla="*/ 1216252 h 2436154"/>
                <a:gd name="connsiteX16" fmla="*/ 1488402 w 1593015"/>
                <a:gd name="connsiteY16" fmla="*/ 1339211 h 2436154"/>
                <a:gd name="connsiteX17" fmla="*/ 1537096 w 1593015"/>
                <a:gd name="connsiteY17" fmla="*/ 1505457 h 2436154"/>
                <a:gd name="connsiteX18" fmla="*/ 1497136 w 1593015"/>
                <a:gd name="connsiteY18" fmla="*/ 1672892 h 2436154"/>
                <a:gd name="connsiteX19" fmla="*/ 1165620 w 1593015"/>
                <a:gd name="connsiteY19" fmla="*/ 1767739 h 2436154"/>
                <a:gd name="connsiteX20" fmla="*/ 1032756 w 1593015"/>
                <a:gd name="connsiteY20" fmla="*/ 1756441 h 2436154"/>
                <a:gd name="connsiteX21" fmla="*/ 1025465 w 1593015"/>
                <a:gd name="connsiteY21" fmla="*/ 1884125 h 2436154"/>
                <a:gd name="connsiteX22" fmla="*/ 1057582 w 1593015"/>
                <a:gd name="connsiteY22" fmla="*/ 2018272 h 2436154"/>
                <a:gd name="connsiteX23" fmla="*/ 1115247 w 1593015"/>
                <a:gd name="connsiteY23" fmla="*/ 1791732 h 2436154"/>
                <a:gd name="connsiteX24" fmla="*/ 1382978 w 1593015"/>
                <a:gd name="connsiteY24" fmla="*/ 1734066 h 2436154"/>
                <a:gd name="connsiteX25" fmla="*/ 1545506 w 1593015"/>
                <a:gd name="connsiteY25" fmla="*/ 1816558 h 2436154"/>
                <a:gd name="connsiteX26" fmla="*/ 1570108 w 1593015"/>
                <a:gd name="connsiteY26" fmla="*/ 1944739 h 2436154"/>
                <a:gd name="connsiteX27" fmla="*/ 1587080 w 1593015"/>
                <a:gd name="connsiteY27" fmla="*/ 2191153 h 2436154"/>
                <a:gd name="connsiteX28" fmla="*/ 1462071 w 1593015"/>
                <a:gd name="connsiteY28" fmla="*/ 2404168 h 2436154"/>
                <a:gd name="connsiteX29" fmla="*/ 825253 w 1593015"/>
                <a:gd name="connsiteY29" fmla="*/ 2357788 h 2436154"/>
                <a:gd name="connsiteX30" fmla="*/ 725967 w 1593015"/>
                <a:gd name="connsiteY30" fmla="*/ 1896292 h 2436154"/>
                <a:gd name="connsiteX31" fmla="*/ 159657 w 1593015"/>
                <a:gd name="connsiteY31" fmla="*/ 1775256 h 2436154"/>
                <a:gd name="connsiteX32" fmla="*/ 3138 w 1593015"/>
                <a:gd name="connsiteY32" fmla="*/ 1676402 h 2436154"/>
                <a:gd name="connsiteX33" fmla="*/ 7258 w 1593015"/>
                <a:gd name="connsiteY33" fmla="*/ 1552834 h 2436154"/>
                <a:gd name="connsiteX34" fmla="*/ 44328 w 1593015"/>
                <a:gd name="connsiteY34" fmla="*/ 1466337 h 2436154"/>
                <a:gd name="connsiteX35" fmla="*/ 105173 w 1593015"/>
                <a:gd name="connsiteY35" fmla="*/ 1380495 h 2436154"/>
                <a:gd name="connsiteX0" fmla="*/ 105173 w 1593015"/>
                <a:gd name="connsiteY0" fmla="*/ 1380495 h 2428839"/>
                <a:gd name="connsiteX1" fmla="*/ 172014 w 1593015"/>
                <a:gd name="connsiteY1" fmla="*/ 214186 h 2428839"/>
                <a:gd name="connsiteX2" fmla="*/ 209083 w 1593015"/>
                <a:gd name="connsiteY2" fmla="*/ 0 h 2428839"/>
                <a:gd name="connsiteX3" fmla="*/ 357366 w 1593015"/>
                <a:gd name="connsiteY3" fmla="*/ 61785 h 2428839"/>
                <a:gd name="connsiteX4" fmla="*/ 464459 w 1593015"/>
                <a:gd name="connsiteY4" fmla="*/ 74142 h 2428839"/>
                <a:gd name="connsiteX5" fmla="*/ 592144 w 1593015"/>
                <a:gd name="connsiteY5" fmla="*/ 144163 h 2428839"/>
                <a:gd name="connsiteX6" fmla="*/ 822804 w 1593015"/>
                <a:gd name="connsiteY6" fmla="*/ 300682 h 2428839"/>
                <a:gd name="connsiteX7" fmla="*/ 870561 w 1593015"/>
                <a:gd name="connsiteY7" fmla="*/ 353775 h 2428839"/>
                <a:gd name="connsiteX8" fmla="*/ 942252 w 1593015"/>
                <a:gd name="connsiteY8" fmla="*/ 370703 h 2428839"/>
                <a:gd name="connsiteX9" fmla="*/ 1123485 w 1593015"/>
                <a:gd name="connsiteY9" fmla="*/ 514867 h 2428839"/>
                <a:gd name="connsiteX10" fmla="*/ 1168793 w 1593015"/>
                <a:gd name="connsiteY10" fmla="*/ 576649 h 2428839"/>
                <a:gd name="connsiteX11" fmla="*/ 1185268 w 1593015"/>
                <a:gd name="connsiteY11" fmla="*/ 630196 h 2428839"/>
                <a:gd name="connsiteX12" fmla="*/ 1267646 w 1593015"/>
                <a:gd name="connsiteY12" fmla="*/ 737288 h 2428839"/>
                <a:gd name="connsiteX13" fmla="*/ 1345906 w 1593015"/>
                <a:gd name="connsiteY13" fmla="*/ 902045 h 2428839"/>
                <a:gd name="connsiteX14" fmla="*/ 1440642 w 1593015"/>
                <a:gd name="connsiteY14" fmla="*/ 1079159 h 2428839"/>
                <a:gd name="connsiteX15" fmla="*/ 1474426 w 1593015"/>
                <a:gd name="connsiteY15" fmla="*/ 1216252 h 2428839"/>
                <a:gd name="connsiteX16" fmla="*/ 1488402 w 1593015"/>
                <a:gd name="connsiteY16" fmla="*/ 1339211 h 2428839"/>
                <a:gd name="connsiteX17" fmla="*/ 1537096 w 1593015"/>
                <a:gd name="connsiteY17" fmla="*/ 1505457 h 2428839"/>
                <a:gd name="connsiteX18" fmla="*/ 1497136 w 1593015"/>
                <a:gd name="connsiteY18" fmla="*/ 1672892 h 2428839"/>
                <a:gd name="connsiteX19" fmla="*/ 1165620 w 1593015"/>
                <a:gd name="connsiteY19" fmla="*/ 1767739 h 2428839"/>
                <a:gd name="connsiteX20" fmla="*/ 1032756 w 1593015"/>
                <a:gd name="connsiteY20" fmla="*/ 1756441 h 2428839"/>
                <a:gd name="connsiteX21" fmla="*/ 1025465 w 1593015"/>
                <a:gd name="connsiteY21" fmla="*/ 1884125 h 2428839"/>
                <a:gd name="connsiteX22" fmla="*/ 1057582 w 1593015"/>
                <a:gd name="connsiteY22" fmla="*/ 2018272 h 2428839"/>
                <a:gd name="connsiteX23" fmla="*/ 1115247 w 1593015"/>
                <a:gd name="connsiteY23" fmla="*/ 1791732 h 2428839"/>
                <a:gd name="connsiteX24" fmla="*/ 1382978 w 1593015"/>
                <a:gd name="connsiteY24" fmla="*/ 1734066 h 2428839"/>
                <a:gd name="connsiteX25" fmla="*/ 1545506 w 1593015"/>
                <a:gd name="connsiteY25" fmla="*/ 1816558 h 2428839"/>
                <a:gd name="connsiteX26" fmla="*/ 1570108 w 1593015"/>
                <a:gd name="connsiteY26" fmla="*/ 1944739 h 2428839"/>
                <a:gd name="connsiteX27" fmla="*/ 1587080 w 1593015"/>
                <a:gd name="connsiteY27" fmla="*/ 2191153 h 2428839"/>
                <a:gd name="connsiteX28" fmla="*/ 1462071 w 1593015"/>
                <a:gd name="connsiteY28" fmla="*/ 2404168 h 2428839"/>
                <a:gd name="connsiteX29" fmla="*/ 825253 w 1593015"/>
                <a:gd name="connsiteY29" fmla="*/ 2357788 h 2428839"/>
                <a:gd name="connsiteX30" fmla="*/ 752888 w 1593015"/>
                <a:gd name="connsiteY30" fmla="*/ 2079107 h 2428839"/>
                <a:gd name="connsiteX31" fmla="*/ 725967 w 1593015"/>
                <a:gd name="connsiteY31" fmla="*/ 1896292 h 2428839"/>
                <a:gd name="connsiteX32" fmla="*/ 159657 w 1593015"/>
                <a:gd name="connsiteY32" fmla="*/ 1775256 h 2428839"/>
                <a:gd name="connsiteX33" fmla="*/ 3138 w 1593015"/>
                <a:gd name="connsiteY33" fmla="*/ 1676402 h 2428839"/>
                <a:gd name="connsiteX34" fmla="*/ 7258 w 1593015"/>
                <a:gd name="connsiteY34" fmla="*/ 1552834 h 2428839"/>
                <a:gd name="connsiteX35" fmla="*/ 44328 w 1593015"/>
                <a:gd name="connsiteY35" fmla="*/ 1466337 h 2428839"/>
                <a:gd name="connsiteX36" fmla="*/ 105173 w 1593015"/>
                <a:gd name="connsiteY36" fmla="*/ 1380495 h 2428839"/>
                <a:gd name="connsiteX0" fmla="*/ 105173 w 1593015"/>
                <a:gd name="connsiteY0" fmla="*/ 1380495 h 2428839"/>
                <a:gd name="connsiteX1" fmla="*/ 172014 w 1593015"/>
                <a:gd name="connsiteY1" fmla="*/ 214186 h 2428839"/>
                <a:gd name="connsiteX2" fmla="*/ 209083 w 1593015"/>
                <a:gd name="connsiteY2" fmla="*/ 0 h 2428839"/>
                <a:gd name="connsiteX3" fmla="*/ 357366 w 1593015"/>
                <a:gd name="connsiteY3" fmla="*/ 61785 h 2428839"/>
                <a:gd name="connsiteX4" fmla="*/ 464459 w 1593015"/>
                <a:gd name="connsiteY4" fmla="*/ 74142 h 2428839"/>
                <a:gd name="connsiteX5" fmla="*/ 592144 w 1593015"/>
                <a:gd name="connsiteY5" fmla="*/ 144163 h 2428839"/>
                <a:gd name="connsiteX6" fmla="*/ 822804 w 1593015"/>
                <a:gd name="connsiteY6" fmla="*/ 300682 h 2428839"/>
                <a:gd name="connsiteX7" fmla="*/ 870561 w 1593015"/>
                <a:gd name="connsiteY7" fmla="*/ 353775 h 2428839"/>
                <a:gd name="connsiteX8" fmla="*/ 942252 w 1593015"/>
                <a:gd name="connsiteY8" fmla="*/ 370703 h 2428839"/>
                <a:gd name="connsiteX9" fmla="*/ 1123485 w 1593015"/>
                <a:gd name="connsiteY9" fmla="*/ 514867 h 2428839"/>
                <a:gd name="connsiteX10" fmla="*/ 1168793 w 1593015"/>
                <a:gd name="connsiteY10" fmla="*/ 576649 h 2428839"/>
                <a:gd name="connsiteX11" fmla="*/ 1185268 w 1593015"/>
                <a:gd name="connsiteY11" fmla="*/ 630196 h 2428839"/>
                <a:gd name="connsiteX12" fmla="*/ 1267646 w 1593015"/>
                <a:gd name="connsiteY12" fmla="*/ 737288 h 2428839"/>
                <a:gd name="connsiteX13" fmla="*/ 1345906 w 1593015"/>
                <a:gd name="connsiteY13" fmla="*/ 902045 h 2428839"/>
                <a:gd name="connsiteX14" fmla="*/ 1440642 w 1593015"/>
                <a:gd name="connsiteY14" fmla="*/ 1079159 h 2428839"/>
                <a:gd name="connsiteX15" fmla="*/ 1474426 w 1593015"/>
                <a:gd name="connsiteY15" fmla="*/ 1216252 h 2428839"/>
                <a:gd name="connsiteX16" fmla="*/ 1488402 w 1593015"/>
                <a:gd name="connsiteY16" fmla="*/ 1339211 h 2428839"/>
                <a:gd name="connsiteX17" fmla="*/ 1537096 w 1593015"/>
                <a:gd name="connsiteY17" fmla="*/ 1505457 h 2428839"/>
                <a:gd name="connsiteX18" fmla="*/ 1497136 w 1593015"/>
                <a:gd name="connsiteY18" fmla="*/ 1672892 h 2428839"/>
                <a:gd name="connsiteX19" fmla="*/ 1165620 w 1593015"/>
                <a:gd name="connsiteY19" fmla="*/ 1767739 h 2428839"/>
                <a:gd name="connsiteX20" fmla="*/ 1032756 w 1593015"/>
                <a:gd name="connsiteY20" fmla="*/ 1756441 h 2428839"/>
                <a:gd name="connsiteX21" fmla="*/ 1025465 w 1593015"/>
                <a:gd name="connsiteY21" fmla="*/ 1884125 h 2428839"/>
                <a:gd name="connsiteX22" fmla="*/ 1057582 w 1593015"/>
                <a:gd name="connsiteY22" fmla="*/ 2018272 h 2428839"/>
                <a:gd name="connsiteX23" fmla="*/ 1115247 w 1593015"/>
                <a:gd name="connsiteY23" fmla="*/ 1791732 h 2428839"/>
                <a:gd name="connsiteX24" fmla="*/ 1382978 w 1593015"/>
                <a:gd name="connsiteY24" fmla="*/ 1734066 h 2428839"/>
                <a:gd name="connsiteX25" fmla="*/ 1545506 w 1593015"/>
                <a:gd name="connsiteY25" fmla="*/ 1816558 h 2428839"/>
                <a:gd name="connsiteX26" fmla="*/ 1570108 w 1593015"/>
                <a:gd name="connsiteY26" fmla="*/ 1944739 h 2428839"/>
                <a:gd name="connsiteX27" fmla="*/ 1587080 w 1593015"/>
                <a:gd name="connsiteY27" fmla="*/ 2191153 h 2428839"/>
                <a:gd name="connsiteX28" fmla="*/ 1462071 w 1593015"/>
                <a:gd name="connsiteY28" fmla="*/ 2404168 h 2428839"/>
                <a:gd name="connsiteX29" fmla="*/ 825253 w 1593015"/>
                <a:gd name="connsiteY29" fmla="*/ 2357788 h 2428839"/>
                <a:gd name="connsiteX30" fmla="*/ 752888 w 1593015"/>
                <a:gd name="connsiteY30" fmla="*/ 2079107 h 2428839"/>
                <a:gd name="connsiteX31" fmla="*/ 725967 w 1593015"/>
                <a:gd name="connsiteY31" fmla="*/ 1896292 h 2428839"/>
                <a:gd name="connsiteX32" fmla="*/ 159657 w 1593015"/>
                <a:gd name="connsiteY32" fmla="*/ 1775256 h 2428839"/>
                <a:gd name="connsiteX33" fmla="*/ 3138 w 1593015"/>
                <a:gd name="connsiteY33" fmla="*/ 1676402 h 2428839"/>
                <a:gd name="connsiteX34" fmla="*/ 7258 w 1593015"/>
                <a:gd name="connsiteY34" fmla="*/ 1552834 h 2428839"/>
                <a:gd name="connsiteX35" fmla="*/ 44328 w 1593015"/>
                <a:gd name="connsiteY35" fmla="*/ 1466337 h 2428839"/>
                <a:gd name="connsiteX36" fmla="*/ 105173 w 1593015"/>
                <a:gd name="connsiteY36" fmla="*/ 1380495 h 2428839"/>
                <a:gd name="connsiteX0" fmla="*/ 105173 w 1593015"/>
                <a:gd name="connsiteY0" fmla="*/ 1380495 h 2421952"/>
                <a:gd name="connsiteX1" fmla="*/ 172014 w 1593015"/>
                <a:gd name="connsiteY1" fmla="*/ 214186 h 2421952"/>
                <a:gd name="connsiteX2" fmla="*/ 209083 w 1593015"/>
                <a:gd name="connsiteY2" fmla="*/ 0 h 2421952"/>
                <a:gd name="connsiteX3" fmla="*/ 357366 w 1593015"/>
                <a:gd name="connsiteY3" fmla="*/ 61785 h 2421952"/>
                <a:gd name="connsiteX4" fmla="*/ 464459 w 1593015"/>
                <a:gd name="connsiteY4" fmla="*/ 74142 h 2421952"/>
                <a:gd name="connsiteX5" fmla="*/ 592144 w 1593015"/>
                <a:gd name="connsiteY5" fmla="*/ 144163 h 2421952"/>
                <a:gd name="connsiteX6" fmla="*/ 822804 w 1593015"/>
                <a:gd name="connsiteY6" fmla="*/ 300682 h 2421952"/>
                <a:gd name="connsiteX7" fmla="*/ 870561 w 1593015"/>
                <a:gd name="connsiteY7" fmla="*/ 353775 h 2421952"/>
                <a:gd name="connsiteX8" fmla="*/ 942252 w 1593015"/>
                <a:gd name="connsiteY8" fmla="*/ 370703 h 2421952"/>
                <a:gd name="connsiteX9" fmla="*/ 1123485 w 1593015"/>
                <a:gd name="connsiteY9" fmla="*/ 514867 h 2421952"/>
                <a:gd name="connsiteX10" fmla="*/ 1168793 w 1593015"/>
                <a:gd name="connsiteY10" fmla="*/ 576649 h 2421952"/>
                <a:gd name="connsiteX11" fmla="*/ 1185268 w 1593015"/>
                <a:gd name="connsiteY11" fmla="*/ 630196 h 2421952"/>
                <a:gd name="connsiteX12" fmla="*/ 1267646 w 1593015"/>
                <a:gd name="connsiteY12" fmla="*/ 737288 h 2421952"/>
                <a:gd name="connsiteX13" fmla="*/ 1345906 w 1593015"/>
                <a:gd name="connsiteY13" fmla="*/ 902045 h 2421952"/>
                <a:gd name="connsiteX14" fmla="*/ 1440642 w 1593015"/>
                <a:gd name="connsiteY14" fmla="*/ 1079159 h 2421952"/>
                <a:gd name="connsiteX15" fmla="*/ 1474426 w 1593015"/>
                <a:gd name="connsiteY15" fmla="*/ 1216252 h 2421952"/>
                <a:gd name="connsiteX16" fmla="*/ 1488402 w 1593015"/>
                <a:gd name="connsiteY16" fmla="*/ 1339211 h 2421952"/>
                <a:gd name="connsiteX17" fmla="*/ 1537096 w 1593015"/>
                <a:gd name="connsiteY17" fmla="*/ 1505457 h 2421952"/>
                <a:gd name="connsiteX18" fmla="*/ 1497136 w 1593015"/>
                <a:gd name="connsiteY18" fmla="*/ 1672892 h 2421952"/>
                <a:gd name="connsiteX19" fmla="*/ 1165620 w 1593015"/>
                <a:gd name="connsiteY19" fmla="*/ 1767739 h 2421952"/>
                <a:gd name="connsiteX20" fmla="*/ 1032756 w 1593015"/>
                <a:gd name="connsiteY20" fmla="*/ 1756441 h 2421952"/>
                <a:gd name="connsiteX21" fmla="*/ 1025465 w 1593015"/>
                <a:gd name="connsiteY21" fmla="*/ 1884125 h 2421952"/>
                <a:gd name="connsiteX22" fmla="*/ 1057582 w 1593015"/>
                <a:gd name="connsiteY22" fmla="*/ 2018272 h 2421952"/>
                <a:gd name="connsiteX23" fmla="*/ 1115247 w 1593015"/>
                <a:gd name="connsiteY23" fmla="*/ 1791732 h 2421952"/>
                <a:gd name="connsiteX24" fmla="*/ 1382978 w 1593015"/>
                <a:gd name="connsiteY24" fmla="*/ 1734066 h 2421952"/>
                <a:gd name="connsiteX25" fmla="*/ 1545506 w 1593015"/>
                <a:gd name="connsiteY25" fmla="*/ 1816558 h 2421952"/>
                <a:gd name="connsiteX26" fmla="*/ 1570108 w 1593015"/>
                <a:gd name="connsiteY26" fmla="*/ 1944739 h 2421952"/>
                <a:gd name="connsiteX27" fmla="*/ 1587080 w 1593015"/>
                <a:gd name="connsiteY27" fmla="*/ 2191153 h 2421952"/>
                <a:gd name="connsiteX28" fmla="*/ 1462071 w 1593015"/>
                <a:gd name="connsiteY28" fmla="*/ 2404168 h 2421952"/>
                <a:gd name="connsiteX29" fmla="*/ 825253 w 1593015"/>
                <a:gd name="connsiteY29" fmla="*/ 2357788 h 2421952"/>
                <a:gd name="connsiteX30" fmla="*/ 752888 w 1593015"/>
                <a:gd name="connsiteY30" fmla="*/ 2079107 h 2421952"/>
                <a:gd name="connsiteX31" fmla="*/ 725967 w 1593015"/>
                <a:gd name="connsiteY31" fmla="*/ 1896292 h 2421952"/>
                <a:gd name="connsiteX32" fmla="*/ 159657 w 1593015"/>
                <a:gd name="connsiteY32" fmla="*/ 1775256 h 2421952"/>
                <a:gd name="connsiteX33" fmla="*/ 3138 w 1593015"/>
                <a:gd name="connsiteY33" fmla="*/ 1676402 h 2421952"/>
                <a:gd name="connsiteX34" fmla="*/ 7258 w 1593015"/>
                <a:gd name="connsiteY34" fmla="*/ 1552834 h 2421952"/>
                <a:gd name="connsiteX35" fmla="*/ 44328 w 1593015"/>
                <a:gd name="connsiteY35" fmla="*/ 1466337 h 2421952"/>
                <a:gd name="connsiteX36" fmla="*/ 105173 w 1593015"/>
                <a:gd name="connsiteY36" fmla="*/ 1380495 h 2421952"/>
                <a:gd name="connsiteX0" fmla="*/ 105173 w 1593015"/>
                <a:gd name="connsiteY0" fmla="*/ 1380495 h 2414622"/>
                <a:gd name="connsiteX1" fmla="*/ 172014 w 1593015"/>
                <a:gd name="connsiteY1" fmla="*/ 214186 h 2414622"/>
                <a:gd name="connsiteX2" fmla="*/ 209083 w 1593015"/>
                <a:gd name="connsiteY2" fmla="*/ 0 h 2414622"/>
                <a:gd name="connsiteX3" fmla="*/ 357366 w 1593015"/>
                <a:gd name="connsiteY3" fmla="*/ 61785 h 2414622"/>
                <a:gd name="connsiteX4" fmla="*/ 464459 w 1593015"/>
                <a:gd name="connsiteY4" fmla="*/ 74142 h 2414622"/>
                <a:gd name="connsiteX5" fmla="*/ 592144 w 1593015"/>
                <a:gd name="connsiteY5" fmla="*/ 144163 h 2414622"/>
                <a:gd name="connsiteX6" fmla="*/ 822804 w 1593015"/>
                <a:gd name="connsiteY6" fmla="*/ 300682 h 2414622"/>
                <a:gd name="connsiteX7" fmla="*/ 870561 w 1593015"/>
                <a:gd name="connsiteY7" fmla="*/ 353775 h 2414622"/>
                <a:gd name="connsiteX8" fmla="*/ 942252 w 1593015"/>
                <a:gd name="connsiteY8" fmla="*/ 370703 h 2414622"/>
                <a:gd name="connsiteX9" fmla="*/ 1123485 w 1593015"/>
                <a:gd name="connsiteY9" fmla="*/ 514867 h 2414622"/>
                <a:gd name="connsiteX10" fmla="*/ 1168793 w 1593015"/>
                <a:gd name="connsiteY10" fmla="*/ 576649 h 2414622"/>
                <a:gd name="connsiteX11" fmla="*/ 1185268 w 1593015"/>
                <a:gd name="connsiteY11" fmla="*/ 630196 h 2414622"/>
                <a:gd name="connsiteX12" fmla="*/ 1267646 w 1593015"/>
                <a:gd name="connsiteY12" fmla="*/ 737288 h 2414622"/>
                <a:gd name="connsiteX13" fmla="*/ 1345906 w 1593015"/>
                <a:gd name="connsiteY13" fmla="*/ 902045 h 2414622"/>
                <a:gd name="connsiteX14" fmla="*/ 1440642 w 1593015"/>
                <a:gd name="connsiteY14" fmla="*/ 1079159 h 2414622"/>
                <a:gd name="connsiteX15" fmla="*/ 1474426 w 1593015"/>
                <a:gd name="connsiteY15" fmla="*/ 1216252 h 2414622"/>
                <a:gd name="connsiteX16" fmla="*/ 1488402 w 1593015"/>
                <a:gd name="connsiteY16" fmla="*/ 1339211 h 2414622"/>
                <a:gd name="connsiteX17" fmla="*/ 1537096 w 1593015"/>
                <a:gd name="connsiteY17" fmla="*/ 1505457 h 2414622"/>
                <a:gd name="connsiteX18" fmla="*/ 1497136 w 1593015"/>
                <a:gd name="connsiteY18" fmla="*/ 1672892 h 2414622"/>
                <a:gd name="connsiteX19" fmla="*/ 1165620 w 1593015"/>
                <a:gd name="connsiteY19" fmla="*/ 1767739 h 2414622"/>
                <a:gd name="connsiteX20" fmla="*/ 1032756 w 1593015"/>
                <a:gd name="connsiteY20" fmla="*/ 1756441 h 2414622"/>
                <a:gd name="connsiteX21" fmla="*/ 1025465 w 1593015"/>
                <a:gd name="connsiteY21" fmla="*/ 1884125 h 2414622"/>
                <a:gd name="connsiteX22" fmla="*/ 1057582 w 1593015"/>
                <a:gd name="connsiteY22" fmla="*/ 2018272 h 2414622"/>
                <a:gd name="connsiteX23" fmla="*/ 1115247 w 1593015"/>
                <a:gd name="connsiteY23" fmla="*/ 1791732 h 2414622"/>
                <a:gd name="connsiteX24" fmla="*/ 1382978 w 1593015"/>
                <a:gd name="connsiteY24" fmla="*/ 1734066 h 2414622"/>
                <a:gd name="connsiteX25" fmla="*/ 1545506 w 1593015"/>
                <a:gd name="connsiteY25" fmla="*/ 1816558 h 2414622"/>
                <a:gd name="connsiteX26" fmla="*/ 1570108 w 1593015"/>
                <a:gd name="connsiteY26" fmla="*/ 1944739 h 2414622"/>
                <a:gd name="connsiteX27" fmla="*/ 1587080 w 1593015"/>
                <a:gd name="connsiteY27" fmla="*/ 2191153 h 2414622"/>
                <a:gd name="connsiteX28" fmla="*/ 1462071 w 1593015"/>
                <a:gd name="connsiteY28" fmla="*/ 2404168 h 2414622"/>
                <a:gd name="connsiteX29" fmla="*/ 825253 w 1593015"/>
                <a:gd name="connsiteY29" fmla="*/ 2357788 h 2414622"/>
                <a:gd name="connsiteX30" fmla="*/ 752888 w 1593015"/>
                <a:gd name="connsiteY30" fmla="*/ 2079107 h 2414622"/>
                <a:gd name="connsiteX31" fmla="*/ 725967 w 1593015"/>
                <a:gd name="connsiteY31" fmla="*/ 1896292 h 2414622"/>
                <a:gd name="connsiteX32" fmla="*/ 159657 w 1593015"/>
                <a:gd name="connsiteY32" fmla="*/ 1775256 h 2414622"/>
                <a:gd name="connsiteX33" fmla="*/ 3138 w 1593015"/>
                <a:gd name="connsiteY33" fmla="*/ 1676402 h 2414622"/>
                <a:gd name="connsiteX34" fmla="*/ 7258 w 1593015"/>
                <a:gd name="connsiteY34" fmla="*/ 1552834 h 2414622"/>
                <a:gd name="connsiteX35" fmla="*/ 44328 w 1593015"/>
                <a:gd name="connsiteY35" fmla="*/ 1466337 h 2414622"/>
                <a:gd name="connsiteX36" fmla="*/ 105173 w 1593015"/>
                <a:gd name="connsiteY36" fmla="*/ 1380495 h 2414622"/>
                <a:gd name="connsiteX0" fmla="*/ 105173 w 1593015"/>
                <a:gd name="connsiteY0" fmla="*/ 1380495 h 2414622"/>
                <a:gd name="connsiteX1" fmla="*/ 172014 w 1593015"/>
                <a:gd name="connsiteY1" fmla="*/ 214186 h 2414622"/>
                <a:gd name="connsiteX2" fmla="*/ 209083 w 1593015"/>
                <a:gd name="connsiteY2" fmla="*/ 0 h 2414622"/>
                <a:gd name="connsiteX3" fmla="*/ 357366 w 1593015"/>
                <a:gd name="connsiteY3" fmla="*/ 61785 h 2414622"/>
                <a:gd name="connsiteX4" fmla="*/ 464459 w 1593015"/>
                <a:gd name="connsiteY4" fmla="*/ 74142 h 2414622"/>
                <a:gd name="connsiteX5" fmla="*/ 592144 w 1593015"/>
                <a:gd name="connsiteY5" fmla="*/ 144163 h 2414622"/>
                <a:gd name="connsiteX6" fmla="*/ 822804 w 1593015"/>
                <a:gd name="connsiteY6" fmla="*/ 300682 h 2414622"/>
                <a:gd name="connsiteX7" fmla="*/ 870561 w 1593015"/>
                <a:gd name="connsiteY7" fmla="*/ 353775 h 2414622"/>
                <a:gd name="connsiteX8" fmla="*/ 942252 w 1593015"/>
                <a:gd name="connsiteY8" fmla="*/ 370703 h 2414622"/>
                <a:gd name="connsiteX9" fmla="*/ 1123485 w 1593015"/>
                <a:gd name="connsiteY9" fmla="*/ 514867 h 2414622"/>
                <a:gd name="connsiteX10" fmla="*/ 1168793 w 1593015"/>
                <a:gd name="connsiteY10" fmla="*/ 576649 h 2414622"/>
                <a:gd name="connsiteX11" fmla="*/ 1185268 w 1593015"/>
                <a:gd name="connsiteY11" fmla="*/ 630196 h 2414622"/>
                <a:gd name="connsiteX12" fmla="*/ 1267646 w 1593015"/>
                <a:gd name="connsiteY12" fmla="*/ 737288 h 2414622"/>
                <a:gd name="connsiteX13" fmla="*/ 1345906 w 1593015"/>
                <a:gd name="connsiteY13" fmla="*/ 902045 h 2414622"/>
                <a:gd name="connsiteX14" fmla="*/ 1440642 w 1593015"/>
                <a:gd name="connsiteY14" fmla="*/ 1079159 h 2414622"/>
                <a:gd name="connsiteX15" fmla="*/ 1474426 w 1593015"/>
                <a:gd name="connsiteY15" fmla="*/ 1216252 h 2414622"/>
                <a:gd name="connsiteX16" fmla="*/ 1488402 w 1593015"/>
                <a:gd name="connsiteY16" fmla="*/ 1339211 h 2414622"/>
                <a:gd name="connsiteX17" fmla="*/ 1537096 w 1593015"/>
                <a:gd name="connsiteY17" fmla="*/ 1505457 h 2414622"/>
                <a:gd name="connsiteX18" fmla="*/ 1497136 w 1593015"/>
                <a:gd name="connsiteY18" fmla="*/ 1672892 h 2414622"/>
                <a:gd name="connsiteX19" fmla="*/ 1165620 w 1593015"/>
                <a:gd name="connsiteY19" fmla="*/ 1767739 h 2414622"/>
                <a:gd name="connsiteX20" fmla="*/ 1032756 w 1593015"/>
                <a:gd name="connsiteY20" fmla="*/ 1756441 h 2414622"/>
                <a:gd name="connsiteX21" fmla="*/ 1025465 w 1593015"/>
                <a:gd name="connsiteY21" fmla="*/ 1884125 h 2414622"/>
                <a:gd name="connsiteX22" fmla="*/ 1057582 w 1593015"/>
                <a:gd name="connsiteY22" fmla="*/ 2018272 h 2414622"/>
                <a:gd name="connsiteX23" fmla="*/ 1115247 w 1593015"/>
                <a:gd name="connsiteY23" fmla="*/ 1791732 h 2414622"/>
                <a:gd name="connsiteX24" fmla="*/ 1382978 w 1593015"/>
                <a:gd name="connsiteY24" fmla="*/ 1734066 h 2414622"/>
                <a:gd name="connsiteX25" fmla="*/ 1545506 w 1593015"/>
                <a:gd name="connsiteY25" fmla="*/ 1816558 h 2414622"/>
                <a:gd name="connsiteX26" fmla="*/ 1570108 w 1593015"/>
                <a:gd name="connsiteY26" fmla="*/ 1944739 h 2414622"/>
                <a:gd name="connsiteX27" fmla="*/ 1587080 w 1593015"/>
                <a:gd name="connsiteY27" fmla="*/ 2191153 h 2414622"/>
                <a:gd name="connsiteX28" fmla="*/ 1462071 w 1593015"/>
                <a:gd name="connsiteY28" fmla="*/ 2404168 h 2414622"/>
                <a:gd name="connsiteX29" fmla="*/ 825253 w 1593015"/>
                <a:gd name="connsiteY29" fmla="*/ 2357788 h 2414622"/>
                <a:gd name="connsiteX30" fmla="*/ 752888 w 1593015"/>
                <a:gd name="connsiteY30" fmla="*/ 2079107 h 2414622"/>
                <a:gd name="connsiteX31" fmla="*/ 725967 w 1593015"/>
                <a:gd name="connsiteY31" fmla="*/ 1896292 h 2414622"/>
                <a:gd name="connsiteX32" fmla="*/ 257613 w 1593015"/>
                <a:gd name="connsiteY32" fmla="*/ 1726278 h 2414622"/>
                <a:gd name="connsiteX33" fmla="*/ 3138 w 1593015"/>
                <a:gd name="connsiteY33" fmla="*/ 1676402 h 2414622"/>
                <a:gd name="connsiteX34" fmla="*/ 7258 w 1593015"/>
                <a:gd name="connsiteY34" fmla="*/ 1552834 h 2414622"/>
                <a:gd name="connsiteX35" fmla="*/ 44328 w 1593015"/>
                <a:gd name="connsiteY35" fmla="*/ 1466337 h 2414622"/>
                <a:gd name="connsiteX36" fmla="*/ 105173 w 1593015"/>
                <a:gd name="connsiteY36" fmla="*/ 1380495 h 2414622"/>
                <a:gd name="connsiteX0" fmla="*/ 99359 w 1587201"/>
                <a:gd name="connsiteY0" fmla="*/ 1380495 h 2414622"/>
                <a:gd name="connsiteX1" fmla="*/ 166200 w 1587201"/>
                <a:gd name="connsiteY1" fmla="*/ 214186 h 2414622"/>
                <a:gd name="connsiteX2" fmla="*/ 203269 w 1587201"/>
                <a:gd name="connsiteY2" fmla="*/ 0 h 2414622"/>
                <a:gd name="connsiteX3" fmla="*/ 351552 w 1587201"/>
                <a:gd name="connsiteY3" fmla="*/ 61785 h 2414622"/>
                <a:gd name="connsiteX4" fmla="*/ 458645 w 1587201"/>
                <a:gd name="connsiteY4" fmla="*/ 74142 h 2414622"/>
                <a:gd name="connsiteX5" fmla="*/ 586330 w 1587201"/>
                <a:gd name="connsiteY5" fmla="*/ 144163 h 2414622"/>
                <a:gd name="connsiteX6" fmla="*/ 816990 w 1587201"/>
                <a:gd name="connsiteY6" fmla="*/ 300682 h 2414622"/>
                <a:gd name="connsiteX7" fmla="*/ 864747 w 1587201"/>
                <a:gd name="connsiteY7" fmla="*/ 353775 h 2414622"/>
                <a:gd name="connsiteX8" fmla="*/ 936438 w 1587201"/>
                <a:gd name="connsiteY8" fmla="*/ 370703 h 2414622"/>
                <a:gd name="connsiteX9" fmla="*/ 1117671 w 1587201"/>
                <a:gd name="connsiteY9" fmla="*/ 514867 h 2414622"/>
                <a:gd name="connsiteX10" fmla="*/ 1162979 w 1587201"/>
                <a:gd name="connsiteY10" fmla="*/ 576649 h 2414622"/>
                <a:gd name="connsiteX11" fmla="*/ 1179454 w 1587201"/>
                <a:gd name="connsiteY11" fmla="*/ 630196 h 2414622"/>
                <a:gd name="connsiteX12" fmla="*/ 1261832 w 1587201"/>
                <a:gd name="connsiteY12" fmla="*/ 737288 h 2414622"/>
                <a:gd name="connsiteX13" fmla="*/ 1340092 w 1587201"/>
                <a:gd name="connsiteY13" fmla="*/ 902045 h 2414622"/>
                <a:gd name="connsiteX14" fmla="*/ 1434828 w 1587201"/>
                <a:gd name="connsiteY14" fmla="*/ 1079159 h 2414622"/>
                <a:gd name="connsiteX15" fmla="*/ 1468612 w 1587201"/>
                <a:gd name="connsiteY15" fmla="*/ 1216252 h 2414622"/>
                <a:gd name="connsiteX16" fmla="*/ 1482588 w 1587201"/>
                <a:gd name="connsiteY16" fmla="*/ 1339211 h 2414622"/>
                <a:gd name="connsiteX17" fmla="*/ 1531282 w 1587201"/>
                <a:gd name="connsiteY17" fmla="*/ 1505457 h 2414622"/>
                <a:gd name="connsiteX18" fmla="*/ 1491322 w 1587201"/>
                <a:gd name="connsiteY18" fmla="*/ 1672892 h 2414622"/>
                <a:gd name="connsiteX19" fmla="*/ 1159806 w 1587201"/>
                <a:gd name="connsiteY19" fmla="*/ 1767739 h 2414622"/>
                <a:gd name="connsiteX20" fmla="*/ 1026942 w 1587201"/>
                <a:gd name="connsiteY20" fmla="*/ 1756441 h 2414622"/>
                <a:gd name="connsiteX21" fmla="*/ 1019651 w 1587201"/>
                <a:gd name="connsiteY21" fmla="*/ 1884125 h 2414622"/>
                <a:gd name="connsiteX22" fmla="*/ 1051768 w 1587201"/>
                <a:gd name="connsiteY22" fmla="*/ 2018272 h 2414622"/>
                <a:gd name="connsiteX23" fmla="*/ 1109433 w 1587201"/>
                <a:gd name="connsiteY23" fmla="*/ 1791732 h 2414622"/>
                <a:gd name="connsiteX24" fmla="*/ 1377164 w 1587201"/>
                <a:gd name="connsiteY24" fmla="*/ 1734066 h 2414622"/>
                <a:gd name="connsiteX25" fmla="*/ 1539692 w 1587201"/>
                <a:gd name="connsiteY25" fmla="*/ 1816558 h 2414622"/>
                <a:gd name="connsiteX26" fmla="*/ 1564294 w 1587201"/>
                <a:gd name="connsiteY26" fmla="*/ 1944739 h 2414622"/>
                <a:gd name="connsiteX27" fmla="*/ 1581266 w 1587201"/>
                <a:gd name="connsiteY27" fmla="*/ 2191153 h 2414622"/>
                <a:gd name="connsiteX28" fmla="*/ 1456257 w 1587201"/>
                <a:gd name="connsiteY28" fmla="*/ 2404168 h 2414622"/>
                <a:gd name="connsiteX29" fmla="*/ 819439 w 1587201"/>
                <a:gd name="connsiteY29" fmla="*/ 2357788 h 2414622"/>
                <a:gd name="connsiteX30" fmla="*/ 747074 w 1587201"/>
                <a:gd name="connsiteY30" fmla="*/ 2079107 h 2414622"/>
                <a:gd name="connsiteX31" fmla="*/ 720153 w 1587201"/>
                <a:gd name="connsiteY31" fmla="*/ 1896292 h 2414622"/>
                <a:gd name="connsiteX32" fmla="*/ 251799 w 1587201"/>
                <a:gd name="connsiteY32" fmla="*/ 1726278 h 2414622"/>
                <a:gd name="connsiteX33" fmla="*/ 73853 w 1587201"/>
                <a:gd name="connsiteY33" fmla="*/ 1703952 h 2414622"/>
                <a:gd name="connsiteX34" fmla="*/ 1444 w 1587201"/>
                <a:gd name="connsiteY34" fmla="*/ 1552834 h 2414622"/>
                <a:gd name="connsiteX35" fmla="*/ 38514 w 1587201"/>
                <a:gd name="connsiteY35" fmla="*/ 1466337 h 2414622"/>
                <a:gd name="connsiteX36" fmla="*/ 99359 w 1587201"/>
                <a:gd name="connsiteY36" fmla="*/ 1380495 h 2414622"/>
                <a:gd name="connsiteX0" fmla="*/ 99359 w 1587201"/>
                <a:gd name="connsiteY0" fmla="*/ 1380495 h 2414622"/>
                <a:gd name="connsiteX1" fmla="*/ 166200 w 1587201"/>
                <a:gd name="connsiteY1" fmla="*/ 214186 h 2414622"/>
                <a:gd name="connsiteX2" fmla="*/ 203269 w 1587201"/>
                <a:gd name="connsiteY2" fmla="*/ 0 h 2414622"/>
                <a:gd name="connsiteX3" fmla="*/ 351552 w 1587201"/>
                <a:gd name="connsiteY3" fmla="*/ 61785 h 2414622"/>
                <a:gd name="connsiteX4" fmla="*/ 458645 w 1587201"/>
                <a:gd name="connsiteY4" fmla="*/ 74142 h 2414622"/>
                <a:gd name="connsiteX5" fmla="*/ 586330 w 1587201"/>
                <a:gd name="connsiteY5" fmla="*/ 144163 h 2414622"/>
                <a:gd name="connsiteX6" fmla="*/ 816990 w 1587201"/>
                <a:gd name="connsiteY6" fmla="*/ 300682 h 2414622"/>
                <a:gd name="connsiteX7" fmla="*/ 864747 w 1587201"/>
                <a:gd name="connsiteY7" fmla="*/ 353775 h 2414622"/>
                <a:gd name="connsiteX8" fmla="*/ 936438 w 1587201"/>
                <a:gd name="connsiteY8" fmla="*/ 370703 h 2414622"/>
                <a:gd name="connsiteX9" fmla="*/ 1117671 w 1587201"/>
                <a:gd name="connsiteY9" fmla="*/ 514867 h 2414622"/>
                <a:gd name="connsiteX10" fmla="*/ 1162979 w 1587201"/>
                <a:gd name="connsiteY10" fmla="*/ 576649 h 2414622"/>
                <a:gd name="connsiteX11" fmla="*/ 1179454 w 1587201"/>
                <a:gd name="connsiteY11" fmla="*/ 630196 h 2414622"/>
                <a:gd name="connsiteX12" fmla="*/ 1261832 w 1587201"/>
                <a:gd name="connsiteY12" fmla="*/ 737288 h 2414622"/>
                <a:gd name="connsiteX13" fmla="*/ 1340092 w 1587201"/>
                <a:gd name="connsiteY13" fmla="*/ 902045 h 2414622"/>
                <a:gd name="connsiteX14" fmla="*/ 1434828 w 1587201"/>
                <a:gd name="connsiteY14" fmla="*/ 1079159 h 2414622"/>
                <a:gd name="connsiteX15" fmla="*/ 1468612 w 1587201"/>
                <a:gd name="connsiteY15" fmla="*/ 1216252 h 2414622"/>
                <a:gd name="connsiteX16" fmla="*/ 1482588 w 1587201"/>
                <a:gd name="connsiteY16" fmla="*/ 1339211 h 2414622"/>
                <a:gd name="connsiteX17" fmla="*/ 1531282 w 1587201"/>
                <a:gd name="connsiteY17" fmla="*/ 1505457 h 2414622"/>
                <a:gd name="connsiteX18" fmla="*/ 1491322 w 1587201"/>
                <a:gd name="connsiteY18" fmla="*/ 1672892 h 2414622"/>
                <a:gd name="connsiteX19" fmla="*/ 1159806 w 1587201"/>
                <a:gd name="connsiteY19" fmla="*/ 1767739 h 2414622"/>
                <a:gd name="connsiteX20" fmla="*/ 1026942 w 1587201"/>
                <a:gd name="connsiteY20" fmla="*/ 1756441 h 2414622"/>
                <a:gd name="connsiteX21" fmla="*/ 1019651 w 1587201"/>
                <a:gd name="connsiteY21" fmla="*/ 1884125 h 2414622"/>
                <a:gd name="connsiteX22" fmla="*/ 1051768 w 1587201"/>
                <a:gd name="connsiteY22" fmla="*/ 2018272 h 2414622"/>
                <a:gd name="connsiteX23" fmla="*/ 1109433 w 1587201"/>
                <a:gd name="connsiteY23" fmla="*/ 1791732 h 2414622"/>
                <a:gd name="connsiteX24" fmla="*/ 1377164 w 1587201"/>
                <a:gd name="connsiteY24" fmla="*/ 1734066 h 2414622"/>
                <a:gd name="connsiteX25" fmla="*/ 1539692 w 1587201"/>
                <a:gd name="connsiteY25" fmla="*/ 1816558 h 2414622"/>
                <a:gd name="connsiteX26" fmla="*/ 1564294 w 1587201"/>
                <a:gd name="connsiteY26" fmla="*/ 1944739 h 2414622"/>
                <a:gd name="connsiteX27" fmla="*/ 1581266 w 1587201"/>
                <a:gd name="connsiteY27" fmla="*/ 2191153 h 2414622"/>
                <a:gd name="connsiteX28" fmla="*/ 1456257 w 1587201"/>
                <a:gd name="connsiteY28" fmla="*/ 2404168 h 2414622"/>
                <a:gd name="connsiteX29" fmla="*/ 819439 w 1587201"/>
                <a:gd name="connsiteY29" fmla="*/ 2357788 h 2414622"/>
                <a:gd name="connsiteX30" fmla="*/ 747074 w 1587201"/>
                <a:gd name="connsiteY30" fmla="*/ 2079107 h 2414622"/>
                <a:gd name="connsiteX31" fmla="*/ 720153 w 1587201"/>
                <a:gd name="connsiteY31" fmla="*/ 1896292 h 2414622"/>
                <a:gd name="connsiteX32" fmla="*/ 251799 w 1587201"/>
                <a:gd name="connsiteY32" fmla="*/ 1726278 h 2414622"/>
                <a:gd name="connsiteX33" fmla="*/ 73853 w 1587201"/>
                <a:gd name="connsiteY33" fmla="*/ 1703952 h 2414622"/>
                <a:gd name="connsiteX34" fmla="*/ 1444 w 1587201"/>
                <a:gd name="connsiteY34" fmla="*/ 1552834 h 2414622"/>
                <a:gd name="connsiteX35" fmla="*/ 38514 w 1587201"/>
                <a:gd name="connsiteY35" fmla="*/ 1466337 h 2414622"/>
                <a:gd name="connsiteX36" fmla="*/ 99359 w 1587201"/>
                <a:gd name="connsiteY36" fmla="*/ 1380495 h 2414622"/>
                <a:gd name="connsiteX0" fmla="*/ 99359 w 1587201"/>
                <a:gd name="connsiteY0" fmla="*/ 1380495 h 2414622"/>
                <a:gd name="connsiteX1" fmla="*/ 166200 w 1587201"/>
                <a:gd name="connsiteY1" fmla="*/ 214186 h 2414622"/>
                <a:gd name="connsiteX2" fmla="*/ 203269 w 1587201"/>
                <a:gd name="connsiteY2" fmla="*/ 0 h 2414622"/>
                <a:gd name="connsiteX3" fmla="*/ 351552 w 1587201"/>
                <a:gd name="connsiteY3" fmla="*/ 61785 h 2414622"/>
                <a:gd name="connsiteX4" fmla="*/ 458645 w 1587201"/>
                <a:gd name="connsiteY4" fmla="*/ 74142 h 2414622"/>
                <a:gd name="connsiteX5" fmla="*/ 586330 w 1587201"/>
                <a:gd name="connsiteY5" fmla="*/ 144163 h 2414622"/>
                <a:gd name="connsiteX6" fmla="*/ 816990 w 1587201"/>
                <a:gd name="connsiteY6" fmla="*/ 300682 h 2414622"/>
                <a:gd name="connsiteX7" fmla="*/ 864747 w 1587201"/>
                <a:gd name="connsiteY7" fmla="*/ 353775 h 2414622"/>
                <a:gd name="connsiteX8" fmla="*/ 936438 w 1587201"/>
                <a:gd name="connsiteY8" fmla="*/ 370703 h 2414622"/>
                <a:gd name="connsiteX9" fmla="*/ 1117671 w 1587201"/>
                <a:gd name="connsiteY9" fmla="*/ 514867 h 2414622"/>
                <a:gd name="connsiteX10" fmla="*/ 1162979 w 1587201"/>
                <a:gd name="connsiteY10" fmla="*/ 576649 h 2414622"/>
                <a:gd name="connsiteX11" fmla="*/ 1179454 w 1587201"/>
                <a:gd name="connsiteY11" fmla="*/ 630196 h 2414622"/>
                <a:gd name="connsiteX12" fmla="*/ 1261832 w 1587201"/>
                <a:gd name="connsiteY12" fmla="*/ 737288 h 2414622"/>
                <a:gd name="connsiteX13" fmla="*/ 1340092 w 1587201"/>
                <a:gd name="connsiteY13" fmla="*/ 902045 h 2414622"/>
                <a:gd name="connsiteX14" fmla="*/ 1434828 w 1587201"/>
                <a:gd name="connsiteY14" fmla="*/ 1079159 h 2414622"/>
                <a:gd name="connsiteX15" fmla="*/ 1468612 w 1587201"/>
                <a:gd name="connsiteY15" fmla="*/ 1216252 h 2414622"/>
                <a:gd name="connsiteX16" fmla="*/ 1482588 w 1587201"/>
                <a:gd name="connsiteY16" fmla="*/ 1339211 h 2414622"/>
                <a:gd name="connsiteX17" fmla="*/ 1531282 w 1587201"/>
                <a:gd name="connsiteY17" fmla="*/ 1505457 h 2414622"/>
                <a:gd name="connsiteX18" fmla="*/ 1491322 w 1587201"/>
                <a:gd name="connsiteY18" fmla="*/ 1672892 h 2414622"/>
                <a:gd name="connsiteX19" fmla="*/ 1159806 w 1587201"/>
                <a:gd name="connsiteY19" fmla="*/ 1767739 h 2414622"/>
                <a:gd name="connsiteX20" fmla="*/ 1026942 w 1587201"/>
                <a:gd name="connsiteY20" fmla="*/ 1756441 h 2414622"/>
                <a:gd name="connsiteX21" fmla="*/ 1019651 w 1587201"/>
                <a:gd name="connsiteY21" fmla="*/ 1884125 h 2414622"/>
                <a:gd name="connsiteX22" fmla="*/ 1051768 w 1587201"/>
                <a:gd name="connsiteY22" fmla="*/ 2018272 h 2414622"/>
                <a:gd name="connsiteX23" fmla="*/ 1109433 w 1587201"/>
                <a:gd name="connsiteY23" fmla="*/ 1791732 h 2414622"/>
                <a:gd name="connsiteX24" fmla="*/ 1377164 w 1587201"/>
                <a:gd name="connsiteY24" fmla="*/ 1734066 h 2414622"/>
                <a:gd name="connsiteX25" fmla="*/ 1539692 w 1587201"/>
                <a:gd name="connsiteY25" fmla="*/ 1816558 h 2414622"/>
                <a:gd name="connsiteX26" fmla="*/ 1564294 w 1587201"/>
                <a:gd name="connsiteY26" fmla="*/ 1944739 h 2414622"/>
                <a:gd name="connsiteX27" fmla="*/ 1581266 w 1587201"/>
                <a:gd name="connsiteY27" fmla="*/ 2191153 h 2414622"/>
                <a:gd name="connsiteX28" fmla="*/ 1456257 w 1587201"/>
                <a:gd name="connsiteY28" fmla="*/ 2404168 h 2414622"/>
                <a:gd name="connsiteX29" fmla="*/ 819439 w 1587201"/>
                <a:gd name="connsiteY29" fmla="*/ 2357788 h 2414622"/>
                <a:gd name="connsiteX30" fmla="*/ 747074 w 1587201"/>
                <a:gd name="connsiteY30" fmla="*/ 2079107 h 2414622"/>
                <a:gd name="connsiteX31" fmla="*/ 720153 w 1587201"/>
                <a:gd name="connsiteY31" fmla="*/ 1896292 h 2414622"/>
                <a:gd name="connsiteX32" fmla="*/ 251799 w 1587201"/>
                <a:gd name="connsiteY32" fmla="*/ 1726278 h 2414622"/>
                <a:gd name="connsiteX33" fmla="*/ 73853 w 1587201"/>
                <a:gd name="connsiteY33" fmla="*/ 1703952 h 2414622"/>
                <a:gd name="connsiteX34" fmla="*/ 1444 w 1587201"/>
                <a:gd name="connsiteY34" fmla="*/ 1552834 h 2414622"/>
                <a:gd name="connsiteX35" fmla="*/ 38514 w 1587201"/>
                <a:gd name="connsiteY35" fmla="*/ 1466337 h 2414622"/>
                <a:gd name="connsiteX36" fmla="*/ 99359 w 1587201"/>
                <a:gd name="connsiteY36" fmla="*/ 1380495 h 2414622"/>
                <a:gd name="connsiteX0" fmla="*/ 60883 w 1548725"/>
                <a:gd name="connsiteY0" fmla="*/ 1380495 h 2414622"/>
                <a:gd name="connsiteX1" fmla="*/ 127724 w 1548725"/>
                <a:gd name="connsiteY1" fmla="*/ 214186 h 2414622"/>
                <a:gd name="connsiteX2" fmla="*/ 164793 w 1548725"/>
                <a:gd name="connsiteY2" fmla="*/ 0 h 2414622"/>
                <a:gd name="connsiteX3" fmla="*/ 313076 w 1548725"/>
                <a:gd name="connsiteY3" fmla="*/ 61785 h 2414622"/>
                <a:gd name="connsiteX4" fmla="*/ 420169 w 1548725"/>
                <a:gd name="connsiteY4" fmla="*/ 74142 h 2414622"/>
                <a:gd name="connsiteX5" fmla="*/ 547854 w 1548725"/>
                <a:gd name="connsiteY5" fmla="*/ 144163 h 2414622"/>
                <a:gd name="connsiteX6" fmla="*/ 778514 w 1548725"/>
                <a:gd name="connsiteY6" fmla="*/ 300682 h 2414622"/>
                <a:gd name="connsiteX7" fmla="*/ 826271 w 1548725"/>
                <a:gd name="connsiteY7" fmla="*/ 353775 h 2414622"/>
                <a:gd name="connsiteX8" fmla="*/ 897962 w 1548725"/>
                <a:gd name="connsiteY8" fmla="*/ 370703 h 2414622"/>
                <a:gd name="connsiteX9" fmla="*/ 1079195 w 1548725"/>
                <a:gd name="connsiteY9" fmla="*/ 514867 h 2414622"/>
                <a:gd name="connsiteX10" fmla="*/ 1124503 w 1548725"/>
                <a:gd name="connsiteY10" fmla="*/ 576649 h 2414622"/>
                <a:gd name="connsiteX11" fmla="*/ 1140978 w 1548725"/>
                <a:gd name="connsiteY11" fmla="*/ 630196 h 2414622"/>
                <a:gd name="connsiteX12" fmla="*/ 1223356 w 1548725"/>
                <a:gd name="connsiteY12" fmla="*/ 737288 h 2414622"/>
                <a:gd name="connsiteX13" fmla="*/ 1301616 w 1548725"/>
                <a:gd name="connsiteY13" fmla="*/ 902045 h 2414622"/>
                <a:gd name="connsiteX14" fmla="*/ 1396352 w 1548725"/>
                <a:gd name="connsiteY14" fmla="*/ 1079159 h 2414622"/>
                <a:gd name="connsiteX15" fmla="*/ 1430136 w 1548725"/>
                <a:gd name="connsiteY15" fmla="*/ 1216252 h 2414622"/>
                <a:gd name="connsiteX16" fmla="*/ 1444112 w 1548725"/>
                <a:gd name="connsiteY16" fmla="*/ 1339211 h 2414622"/>
                <a:gd name="connsiteX17" fmla="*/ 1492806 w 1548725"/>
                <a:gd name="connsiteY17" fmla="*/ 1505457 h 2414622"/>
                <a:gd name="connsiteX18" fmla="*/ 1452846 w 1548725"/>
                <a:gd name="connsiteY18" fmla="*/ 1672892 h 2414622"/>
                <a:gd name="connsiteX19" fmla="*/ 1121330 w 1548725"/>
                <a:gd name="connsiteY19" fmla="*/ 1767739 h 2414622"/>
                <a:gd name="connsiteX20" fmla="*/ 988466 w 1548725"/>
                <a:gd name="connsiteY20" fmla="*/ 1756441 h 2414622"/>
                <a:gd name="connsiteX21" fmla="*/ 981175 w 1548725"/>
                <a:gd name="connsiteY21" fmla="*/ 1884125 h 2414622"/>
                <a:gd name="connsiteX22" fmla="*/ 1013292 w 1548725"/>
                <a:gd name="connsiteY22" fmla="*/ 2018272 h 2414622"/>
                <a:gd name="connsiteX23" fmla="*/ 1070957 w 1548725"/>
                <a:gd name="connsiteY23" fmla="*/ 1791732 h 2414622"/>
                <a:gd name="connsiteX24" fmla="*/ 1338688 w 1548725"/>
                <a:gd name="connsiteY24" fmla="*/ 1734066 h 2414622"/>
                <a:gd name="connsiteX25" fmla="*/ 1501216 w 1548725"/>
                <a:gd name="connsiteY25" fmla="*/ 1816558 h 2414622"/>
                <a:gd name="connsiteX26" fmla="*/ 1525818 w 1548725"/>
                <a:gd name="connsiteY26" fmla="*/ 1944739 h 2414622"/>
                <a:gd name="connsiteX27" fmla="*/ 1542790 w 1548725"/>
                <a:gd name="connsiteY27" fmla="*/ 2191153 h 2414622"/>
                <a:gd name="connsiteX28" fmla="*/ 1417781 w 1548725"/>
                <a:gd name="connsiteY28" fmla="*/ 2404168 h 2414622"/>
                <a:gd name="connsiteX29" fmla="*/ 780963 w 1548725"/>
                <a:gd name="connsiteY29" fmla="*/ 2357788 h 2414622"/>
                <a:gd name="connsiteX30" fmla="*/ 708598 w 1548725"/>
                <a:gd name="connsiteY30" fmla="*/ 2079107 h 2414622"/>
                <a:gd name="connsiteX31" fmla="*/ 681677 w 1548725"/>
                <a:gd name="connsiteY31" fmla="*/ 1896292 h 2414622"/>
                <a:gd name="connsiteX32" fmla="*/ 213323 w 1548725"/>
                <a:gd name="connsiteY32" fmla="*/ 1726278 h 2414622"/>
                <a:gd name="connsiteX33" fmla="*/ 35377 w 1548725"/>
                <a:gd name="connsiteY33" fmla="*/ 1703952 h 2414622"/>
                <a:gd name="connsiteX34" fmla="*/ 51741 w 1548725"/>
                <a:gd name="connsiteY34" fmla="*/ 1583445 h 2414622"/>
                <a:gd name="connsiteX35" fmla="*/ 38 w 1548725"/>
                <a:gd name="connsiteY35" fmla="*/ 1466337 h 2414622"/>
                <a:gd name="connsiteX36" fmla="*/ 60883 w 1548725"/>
                <a:gd name="connsiteY36" fmla="*/ 1380495 h 2414622"/>
                <a:gd name="connsiteX0" fmla="*/ 25716 w 1513558"/>
                <a:gd name="connsiteY0" fmla="*/ 1380495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178156 w 1513558"/>
                <a:gd name="connsiteY32" fmla="*/ 1726278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25716 w 1513558"/>
                <a:gd name="connsiteY36" fmla="*/ 1380495 h 2414622"/>
                <a:gd name="connsiteX0" fmla="*/ 25716 w 1513558"/>
                <a:gd name="connsiteY0" fmla="*/ 1380495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178156 w 1513558"/>
                <a:gd name="connsiteY32" fmla="*/ 1726278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25716 w 1513558"/>
                <a:gd name="connsiteY36" fmla="*/ 1380495 h 2414622"/>
                <a:gd name="connsiteX0" fmla="*/ 25716 w 1513558"/>
                <a:gd name="connsiteY0" fmla="*/ 1380495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178156 w 1513558"/>
                <a:gd name="connsiteY32" fmla="*/ 1726278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25716 w 1513558"/>
                <a:gd name="connsiteY36" fmla="*/ 1380495 h 2414622"/>
                <a:gd name="connsiteX0" fmla="*/ 56327 w 1513558"/>
                <a:gd name="connsiteY0" fmla="*/ 1420290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178156 w 1513558"/>
                <a:gd name="connsiteY32" fmla="*/ 1726278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56327 w 1513558"/>
                <a:gd name="connsiteY36" fmla="*/ 1420290 h 2414622"/>
                <a:gd name="connsiteX0" fmla="*/ 117550 w 1513558"/>
                <a:gd name="connsiteY0" fmla="*/ 1297845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178156 w 1513558"/>
                <a:gd name="connsiteY32" fmla="*/ 1726278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117550 w 1513558"/>
                <a:gd name="connsiteY36" fmla="*/ 1297845 h 2414622"/>
                <a:gd name="connsiteX0" fmla="*/ 117550 w 1513558"/>
                <a:gd name="connsiteY0" fmla="*/ 1297845 h 2414622"/>
                <a:gd name="connsiteX1" fmla="*/ 92557 w 1513558"/>
                <a:gd name="connsiteY1" fmla="*/ 214186 h 2414622"/>
                <a:gd name="connsiteX2" fmla="*/ 129626 w 1513558"/>
                <a:gd name="connsiteY2" fmla="*/ 0 h 2414622"/>
                <a:gd name="connsiteX3" fmla="*/ 277909 w 1513558"/>
                <a:gd name="connsiteY3" fmla="*/ 61785 h 2414622"/>
                <a:gd name="connsiteX4" fmla="*/ 385002 w 1513558"/>
                <a:gd name="connsiteY4" fmla="*/ 74142 h 2414622"/>
                <a:gd name="connsiteX5" fmla="*/ 512687 w 1513558"/>
                <a:gd name="connsiteY5" fmla="*/ 144163 h 2414622"/>
                <a:gd name="connsiteX6" fmla="*/ 743347 w 1513558"/>
                <a:gd name="connsiteY6" fmla="*/ 300682 h 2414622"/>
                <a:gd name="connsiteX7" fmla="*/ 791104 w 1513558"/>
                <a:gd name="connsiteY7" fmla="*/ 353775 h 2414622"/>
                <a:gd name="connsiteX8" fmla="*/ 862795 w 1513558"/>
                <a:gd name="connsiteY8" fmla="*/ 370703 h 2414622"/>
                <a:gd name="connsiteX9" fmla="*/ 1044028 w 1513558"/>
                <a:gd name="connsiteY9" fmla="*/ 514867 h 2414622"/>
                <a:gd name="connsiteX10" fmla="*/ 1089336 w 1513558"/>
                <a:gd name="connsiteY10" fmla="*/ 576649 h 2414622"/>
                <a:gd name="connsiteX11" fmla="*/ 1105811 w 1513558"/>
                <a:gd name="connsiteY11" fmla="*/ 630196 h 2414622"/>
                <a:gd name="connsiteX12" fmla="*/ 1188189 w 1513558"/>
                <a:gd name="connsiteY12" fmla="*/ 737288 h 2414622"/>
                <a:gd name="connsiteX13" fmla="*/ 1266449 w 1513558"/>
                <a:gd name="connsiteY13" fmla="*/ 902045 h 2414622"/>
                <a:gd name="connsiteX14" fmla="*/ 1361185 w 1513558"/>
                <a:gd name="connsiteY14" fmla="*/ 1079159 h 2414622"/>
                <a:gd name="connsiteX15" fmla="*/ 1394969 w 1513558"/>
                <a:gd name="connsiteY15" fmla="*/ 1216252 h 2414622"/>
                <a:gd name="connsiteX16" fmla="*/ 1408945 w 1513558"/>
                <a:gd name="connsiteY16" fmla="*/ 1339211 h 2414622"/>
                <a:gd name="connsiteX17" fmla="*/ 1457639 w 1513558"/>
                <a:gd name="connsiteY17" fmla="*/ 1505457 h 2414622"/>
                <a:gd name="connsiteX18" fmla="*/ 1417679 w 1513558"/>
                <a:gd name="connsiteY18" fmla="*/ 1672892 h 2414622"/>
                <a:gd name="connsiteX19" fmla="*/ 1086163 w 1513558"/>
                <a:gd name="connsiteY19" fmla="*/ 1767739 h 2414622"/>
                <a:gd name="connsiteX20" fmla="*/ 953299 w 1513558"/>
                <a:gd name="connsiteY20" fmla="*/ 1756441 h 2414622"/>
                <a:gd name="connsiteX21" fmla="*/ 946008 w 1513558"/>
                <a:gd name="connsiteY21" fmla="*/ 1884125 h 2414622"/>
                <a:gd name="connsiteX22" fmla="*/ 978125 w 1513558"/>
                <a:gd name="connsiteY22" fmla="*/ 2018272 h 2414622"/>
                <a:gd name="connsiteX23" fmla="*/ 1035790 w 1513558"/>
                <a:gd name="connsiteY23" fmla="*/ 1791732 h 2414622"/>
                <a:gd name="connsiteX24" fmla="*/ 1303521 w 1513558"/>
                <a:gd name="connsiteY24" fmla="*/ 1734066 h 2414622"/>
                <a:gd name="connsiteX25" fmla="*/ 1466049 w 1513558"/>
                <a:gd name="connsiteY25" fmla="*/ 1816558 h 2414622"/>
                <a:gd name="connsiteX26" fmla="*/ 1490651 w 1513558"/>
                <a:gd name="connsiteY26" fmla="*/ 1944739 h 2414622"/>
                <a:gd name="connsiteX27" fmla="*/ 1507623 w 1513558"/>
                <a:gd name="connsiteY27" fmla="*/ 2191153 h 2414622"/>
                <a:gd name="connsiteX28" fmla="*/ 1382614 w 1513558"/>
                <a:gd name="connsiteY28" fmla="*/ 2404168 h 2414622"/>
                <a:gd name="connsiteX29" fmla="*/ 745796 w 1513558"/>
                <a:gd name="connsiteY29" fmla="*/ 2357788 h 2414622"/>
                <a:gd name="connsiteX30" fmla="*/ 673431 w 1513558"/>
                <a:gd name="connsiteY30" fmla="*/ 2079107 h 2414622"/>
                <a:gd name="connsiteX31" fmla="*/ 646510 w 1513558"/>
                <a:gd name="connsiteY31" fmla="*/ 1896292 h 2414622"/>
                <a:gd name="connsiteX32" fmla="*/ 472025 w 1513558"/>
                <a:gd name="connsiteY32" fmla="*/ 1539549 h 2414622"/>
                <a:gd name="connsiteX33" fmla="*/ 210 w 1513558"/>
                <a:gd name="connsiteY33" fmla="*/ 1703952 h 2414622"/>
                <a:gd name="connsiteX34" fmla="*/ 16574 w 1513558"/>
                <a:gd name="connsiteY34" fmla="*/ 1583445 h 2414622"/>
                <a:gd name="connsiteX35" fmla="*/ 130172 w 1513558"/>
                <a:gd name="connsiteY35" fmla="*/ 1411237 h 2414622"/>
                <a:gd name="connsiteX36" fmla="*/ 117550 w 1513558"/>
                <a:gd name="connsiteY36" fmla="*/ 1297845 h 2414622"/>
                <a:gd name="connsiteX0" fmla="*/ 113577 w 1509585"/>
                <a:gd name="connsiteY0" fmla="*/ 1297845 h 2414622"/>
                <a:gd name="connsiteX1" fmla="*/ 88584 w 1509585"/>
                <a:gd name="connsiteY1" fmla="*/ 214186 h 2414622"/>
                <a:gd name="connsiteX2" fmla="*/ 125653 w 1509585"/>
                <a:gd name="connsiteY2" fmla="*/ 0 h 2414622"/>
                <a:gd name="connsiteX3" fmla="*/ 273936 w 1509585"/>
                <a:gd name="connsiteY3" fmla="*/ 61785 h 2414622"/>
                <a:gd name="connsiteX4" fmla="*/ 381029 w 1509585"/>
                <a:gd name="connsiteY4" fmla="*/ 74142 h 2414622"/>
                <a:gd name="connsiteX5" fmla="*/ 508714 w 1509585"/>
                <a:gd name="connsiteY5" fmla="*/ 144163 h 2414622"/>
                <a:gd name="connsiteX6" fmla="*/ 739374 w 1509585"/>
                <a:gd name="connsiteY6" fmla="*/ 300682 h 2414622"/>
                <a:gd name="connsiteX7" fmla="*/ 787131 w 1509585"/>
                <a:gd name="connsiteY7" fmla="*/ 353775 h 2414622"/>
                <a:gd name="connsiteX8" fmla="*/ 858822 w 1509585"/>
                <a:gd name="connsiteY8" fmla="*/ 370703 h 2414622"/>
                <a:gd name="connsiteX9" fmla="*/ 1040055 w 1509585"/>
                <a:gd name="connsiteY9" fmla="*/ 514867 h 2414622"/>
                <a:gd name="connsiteX10" fmla="*/ 1085363 w 1509585"/>
                <a:gd name="connsiteY10" fmla="*/ 576649 h 2414622"/>
                <a:gd name="connsiteX11" fmla="*/ 1101838 w 1509585"/>
                <a:gd name="connsiteY11" fmla="*/ 630196 h 2414622"/>
                <a:gd name="connsiteX12" fmla="*/ 1184216 w 1509585"/>
                <a:gd name="connsiteY12" fmla="*/ 737288 h 2414622"/>
                <a:gd name="connsiteX13" fmla="*/ 1262476 w 1509585"/>
                <a:gd name="connsiteY13" fmla="*/ 902045 h 2414622"/>
                <a:gd name="connsiteX14" fmla="*/ 1357212 w 1509585"/>
                <a:gd name="connsiteY14" fmla="*/ 1079159 h 2414622"/>
                <a:gd name="connsiteX15" fmla="*/ 1390996 w 1509585"/>
                <a:gd name="connsiteY15" fmla="*/ 1216252 h 2414622"/>
                <a:gd name="connsiteX16" fmla="*/ 1404972 w 1509585"/>
                <a:gd name="connsiteY16" fmla="*/ 1339211 h 2414622"/>
                <a:gd name="connsiteX17" fmla="*/ 1453666 w 1509585"/>
                <a:gd name="connsiteY17" fmla="*/ 1505457 h 2414622"/>
                <a:gd name="connsiteX18" fmla="*/ 1413706 w 1509585"/>
                <a:gd name="connsiteY18" fmla="*/ 1672892 h 2414622"/>
                <a:gd name="connsiteX19" fmla="*/ 1082190 w 1509585"/>
                <a:gd name="connsiteY19" fmla="*/ 1767739 h 2414622"/>
                <a:gd name="connsiteX20" fmla="*/ 949326 w 1509585"/>
                <a:gd name="connsiteY20" fmla="*/ 1756441 h 2414622"/>
                <a:gd name="connsiteX21" fmla="*/ 942035 w 1509585"/>
                <a:gd name="connsiteY21" fmla="*/ 1884125 h 2414622"/>
                <a:gd name="connsiteX22" fmla="*/ 974152 w 1509585"/>
                <a:gd name="connsiteY22" fmla="*/ 2018272 h 2414622"/>
                <a:gd name="connsiteX23" fmla="*/ 1031817 w 1509585"/>
                <a:gd name="connsiteY23" fmla="*/ 1791732 h 2414622"/>
                <a:gd name="connsiteX24" fmla="*/ 1299548 w 1509585"/>
                <a:gd name="connsiteY24" fmla="*/ 1734066 h 2414622"/>
                <a:gd name="connsiteX25" fmla="*/ 1462076 w 1509585"/>
                <a:gd name="connsiteY25" fmla="*/ 1816558 h 2414622"/>
                <a:gd name="connsiteX26" fmla="*/ 1486678 w 1509585"/>
                <a:gd name="connsiteY26" fmla="*/ 1944739 h 2414622"/>
                <a:gd name="connsiteX27" fmla="*/ 1503650 w 1509585"/>
                <a:gd name="connsiteY27" fmla="*/ 2191153 h 2414622"/>
                <a:gd name="connsiteX28" fmla="*/ 1378641 w 1509585"/>
                <a:gd name="connsiteY28" fmla="*/ 2404168 h 2414622"/>
                <a:gd name="connsiteX29" fmla="*/ 741823 w 1509585"/>
                <a:gd name="connsiteY29" fmla="*/ 2357788 h 2414622"/>
                <a:gd name="connsiteX30" fmla="*/ 669458 w 1509585"/>
                <a:gd name="connsiteY30" fmla="*/ 2079107 h 2414622"/>
                <a:gd name="connsiteX31" fmla="*/ 642537 w 1509585"/>
                <a:gd name="connsiteY31" fmla="*/ 1896292 h 2414622"/>
                <a:gd name="connsiteX32" fmla="*/ 468052 w 1509585"/>
                <a:gd name="connsiteY32" fmla="*/ 1539549 h 2414622"/>
                <a:gd name="connsiteX33" fmla="*/ 12601 w 1509585"/>
                <a:gd name="connsiteY33" fmla="*/ 1583445 h 2414622"/>
                <a:gd name="connsiteX34" fmla="*/ 126199 w 1509585"/>
                <a:gd name="connsiteY34" fmla="*/ 1411237 h 2414622"/>
                <a:gd name="connsiteX35" fmla="*/ 113577 w 1509585"/>
                <a:gd name="connsiteY35" fmla="*/ 1297845 h 2414622"/>
                <a:gd name="connsiteX0" fmla="*/ 25101 w 1421109"/>
                <a:gd name="connsiteY0" fmla="*/ 1297845 h 2414622"/>
                <a:gd name="connsiteX1" fmla="*/ 108 w 1421109"/>
                <a:gd name="connsiteY1" fmla="*/ 214186 h 2414622"/>
                <a:gd name="connsiteX2" fmla="*/ 37177 w 1421109"/>
                <a:gd name="connsiteY2" fmla="*/ 0 h 2414622"/>
                <a:gd name="connsiteX3" fmla="*/ 185460 w 1421109"/>
                <a:gd name="connsiteY3" fmla="*/ 61785 h 2414622"/>
                <a:gd name="connsiteX4" fmla="*/ 292553 w 1421109"/>
                <a:gd name="connsiteY4" fmla="*/ 74142 h 2414622"/>
                <a:gd name="connsiteX5" fmla="*/ 420238 w 1421109"/>
                <a:gd name="connsiteY5" fmla="*/ 144163 h 2414622"/>
                <a:gd name="connsiteX6" fmla="*/ 650898 w 1421109"/>
                <a:gd name="connsiteY6" fmla="*/ 300682 h 2414622"/>
                <a:gd name="connsiteX7" fmla="*/ 698655 w 1421109"/>
                <a:gd name="connsiteY7" fmla="*/ 353775 h 2414622"/>
                <a:gd name="connsiteX8" fmla="*/ 770346 w 1421109"/>
                <a:gd name="connsiteY8" fmla="*/ 370703 h 2414622"/>
                <a:gd name="connsiteX9" fmla="*/ 951579 w 1421109"/>
                <a:gd name="connsiteY9" fmla="*/ 514867 h 2414622"/>
                <a:gd name="connsiteX10" fmla="*/ 996887 w 1421109"/>
                <a:gd name="connsiteY10" fmla="*/ 576649 h 2414622"/>
                <a:gd name="connsiteX11" fmla="*/ 1013362 w 1421109"/>
                <a:gd name="connsiteY11" fmla="*/ 630196 h 2414622"/>
                <a:gd name="connsiteX12" fmla="*/ 1095740 w 1421109"/>
                <a:gd name="connsiteY12" fmla="*/ 737288 h 2414622"/>
                <a:gd name="connsiteX13" fmla="*/ 1174000 w 1421109"/>
                <a:gd name="connsiteY13" fmla="*/ 902045 h 2414622"/>
                <a:gd name="connsiteX14" fmla="*/ 1268736 w 1421109"/>
                <a:gd name="connsiteY14" fmla="*/ 1079159 h 2414622"/>
                <a:gd name="connsiteX15" fmla="*/ 1302520 w 1421109"/>
                <a:gd name="connsiteY15" fmla="*/ 1216252 h 2414622"/>
                <a:gd name="connsiteX16" fmla="*/ 1316496 w 1421109"/>
                <a:gd name="connsiteY16" fmla="*/ 1339211 h 2414622"/>
                <a:gd name="connsiteX17" fmla="*/ 1365190 w 1421109"/>
                <a:gd name="connsiteY17" fmla="*/ 1505457 h 2414622"/>
                <a:gd name="connsiteX18" fmla="*/ 1325230 w 1421109"/>
                <a:gd name="connsiteY18" fmla="*/ 1672892 h 2414622"/>
                <a:gd name="connsiteX19" fmla="*/ 993714 w 1421109"/>
                <a:gd name="connsiteY19" fmla="*/ 1767739 h 2414622"/>
                <a:gd name="connsiteX20" fmla="*/ 860850 w 1421109"/>
                <a:gd name="connsiteY20" fmla="*/ 1756441 h 2414622"/>
                <a:gd name="connsiteX21" fmla="*/ 853559 w 1421109"/>
                <a:gd name="connsiteY21" fmla="*/ 1884125 h 2414622"/>
                <a:gd name="connsiteX22" fmla="*/ 885676 w 1421109"/>
                <a:gd name="connsiteY22" fmla="*/ 2018272 h 2414622"/>
                <a:gd name="connsiteX23" fmla="*/ 943341 w 1421109"/>
                <a:gd name="connsiteY23" fmla="*/ 1791732 h 2414622"/>
                <a:gd name="connsiteX24" fmla="*/ 1211072 w 1421109"/>
                <a:gd name="connsiteY24" fmla="*/ 1734066 h 2414622"/>
                <a:gd name="connsiteX25" fmla="*/ 1373600 w 1421109"/>
                <a:gd name="connsiteY25" fmla="*/ 1816558 h 2414622"/>
                <a:gd name="connsiteX26" fmla="*/ 1398202 w 1421109"/>
                <a:gd name="connsiteY26" fmla="*/ 1944739 h 2414622"/>
                <a:gd name="connsiteX27" fmla="*/ 1415174 w 1421109"/>
                <a:gd name="connsiteY27" fmla="*/ 2191153 h 2414622"/>
                <a:gd name="connsiteX28" fmla="*/ 1290165 w 1421109"/>
                <a:gd name="connsiteY28" fmla="*/ 2404168 h 2414622"/>
                <a:gd name="connsiteX29" fmla="*/ 653347 w 1421109"/>
                <a:gd name="connsiteY29" fmla="*/ 2357788 h 2414622"/>
                <a:gd name="connsiteX30" fmla="*/ 580982 w 1421109"/>
                <a:gd name="connsiteY30" fmla="*/ 2079107 h 2414622"/>
                <a:gd name="connsiteX31" fmla="*/ 554061 w 1421109"/>
                <a:gd name="connsiteY31" fmla="*/ 1896292 h 2414622"/>
                <a:gd name="connsiteX32" fmla="*/ 379576 w 1421109"/>
                <a:gd name="connsiteY32" fmla="*/ 1539549 h 2414622"/>
                <a:gd name="connsiteX33" fmla="*/ 37723 w 1421109"/>
                <a:gd name="connsiteY33" fmla="*/ 1411237 h 2414622"/>
                <a:gd name="connsiteX34" fmla="*/ 25101 w 1421109"/>
                <a:gd name="connsiteY34" fmla="*/ 1297845 h 2414622"/>
                <a:gd name="connsiteX0" fmla="*/ 37140 w 1433148"/>
                <a:gd name="connsiteY0" fmla="*/ 1297845 h 2414622"/>
                <a:gd name="connsiteX1" fmla="*/ 12147 w 1433148"/>
                <a:gd name="connsiteY1" fmla="*/ 214186 h 2414622"/>
                <a:gd name="connsiteX2" fmla="*/ 49216 w 1433148"/>
                <a:gd name="connsiteY2" fmla="*/ 0 h 2414622"/>
                <a:gd name="connsiteX3" fmla="*/ 197499 w 1433148"/>
                <a:gd name="connsiteY3" fmla="*/ 61785 h 2414622"/>
                <a:gd name="connsiteX4" fmla="*/ 304592 w 1433148"/>
                <a:gd name="connsiteY4" fmla="*/ 74142 h 2414622"/>
                <a:gd name="connsiteX5" fmla="*/ 432277 w 1433148"/>
                <a:gd name="connsiteY5" fmla="*/ 144163 h 2414622"/>
                <a:gd name="connsiteX6" fmla="*/ 662937 w 1433148"/>
                <a:gd name="connsiteY6" fmla="*/ 300682 h 2414622"/>
                <a:gd name="connsiteX7" fmla="*/ 710694 w 1433148"/>
                <a:gd name="connsiteY7" fmla="*/ 353775 h 2414622"/>
                <a:gd name="connsiteX8" fmla="*/ 782385 w 1433148"/>
                <a:gd name="connsiteY8" fmla="*/ 370703 h 2414622"/>
                <a:gd name="connsiteX9" fmla="*/ 963618 w 1433148"/>
                <a:gd name="connsiteY9" fmla="*/ 514867 h 2414622"/>
                <a:gd name="connsiteX10" fmla="*/ 1008926 w 1433148"/>
                <a:gd name="connsiteY10" fmla="*/ 576649 h 2414622"/>
                <a:gd name="connsiteX11" fmla="*/ 1025401 w 1433148"/>
                <a:gd name="connsiteY11" fmla="*/ 630196 h 2414622"/>
                <a:gd name="connsiteX12" fmla="*/ 1107779 w 1433148"/>
                <a:gd name="connsiteY12" fmla="*/ 737288 h 2414622"/>
                <a:gd name="connsiteX13" fmla="*/ 1186039 w 1433148"/>
                <a:gd name="connsiteY13" fmla="*/ 902045 h 2414622"/>
                <a:gd name="connsiteX14" fmla="*/ 1280775 w 1433148"/>
                <a:gd name="connsiteY14" fmla="*/ 1079159 h 2414622"/>
                <a:gd name="connsiteX15" fmla="*/ 1314559 w 1433148"/>
                <a:gd name="connsiteY15" fmla="*/ 1216252 h 2414622"/>
                <a:gd name="connsiteX16" fmla="*/ 1328535 w 1433148"/>
                <a:gd name="connsiteY16" fmla="*/ 1339211 h 2414622"/>
                <a:gd name="connsiteX17" fmla="*/ 1377229 w 1433148"/>
                <a:gd name="connsiteY17" fmla="*/ 1505457 h 2414622"/>
                <a:gd name="connsiteX18" fmla="*/ 1337269 w 1433148"/>
                <a:gd name="connsiteY18" fmla="*/ 1672892 h 2414622"/>
                <a:gd name="connsiteX19" fmla="*/ 1005753 w 1433148"/>
                <a:gd name="connsiteY19" fmla="*/ 1767739 h 2414622"/>
                <a:gd name="connsiteX20" fmla="*/ 872889 w 1433148"/>
                <a:gd name="connsiteY20" fmla="*/ 1756441 h 2414622"/>
                <a:gd name="connsiteX21" fmla="*/ 865598 w 1433148"/>
                <a:gd name="connsiteY21" fmla="*/ 1884125 h 2414622"/>
                <a:gd name="connsiteX22" fmla="*/ 897715 w 1433148"/>
                <a:gd name="connsiteY22" fmla="*/ 2018272 h 2414622"/>
                <a:gd name="connsiteX23" fmla="*/ 955380 w 1433148"/>
                <a:gd name="connsiteY23" fmla="*/ 1791732 h 2414622"/>
                <a:gd name="connsiteX24" fmla="*/ 1223111 w 1433148"/>
                <a:gd name="connsiteY24" fmla="*/ 1734066 h 2414622"/>
                <a:gd name="connsiteX25" fmla="*/ 1385639 w 1433148"/>
                <a:gd name="connsiteY25" fmla="*/ 1816558 h 2414622"/>
                <a:gd name="connsiteX26" fmla="*/ 1410241 w 1433148"/>
                <a:gd name="connsiteY26" fmla="*/ 1944739 h 2414622"/>
                <a:gd name="connsiteX27" fmla="*/ 1427213 w 1433148"/>
                <a:gd name="connsiteY27" fmla="*/ 2191153 h 2414622"/>
                <a:gd name="connsiteX28" fmla="*/ 1302204 w 1433148"/>
                <a:gd name="connsiteY28" fmla="*/ 2404168 h 2414622"/>
                <a:gd name="connsiteX29" fmla="*/ 665386 w 1433148"/>
                <a:gd name="connsiteY29" fmla="*/ 2357788 h 2414622"/>
                <a:gd name="connsiteX30" fmla="*/ 593021 w 1433148"/>
                <a:gd name="connsiteY30" fmla="*/ 2079107 h 2414622"/>
                <a:gd name="connsiteX31" fmla="*/ 566100 w 1433148"/>
                <a:gd name="connsiteY31" fmla="*/ 1896292 h 2414622"/>
                <a:gd name="connsiteX32" fmla="*/ 391615 w 1433148"/>
                <a:gd name="connsiteY32" fmla="*/ 1539549 h 2414622"/>
                <a:gd name="connsiteX33" fmla="*/ 37140 w 1433148"/>
                <a:gd name="connsiteY33" fmla="*/ 1297845 h 2414622"/>
                <a:gd name="connsiteX0" fmla="*/ 37140 w 1433148"/>
                <a:gd name="connsiteY0" fmla="*/ 1297845 h 2404579"/>
                <a:gd name="connsiteX1" fmla="*/ 12147 w 1433148"/>
                <a:gd name="connsiteY1" fmla="*/ 214186 h 2404579"/>
                <a:gd name="connsiteX2" fmla="*/ 49216 w 1433148"/>
                <a:gd name="connsiteY2" fmla="*/ 0 h 2404579"/>
                <a:gd name="connsiteX3" fmla="*/ 197499 w 1433148"/>
                <a:gd name="connsiteY3" fmla="*/ 61785 h 2404579"/>
                <a:gd name="connsiteX4" fmla="*/ 304592 w 1433148"/>
                <a:gd name="connsiteY4" fmla="*/ 74142 h 2404579"/>
                <a:gd name="connsiteX5" fmla="*/ 432277 w 1433148"/>
                <a:gd name="connsiteY5" fmla="*/ 144163 h 2404579"/>
                <a:gd name="connsiteX6" fmla="*/ 662937 w 1433148"/>
                <a:gd name="connsiteY6" fmla="*/ 300682 h 2404579"/>
                <a:gd name="connsiteX7" fmla="*/ 710694 w 1433148"/>
                <a:gd name="connsiteY7" fmla="*/ 353775 h 2404579"/>
                <a:gd name="connsiteX8" fmla="*/ 782385 w 1433148"/>
                <a:gd name="connsiteY8" fmla="*/ 370703 h 2404579"/>
                <a:gd name="connsiteX9" fmla="*/ 963618 w 1433148"/>
                <a:gd name="connsiteY9" fmla="*/ 514867 h 2404579"/>
                <a:gd name="connsiteX10" fmla="*/ 1008926 w 1433148"/>
                <a:gd name="connsiteY10" fmla="*/ 576649 h 2404579"/>
                <a:gd name="connsiteX11" fmla="*/ 1025401 w 1433148"/>
                <a:gd name="connsiteY11" fmla="*/ 630196 h 2404579"/>
                <a:gd name="connsiteX12" fmla="*/ 1107779 w 1433148"/>
                <a:gd name="connsiteY12" fmla="*/ 737288 h 2404579"/>
                <a:gd name="connsiteX13" fmla="*/ 1186039 w 1433148"/>
                <a:gd name="connsiteY13" fmla="*/ 902045 h 2404579"/>
                <a:gd name="connsiteX14" fmla="*/ 1280775 w 1433148"/>
                <a:gd name="connsiteY14" fmla="*/ 1079159 h 2404579"/>
                <a:gd name="connsiteX15" fmla="*/ 1314559 w 1433148"/>
                <a:gd name="connsiteY15" fmla="*/ 1216252 h 2404579"/>
                <a:gd name="connsiteX16" fmla="*/ 1328535 w 1433148"/>
                <a:gd name="connsiteY16" fmla="*/ 1339211 h 2404579"/>
                <a:gd name="connsiteX17" fmla="*/ 1377229 w 1433148"/>
                <a:gd name="connsiteY17" fmla="*/ 1505457 h 2404579"/>
                <a:gd name="connsiteX18" fmla="*/ 1337269 w 1433148"/>
                <a:gd name="connsiteY18" fmla="*/ 1672892 h 2404579"/>
                <a:gd name="connsiteX19" fmla="*/ 1005753 w 1433148"/>
                <a:gd name="connsiteY19" fmla="*/ 1767739 h 2404579"/>
                <a:gd name="connsiteX20" fmla="*/ 872889 w 1433148"/>
                <a:gd name="connsiteY20" fmla="*/ 1756441 h 2404579"/>
                <a:gd name="connsiteX21" fmla="*/ 865598 w 1433148"/>
                <a:gd name="connsiteY21" fmla="*/ 1884125 h 2404579"/>
                <a:gd name="connsiteX22" fmla="*/ 897715 w 1433148"/>
                <a:gd name="connsiteY22" fmla="*/ 2018272 h 2404579"/>
                <a:gd name="connsiteX23" fmla="*/ 955380 w 1433148"/>
                <a:gd name="connsiteY23" fmla="*/ 1791732 h 2404579"/>
                <a:gd name="connsiteX24" fmla="*/ 1223111 w 1433148"/>
                <a:gd name="connsiteY24" fmla="*/ 1734066 h 2404579"/>
                <a:gd name="connsiteX25" fmla="*/ 1385639 w 1433148"/>
                <a:gd name="connsiteY25" fmla="*/ 1816558 h 2404579"/>
                <a:gd name="connsiteX26" fmla="*/ 1410241 w 1433148"/>
                <a:gd name="connsiteY26" fmla="*/ 1944739 h 2404579"/>
                <a:gd name="connsiteX27" fmla="*/ 1427213 w 1433148"/>
                <a:gd name="connsiteY27" fmla="*/ 2191153 h 2404579"/>
                <a:gd name="connsiteX28" fmla="*/ 1302204 w 1433148"/>
                <a:gd name="connsiteY28" fmla="*/ 2404168 h 2404579"/>
                <a:gd name="connsiteX29" fmla="*/ 818443 w 1433148"/>
                <a:gd name="connsiteY29" fmla="*/ 2247587 h 2404579"/>
                <a:gd name="connsiteX30" fmla="*/ 593021 w 1433148"/>
                <a:gd name="connsiteY30" fmla="*/ 2079107 h 2404579"/>
                <a:gd name="connsiteX31" fmla="*/ 566100 w 1433148"/>
                <a:gd name="connsiteY31" fmla="*/ 1896292 h 2404579"/>
                <a:gd name="connsiteX32" fmla="*/ 391615 w 1433148"/>
                <a:gd name="connsiteY32" fmla="*/ 1539549 h 2404579"/>
                <a:gd name="connsiteX33" fmla="*/ 37140 w 1433148"/>
                <a:gd name="connsiteY33" fmla="*/ 1297845 h 2404579"/>
                <a:gd name="connsiteX0" fmla="*/ 37140 w 1433148"/>
                <a:gd name="connsiteY0" fmla="*/ 1297845 h 2404745"/>
                <a:gd name="connsiteX1" fmla="*/ 12147 w 1433148"/>
                <a:gd name="connsiteY1" fmla="*/ 214186 h 2404745"/>
                <a:gd name="connsiteX2" fmla="*/ 49216 w 1433148"/>
                <a:gd name="connsiteY2" fmla="*/ 0 h 2404745"/>
                <a:gd name="connsiteX3" fmla="*/ 197499 w 1433148"/>
                <a:gd name="connsiteY3" fmla="*/ 61785 h 2404745"/>
                <a:gd name="connsiteX4" fmla="*/ 304592 w 1433148"/>
                <a:gd name="connsiteY4" fmla="*/ 74142 h 2404745"/>
                <a:gd name="connsiteX5" fmla="*/ 432277 w 1433148"/>
                <a:gd name="connsiteY5" fmla="*/ 144163 h 2404745"/>
                <a:gd name="connsiteX6" fmla="*/ 662937 w 1433148"/>
                <a:gd name="connsiteY6" fmla="*/ 300682 h 2404745"/>
                <a:gd name="connsiteX7" fmla="*/ 710694 w 1433148"/>
                <a:gd name="connsiteY7" fmla="*/ 353775 h 2404745"/>
                <a:gd name="connsiteX8" fmla="*/ 782385 w 1433148"/>
                <a:gd name="connsiteY8" fmla="*/ 370703 h 2404745"/>
                <a:gd name="connsiteX9" fmla="*/ 963618 w 1433148"/>
                <a:gd name="connsiteY9" fmla="*/ 514867 h 2404745"/>
                <a:gd name="connsiteX10" fmla="*/ 1008926 w 1433148"/>
                <a:gd name="connsiteY10" fmla="*/ 576649 h 2404745"/>
                <a:gd name="connsiteX11" fmla="*/ 1025401 w 1433148"/>
                <a:gd name="connsiteY11" fmla="*/ 630196 h 2404745"/>
                <a:gd name="connsiteX12" fmla="*/ 1107779 w 1433148"/>
                <a:gd name="connsiteY12" fmla="*/ 737288 h 2404745"/>
                <a:gd name="connsiteX13" fmla="*/ 1186039 w 1433148"/>
                <a:gd name="connsiteY13" fmla="*/ 902045 h 2404745"/>
                <a:gd name="connsiteX14" fmla="*/ 1280775 w 1433148"/>
                <a:gd name="connsiteY14" fmla="*/ 1079159 h 2404745"/>
                <a:gd name="connsiteX15" fmla="*/ 1314559 w 1433148"/>
                <a:gd name="connsiteY15" fmla="*/ 1216252 h 2404745"/>
                <a:gd name="connsiteX16" fmla="*/ 1328535 w 1433148"/>
                <a:gd name="connsiteY16" fmla="*/ 1339211 h 2404745"/>
                <a:gd name="connsiteX17" fmla="*/ 1377229 w 1433148"/>
                <a:gd name="connsiteY17" fmla="*/ 1505457 h 2404745"/>
                <a:gd name="connsiteX18" fmla="*/ 1337269 w 1433148"/>
                <a:gd name="connsiteY18" fmla="*/ 1672892 h 2404745"/>
                <a:gd name="connsiteX19" fmla="*/ 1005753 w 1433148"/>
                <a:gd name="connsiteY19" fmla="*/ 1767739 h 2404745"/>
                <a:gd name="connsiteX20" fmla="*/ 872889 w 1433148"/>
                <a:gd name="connsiteY20" fmla="*/ 1756441 h 2404745"/>
                <a:gd name="connsiteX21" fmla="*/ 865598 w 1433148"/>
                <a:gd name="connsiteY21" fmla="*/ 1884125 h 2404745"/>
                <a:gd name="connsiteX22" fmla="*/ 897715 w 1433148"/>
                <a:gd name="connsiteY22" fmla="*/ 2018272 h 2404745"/>
                <a:gd name="connsiteX23" fmla="*/ 955380 w 1433148"/>
                <a:gd name="connsiteY23" fmla="*/ 1791732 h 2404745"/>
                <a:gd name="connsiteX24" fmla="*/ 1223111 w 1433148"/>
                <a:gd name="connsiteY24" fmla="*/ 1734066 h 2404745"/>
                <a:gd name="connsiteX25" fmla="*/ 1385639 w 1433148"/>
                <a:gd name="connsiteY25" fmla="*/ 1816558 h 2404745"/>
                <a:gd name="connsiteX26" fmla="*/ 1410241 w 1433148"/>
                <a:gd name="connsiteY26" fmla="*/ 1944739 h 2404745"/>
                <a:gd name="connsiteX27" fmla="*/ 1427213 w 1433148"/>
                <a:gd name="connsiteY27" fmla="*/ 2191153 h 2404745"/>
                <a:gd name="connsiteX28" fmla="*/ 1302204 w 1433148"/>
                <a:gd name="connsiteY28" fmla="*/ 2404168 h 2404745"/>
                <a:gd name="connsiteX29" fmla="*/ 818443 w 1433148"/>
                <a:gd name="connsiteY29" fmla="*/ 2247587 h 2404745"/>
                <a:gd name="connsiteX30" fmla="*/ 684855 w 1433148"/>
                <a:gd name="connsiteY30" fmla="*/ 2054618 h 2404745"/>
                <a:gd name="connsiteX31" fmla="*/ 566100 w 1433148"/>
                <a:gd name="connsiteY31" fmla="*/ 1896292 h 2404745"/>
                <a:gd name="connsiteX32" fmla="*/ 391615 w 1433148"/>
                <a:gd name="connsiteY32" fmla="*/ 1539549 h 2404745"/>
                <a:gd name="connsiteX33" fmla="*/ 37140 w 1433148"/>
                <a:gd name="connsiteY33" fmla="*/ 1297845 h 2404745"/>
                <a:gd name="connsiteX0" fmla="*/ 37140 w 1433148"/>
                <a:gd name="connsiteY0" fmla="*/ 1297845 h 2404745"/>
                <a:gd name="connsiteX1" fmla="*/ 12147 w 1433148"/>
                <a:gd name="connsiteY1" fmla="*/ 214186 h 2404745"/>
                <a:gd name="connsiteX2" fmla="*/ 49216 w 1433148"/>
                <a:gd name="connsiteY2" fmla="*/ 0 h 2404745"/>
                <a:gd name="connsiteX3" fmla="*/ 197499 w 1433148"/>
                <a:gd name="connsiteY3" fmla="*/ 61785 h 2404745"/>
                <a:gd name="connsiteX4" fmla="*/ 304592 w 1433148"/>
                <a:gd name="connsiteY4" fmla="*/ 74142 h 2404745"/>
                <a:gd name="connsiteX5" fmla="*/ 432277 w 1433148"/>
                <a:gd name="connsiteY5" fmla="*/ 144163 h 2404745"/>
                <a:gd name="connsiteX6" fmla="*/ 662937 w 1433148"/>
                <a:gd name="connsiteY6" fmla="*/ 300682 h 2404745"/>
                <a:gd name="connsiteX7" fmla="*/ 710694 w 1433148"/>
                <a:gd name="connsiteY7" fmla="*/ 353775 h 2404745"/>
                <a:gd name="connsiteX8" fmla="*/ 782385 w 1433148"/>
                <a:gd name="connsiteY8" fmla="*/ 370703 h 2404745"/>
                <a:gd name="connsiteX9" fmla="*/ 963618 w 1433148"/>
                <a:gd name="connsiteY9" fmla="*/ 514867 h 2404745"/>
                <a:gd name="connsiteX10" fmla="*/ 1008926 w 1433148"/>
                <a:gd name="connsiteY10" fmla="*/ 576649 h 2404745"/>
                <a:gd name="connsiteX11" fmla="*/ 1025401 w 1433148"/>
                <a:gd name="connsiteY11" fmla="*/ 630196 h 2404745"/>
                <a:gd name="connsiteX12" fmla="*/ 1107779 w 1433148"/>
                <a:gd name="connsiteY12" fmla="*/ 737288 h 2404745"/>
                <a:gd name="connsiteX13" fmla="*/ 1186039 w 1433148"/>
                <a:gd name="connsiteY13" fmla="*/ 902045 h 2404745"/>
                <a:gd name="connsiteX14" fmla="*/ 1280775 w 1433148"/>
                <a:gd name="connsiteY14" fmla="*/ 1079159 h 2404745"/>
                <a:gd name="connsiteX15" fmla="*/ 1314559 w 1433148"/>
                <a:gd name="connsiteY15" fmla="*/ 1216252 h 2404745"/>
                <a:gd name="connsiteX16" fmla="*/ 1328535 w 1433148"/>
                <a:gd name="connsiteY16" fmla="*/ 1339211 h 2404745"/>
                <a:gd name="connsiteX17" fmla="*/ 1377229 w 1433148"/>
                <a:gd name="connsiteY17" fmla="*/ 1505457 h 2404745"/>
                <a:gd name="connsiteX18" fmla="*/ 1337269 w 1433148"/>
                <a:gd name="connsiteY18" fmla="*/ 1672892 h 2404745"/>
                <a:gd name="connsiteX19" fmla="*/ 1005753 w 1433148"/>
                <a:gd name="connsiteY19" fmla="*/ 1767739 h 2404745"/>
                <a:gd name="connsiteX20" fmla="*/ 872889 w 1433148"/>
                <a:gd name="connsiteY20" fmla="*/ 1756441 h 2404745"/>
                <a:gd name="connsiteX21" fmla="*/ 865598 w 1433148"/>
                <a:gd name="connsiteY21" fmla="*/ 1884125 h 2404745"/>
                <a:gd name="connsiteX22" fmla="*/ 897715 w 1433148"/>
                <a:gd name="connsiteY22" fmla="*/ 2018272 h 2404745"/>
                <a:gd name="connsiteX23" fmla="*/ 955380 w 1433148"/>
                <a:gd name="connsiteY23" fmla="*/ 1791732 h 2404745"/>
                <a:gd name="connsiteX24" fmla="*/ 1223111 w 1433148"/>
                <a:gd name="connsiteY24" fmla="*/ 1734066 h 2404745"/>
                <a:gd name="connsiteX25" fmla="*/ 1385639 w 1433148"/>
                <a:gd name="connsiteY25" fmla="*/ 1816558 h 2404745"/>
                <a:gd name="connsiteX26" fmla="*/ 1410241 w 1433148"/>
                <a:gd name="connsiteY26" fmla="*/ 1944739 h 2404745"/>
                <a:gd name="connsiteX27" fmla="*/ 1427213 w 1433148"/>
                <a:gd name="connsiteY27" fmla="*/ 2191153 h 2404745"/>
                <a:gd name="connsiteX28" fmla="*/ 1302204 w 1433148"/>
                <a:gd name="connsiteY28" fmla="*/ 2404168 h 2404745"/>
                <a:gd name="connsiteX29" fmla="*/ 818443 w 1433148"/>
                <a:gd name="connsiteY29" fmla="*/ 2247587 h 2404745"/>
                <a:gd name="connsiteX30" fmla="*/ 684855 w 1433148"/>
                <a:gd name="connsiteY30" fmla="*/ 2054618 h 2404745"/>
                <a:gd name="connsiteX31" fmla="*/ 578345 w 1433148"/>
                <a:gd name="connsiteY31" fmla="*/ 1792213 h 2404745"/>
                <a:gd name="connsiteX32" fmla="*/ 391615 w 1433148"/>
                <a:gd name="connsiteY32" fmla="*/ 1539549 h 2404745"/>
                <a:gd name="connsiteX33" fmla="*/ 37140 w 1433148"/>
                <a:gd name="connsiteY33" fmla="*/ 1297845 h 2404745"/>
                <a:gd name="connsiteX0" fmla="*/ 37140 w 1433148"/>
                <a:gd name="connsiteY0" fmla="*/ 1297845 h 2404665"/>
                <a:gd name="connsiteX1" fmla="*/ 12147 w 1433148"/>
                <a:gd name="connsiteY1" fmla="*/ 214186 h 2404665"/>
                <a:gd name="connsiteX2" fmla="*/ 49216 w 1433148"/>
                <a:gd name="connsiteY2" fmla="*/ 0 h 2404665"/>
                <a:gd name="connsiteX3" fmla="*/ 197499 w 1433148"/>
                <a:gd name="connsiteY3" fmla="*/ 61785 h 2404665"/>
                <a:gd name="connsiteX4" fmla="*/ 304592 w 1433148"/>
                <a:gd name="connsiteY4" fmla="*/ 74142 h 2404665"/>
                <a:gd name="connsiteX5" fmla="*/ 432277 w 1433148"/>
                <a:gd name="connsiteY5" fmla="*/ 144163 h 2404665"/>
                <a:gd name="connsiteX6" fmla="*/ 662937 w 1433148"/>
                <a:gd name="connsiteY6" fmla="*/ 300682 h 2404665"/>
                <a:gd name="connsiteX7" fmla="*/ 710694 w 1433148"/>
                <a:gd name="connsiteY7" fmla="*/ 353775 h 2404665"/>
                <a:gd name="connsiteX8" fmla="*/ 782385 w 1433148"/>
                <a:gd name="connsiteY8" fmla="*/ 370703 h 2404665"/>
                <a:gd name="connsiteX9" fmla="*/ 963618 w 1433148"/>
                <a:gd name="connsiteY9" fmla="*/ 514867 h 2404665"/>
                <a:gd name="connsiteX10" fmla="*/ 1008926 w 1433148"/>
                <a:gd name="connsiteY10" fmla="*/ 576649 h 2404665"/>
                <a:gd name="connsiteX11" fmla="*/ 1025401 w 1433148"/>
                <a:gd name="connsiteY11" fmla="*/ 630196 h 2404665"/>
                <a:gd name="connsiteX12" fmla="*/ 1107779 w 1433148"/>
                <a:gd name="connsiteY12" fmla="*/ 737288 h 2404665"/>
                <a:gd name="connsiteX13" fmla="*/ 1186039 w 1433148"/>
                <a:gd name="connsiteY13" fmla="*/ 902045 h 2404665"/>
                <a:gd name="connsiteX14" fmla="*/ 1280775 w 1433148"/>
                <a:gd name="connsiteY14" fmla="*/ 1079159 h 2404665"/>
                <a:gd name="connsiteX15" fmla="*/ 1314559 w 1433148"/>
                <a:gd name="connsiteY15" fmla="*/ 1216252 h 2404665"/>
                <a:gd name="connsiteX16" fmla="*/ 1328535 w 1433148"/>
                <a:gd name="connsiteY16" fmla="*/ 1339211 h 2404665"/>
                <a:gd name="connsiteX17" fmla="*/ 1377229 w 1433148"/>
                <a:gd name="connsiteY17" fmla="*/ 1505457 h 2404665"/>
                <a:gd name="connsiteX18" fmla="*/ 1337269 w 1433148"/>
                <a:gd name="connsiteY18" fmla="*/ 1672892 h 2404665"/>
                <a:gd name="connsiteX19" fmla="*/ 1005753 w 1433148"/>
                <a:gd name="connsiteY19" fmla="*/ 1767739 h 2404665"/>
                <a:gd name="connsiteX20" fmla="*/ 872889 w 1433148"/>
                <a:gd name="connsiteY20" fmla="*/ 1756441 h 2404665"/>
                <a:gd name="connsiteX21" fmla="*/ 865598 w 1433148"/>
                <a:gd name="connsiteY21" fmla="*/ 1884125 h 2404665"/>
                <a:gd name="connsiteX22" fmla="*/ 897715 w 1433148"/>
                <a:gd name="connsiteY22" fmla="*/ 2018272 h 2404665"/>
                <a:gd name="connsiteX23" fmla="*/ 955380 w 1433148"/>
                <a:gd name="connsiteY23" fmla="*/ 1791732 h 2404665"/>
                <a:gd name="connsiteX24" fmla="*/ 1223111 w 1433148"/>
                <a:gd name="connsiteY24" fmla="*/ 1734066 h 2404665"/>
                <a:gd name="connsiteX25" fmla="*/ 1385639 w 1433148"/>
                <a:gd name="connsiteY25" fmla="*/ 1816558 h 2404665"/>
                <a:gd name="connsiteX26" fmla="*/ 1410241 w 1433148"/>
                <a:gd name="connsiteY26" fmla="*/ 1944739 h 2404665"/>
                <a:gd name="connsiteX27" fmla="*/ 1427213 w 1433148"/>
                <a:gd name="connsiteY27" fmla="*/ 2191153 h 2404665"/>
                <a:gd name="connsiteX28" fmla="*/ 1302204 w 1433148"/>
                <a:gd name="connsiteY28" fmla="*/ 2404168 h 2404665"/>
                <a:gd name="connsiteX29" fmla="*/ 818443 w 1433148"/>
                <a:gd name="connsiteY29" fmla="*/ 2247587 h 2404665"/>
                <a:gd name="connsiteX30" fmla="*/ 629755 w 1433148"/>
                <a:gd name="connsiteY30" fmla="*/ 2167880 h 2404665"/>
                <a:gd name="connsiteX31" fmla="*/ 578345 w 1433148"/>
                <a:gd name="connsiteY31" fmla="*/ 1792213 h 2404665"/>
                <a:gd name="connsiteX32" fmla="*/ 391615 w 1433148"/>
                <a:gd name="connsiteY32" fmla="*/ 1539549 h 2404665"/>
                <a:gd name="connsiteX33" fmla="*/ 37140 w 1433148"/>
                <a:gd name="connsiteY33" fmla="*/ 1297845 h 2404665"/>
                <a:gd name="connsiteX0" fmla="*/ 37140 w 1433148"/>
                <a:gd name="connsiteY0" fmla="*/ 1297845 h 2404665"/>
                <a:gd name="connsiteX1" fmla="*/ 12147 w 1433148"/>
                <a:gd name="connsiteY1" fmla="*/ 214186 h 2404665"/>
                <a:gd name="connsiteX2" fmla="*/ 49216 w 1433148"/>
                <a:gd name="connsiteY2" fmla="*/ 0 h 2404665"/>
                <a:gd name="connsiteX3" fmla="*/ 197499 w 1433148"/>
                <a:gd name="connsiteY3" fmla="*/ 61785 h 2404665"/>
                <a:gd name="connsiteX4" fmla="*/ 304592 w 1433148"/>
                <a:gd name="connsiteY4" fmla="*/ 74142 h 2404665"/>
                <a:gd name="connsiteX5" fmla="*/ 432277 w 1433148"/>
                <a:gd name="connsiteY5" fmla="*/ 144163 h 2404665"/>
                <a:gd name="connsiteX6" fmla="*/ 662937 w 1433148"/>
                <a:gd name="connsiteY6" fmla="*/ 300682 h 2404665"/>
                <a:gd name="connsiteX7" fmla="*/ 710694 w 1433148"/>
                <a:gd name="connsiteY7" fmla="*/ 353775 h 2404665"/>
                <a:gd name="connsiteX8" fmla="*/ 782385 w 1433148"/>
                <a:gd name="connsiteY8" fmla="*/ 370703 h 2404665"/>
                <a:gd name="connsiteX9" fmla="*/ 963618 w 1433148"/>
                <a:gd name="connsiteY9" fmla="*/ 514867 h 2404665"/>
                <a:gd name="connsiteX10" fmla="*/ 1008926 w 1433148"/>
                <a:gd name="connsiteY10" fmla="*/ 576649 h 2404665"/>
                <a:gd name="connsiteX11" fmla="*/ 1025401 w 1433148"/>
                <a:gd name="connsiteY11" fmla="*/ 630196 h 2404665"/>
                <a:gd name="connsiteX12" fmla="*/ 1107779 w 1433148"/>
                <a:gd name="connsiteY12" fmla="*/ 737288 h 2404665"/>
                <a:gd name="connsiteX13" fmla="*/ 1186039 w 1433148"/>
                <a:gd name="connsiteY13" fmla="*/ 902045 h 2404665"/>
                <a:gd name="connsiteX14" fmla="*/ 1280775 w 1433148"/>
                <a:gd name="connsiteY14" fmla="*/ 1079159 h 2404665"/>
                <a:gd name="connsiteX15" fmla="*/ 1314559 w 1433148"/>
                <a:gd name="connsiteY15" fmla="*/ 1216252 h 2404665"/>
                <a:gd name="connsiteX16" fmla="*/ 1328535 w 1433148"/>
                <a:gd name="connsiteY16" fmla="*/ 1339211 h 2404665"/>
                <a:gd name="connsiteX17" fmla="*/ 1377229 w 1433148"/>
                <a:gd name="connsiteY17" fmla="*/ 1505457 h 2404665"/>
                <a:gd name="connsiteX18" fmla="*/ 1337269 w 1433148"/>
                <a:gd name="connsiteY18" fmla="*/ 1672892 h 2404665"/>
                <a:gd name="connsiteX19" fmla="*/ 1005753 w 1433148"/>
                <a:gd name="connsiteY19" fmla="*/ 1767739 h 2404665"/>
                <a:gd name="connsiteX20" fmla="*/ 872889 w 1433148"/>
                <a:gd name="connsiteY20" fmla="*/ 1756441 h 2404665"/>
                <a:gd name="connsiteX21" fmla="*/ 865598 w 1433148"/>
                <a:gd name="connsiteY21" fmla="*/ 1884125 h 2404665"/>
                <a:gd name="connsiteX22" fmla="*/ 897715 w 1433148"/>
                <a:gd name="connsiteY22" fmla="*/ 2018272 h 2404665"/>
                <a:gd name="connsiteX23" fmla="*/ 955380 w 1433148"/>
                <a:gd name="connsiteY23" fmla="*/ 1791732 h 2404665"/>
                <a:gd name="connsiteX24" fmla="*/ 1223111 w 1433148"/>
                <a:gd name="connsiteY24" fmla="*/ 1734066 h 2404665"/>
                <a:gd name="connsiteX25" fmla="*/ 1385639 w 1433148"/>
                <a:gd name="connsiteY25" fmla="*/ 1816558 h 2404665"/>
                <a:gd name="connsiteX26" fmla="*/ 1410241 w 1433148"/>
                <a:gd name="connsiteY26" fmla="*/ 1944739 h 2404665"/>
                <a:gd name="connsiteX27" fmla="*/ 1427213 w 1433148"/>
                <a:gd name="connsiteY27" fmla="*/ 2191153 h 2404665"/>
                <a:gd name="connsiteX28" fmla="*/ 1302204 w 1433148"/>
                <a:gd name="connsiteY28" fmla="*/ 2404168 h 2404665"/>
                <a:gd name="connsiteX29" fmla="*/ 818443 w 1433148"/>
                <a:gd name="connsiteY29" fmla="*/ 2247587 h 2404665"/>
                <a:gd name="connsiteX30" fmla="*/ 629755 w 1433148"/>
                <a:gd name="connsiteY30" fmla="*/ 2167880 h 2404665"/>
                <a:gd name="connsiteX31" fmla="*/ 507939 w 1433148"/>
                <a:gd name="connsiteY31" fmla="*/ 1825885 h 2404665"/>
                <a:gd name="connsiteX32" fmla="*/ 391615 w 1433148"/>
                <a:gd name="connsiteY32" fmla="*/ 1539549 h 2404665"/>
                <a:gd name="connsiteX33" fmla="*/ 37140 w 1433148"/>
                <a:gd name="connsiteY33" fmla="*/ 1297845 h 2404665"/>
                <a:gd name="connsiteX0" fmla="*/ 37140 w 1433148"/>
                <a:gd name="connsiteY0" fmla="*/ 1297845 h 2404665"/>
                <a:gd name="connsiteX1" fmla="*/ 12147 w 1433148"/>
                <a:gd name="connsiteY1" fmla="*/ 214186 h 2404665"/>
                <a:gd name="connsiteX2" fmla="*/ 49216 w 1433148"/>
                <a:gd name="connsiteY2" fmla="*/ 0 h 2404665"/>
                <a:gd name="connsiteX3" fmla="*/ 197499 w 1433148"/>
                <a:gd name="connsiteY3" fmla="*/ 61785 h 2404665"/>
                <a:gd name="connsiteX4" fmla="*/ 304592 w 1433148"/>
                <a:gd name="connsiteY4" fmla="*/ 74142 h 2404665"/>
                <a:gd name="connsiteX5" fmla="*/ 432277 w 1433148"/>
                <a:gd name="connsiteY5" fmla="*/ 144163 h 2404665"/>
                <a:gd name="connsiteX6" fmla="*/ 662937 w 1433148"/>
                <a:gd name="connsiteY6" fmla="*/ 300682 h 2404665"/>
                <a:gd name="connsiteX7" fmla="*/ 710694 w 1433148"/>
                <a:gd name="connsiteY7" fmla="*/ 353775 h 2404665"/>
                <a:gd name="connsiteX8" fmla="*/ 782385 w 1433148"/>
                <a:gd name="connsiteY8" fmla="*/ 370703 h 2404665"/>
                <a:gd name="connsiteX9" fmla="*/ 963618 w 1433148"/>
                <a:gd name="connsiteY9" fmla="*/ 514867 h 2404665"/>
                <a:gd name="connsiteX10" fmla="*/ 1008926 w 1433148"/>
                <a:gd name="connsiteY10" fmla="*/ 576649 h 2404665"/>
                <a:gd name="connsiteX11" fmla="*/ 1025401 w 1433148"/>
                <a:gd name="connsiteY11" fmla="*/ 630196 h 2404665"/>
                <a:gd name="connsiteX12" fmla="*/ 1107779 w 1433148"/>
                <a:gd name="connsiteY12" fmla="*/ 737288 h 2404665"/>
                <a:gd name="connsiteX13" fmla="*/ 1186039 w 1433148"/>
                <a:gd name="connsiteY13" fmla="*/ 902045 h 2404665"/>
                <a:gd name="connsiteX14" fmla="*/ 1280775 w 1433148"/>
                <a:gd name="connsiteY14" fmla="*/ 1079159 h 2404665"/>
                <a:gd name="connsiteX15" fmla="*/ 1314559 w 1433148"/>
                <a:gd name="connsiteY15" fmla="*/ 1216252 h 2404665"/>
                <a:gd name="connsiteX16" fmla="*/ 1328535 w 1433148"/>
                <a:gd name="connsiteY16" fmla="*/ 1339211 h 2404665"/>
                <a:gd name="connsiteX17" fmla="*/ 1377229 w 1433148"/>
                <a:gd name="connsiteY17" fmla="*/ 1505457 h 2404665"/>
                <a:gd name="connsiteX18" fmla="*/ 1337269 w 1433148"/>
                <a:gd name="connsiteY18" fmla="*/ 1672892 h 2404665"/>
                <a:gd name="connsiteX19" fmla="*/ 1005753 w 1433148"/>
                <a:gd name="connsiteY19" fmla="*/ 1767739 h 2404665"/>
                <a:gd name="connsiteX20" fmla="*/ 872889 w 1433148"/>
                <a:gd name="connsiteY20" fmla="*/ 1756441 h 2404665"/>
                <a:gd name="connsiteX21" fmla="*/ 865598 w 1433148"/>
                <a:gd name="connsiteY21" fmla="*/ 1884125 h 2404665"/>
                <a:gd name="connsiteX22" fmla="*/ 897715 w 1433148"/>
                <a:gd name="connsiteY22" fmla="*/ 2018272 h 2404665"/>
                <a:gd name="connsiteX23" fmla="*/ 955380 w 1433148"/>
                <a:gd name="connsiteY23" fmla="*/ 1791732 h 2404665"/>
                <a:gd name="connsiteX24" fmla="*/ 1223111 w 1433148"/>
                <a:gd name="connsiteY24" fmla="*/ 1734066 h 2404665"/>
                <a:gd name="connsiteX25" fmla="*/ 1385639 w 1433148"/>
                <a:gd name="connsiteY25" fmla="*/ 1816558 h 2404665"/>
                <a:gd name="connsiteX26" fmla="*/ 1410241 w 1433148"/>
                <a:gd name="connsiteY26" fmla="*/ 1944739 h 2404665"/>
                <a:gd name="connsiteX27" fmla="*/ 1427213 w 1433148"/>
                <a:gd name="connsiteY27" fmla="*/ 2191153 h 2404665"/>
                <a:gd name="connsiteX28" fmla="*/ 1302204 w 1433148"/>
                <a:gd name="connsiteY28" fmla="*/ 2404168 h 2404665"/>
                <a:gd name="connsiteX29" fmla="*/ 818443 w 1433148"/>
                <a:gd name="connsiteY29" fmla="*/ 2247587 h 2404665"/>
                <a:gd name="connsiteX30" fmla="*/ 629755 w 1433148"/>
                <a:gd name="connsiteY30" fmla="*/ 2167880 h 2404665"/>
                <a:gd name="connsiteX31" fmla="*/ 568530 w 1433148"/>
                <a:gd name="connsiteY31" fmla="*/ 2045435 h 2404665"/>
                <a:gd name="connsiteX32" fmla="*/ 507939 w 1433148"/>
                <a:gd name="connsiteY32" fmla="*/ 1825885 h 2404665"/>
                <a:gd name="connsiteX33" fmla="*/ 391615 w 1433148"/>
                <a:gd name="connsiteY33" fmla="*/ 1539549 h 2404665"/>
                <a:gd name="connsiteX34" fmla="*/ 37140 w 1433148"/>
                <a:gd name="connsiteY34" fmla="*/ 1297845 h 2404665"/>
                <a:gd name="connsiteX0" fmla="*/ 34913 w 1430921"/>
                <a:gd name="connsiteY0" fmla="*/ 1297845 h 2404665"/>
                <a:gd name="connsiteX1" fmla="*/ 9920 w 1430921"/>
                <a:gd name="connsiteY1" fmla="*/ 214186 h 2404665"/>
                <a:gd name="connsiteX2" fmla="*/ 46989 w 1430921"/>
                <a:gd name="connsiteY2" fmla="*/ 0 h 2404665"/>
                <a:gd name="connsiteX3" fmla="*/ 195272 w 1430921"/>
                <a:gd name="connsiteY3" fmla="*/ 61785 h 2404665"/>
                <a:gd name="connsiteX4" fmla="*/ 302365 w 1430921"/>
                <a:gd name="connsiteY4" fmla="*/ 74142 h 2404665"/>
                <a:gd name="connsiteX5" fmla="*/ 430050 w 1430921"/>
                <a:gd name="connsiteY5" fmla="*/ 144163 h 2404665"/>
                <a:gd name="connsiteX6" fmla="*/ 660710 w 1430921"/>
                <a:gd name="connsiteY6" fmla="*/ 300682 h 2404665"/>
                <a:gd name="connsiteX7" fmla="*/ 708467 w 1430921"/>
                <a:gd name="connsiteY7" fmla="*/ 353775 h 2404665"/>
                <a:gd name="connsiteX8" fmla="*/ 780158 w 1430921"/>
                <a:gd name="connsiteY8" fmla="*/ 370703 h 2404665"/>
                <a:gd name="connsiteX9" fmla="*/ 961391 w 1430921"/>
                <a:gd name="connsiteY9" fmla="*/ 514867 h 2404665"/>
                <a:gd name="connsiteX10" fmla="*/ 1006699 w 1430921"/>
                <a:gd name="connsiteY10" fmla="*/ 576649 h 2404665"/>
                <a:gd name="connsiteX11" fmla="*/ 1023174 w 1430921"/>
                <a:gd name="connsiteY11" fmla="*/ 630196 h 2404665"/>
                <a:gd name="connsiteX12" fmla="*/ 1105552 w 1430921"/>
                <a:gd name="connsiteY12" fmla="*/ 737288 h 2404665"/>
                <a:gd name="connsiteX13" fmla="*/ 1183812 w 1430921"/>
                <a:gd name="connsiteY13" fmla="*/ 902045 h 2404665"/>
                <a:gd name="connsiteX14" fmla="*/ 1278548 w 1430921"/>
                <a:gd name="connsiteY14" fmla="*/ 1079159 h 2404665"/>
                <a:gd name="connsiteX15" fmla="*/ 1312332 w 1430921"/>
                <a:gd name="connsiteY15" fmla="*/ 1216252 h 2404665"/>
                <a:gd name="connsiteX16" fmla="*/ 1326308 w 1430921"/>
                <a:gd name="connsiteY16" fmla="*/ 1339211 h 2404665"/>
                <a:gd name="connsiteX17" fmla="*/ 1375002 w 1430921"/>
                <a:gd name="connsiteY17" fmla="*/ 1505457 h 2404665"/>
                <a:gd name="connsiteX18" fmla="*/ 1335042 w 1430921"/>
                <a:gd name="connsiteY18" fmla="*/ 1672892 h 2404665"/>
                <a:gd name="connsiteX19" fmla="*/ 1003526 w 1430921"/>
                <a:gd name="connsiteY19" fmla="*/ 1767739 h 2404665"/>
                <a:gd name="connsiteX20" fmla="*/ 870662 w 1430921"/>
                <a:gd name="connsiteY20" fmla="*/ 1756441 h 2404665"/>
                <a:gd name="connsiteX21" fmla="*/ 863371 w 1430921"/>
                <a:gd name="connsiteY21" fmla="*/ 1884125 h 2404665"/>
                <a:gd name="connsiteX22" fmla="*/ 895488 w 1430921"/>
                <a:gd name="connsiteY22" fmla="*/ 2018272 h 2404665"/>
                <a:gd name="connsiteX23" fmla="*/ 953153 w 1430921"/>
                <a:gd name="connsiteY23" fmla="*/ 1791732 h 2404665"/>
                <a:gd name="connsiteX24" fmla="*/ 1220884 w 1430921"/>
                <a:gd name="connsiteY24" fmla="*/ 1734066 h 2404665"/>
                <a:gd name="connsiteX25" fmla="*/ 1383412 w 1430921"/>
                <a:gd name="connsiteY25" fmla="*/ 1816558 h 2404665"/>
                <a:gd name="connsiteX26" fmla="*/ 1408014 w 1430921"/>
                <a:gd name="connsiteY26" fmla="*/ 1944739 h 2404665"/>
                <a:gd name="connsiteX27" fmla="*/ 1424986 w 1430921"/>
                <a:gd name="connsiteY27" fmla="*/ 2191153 h 2404665"/>
                <a:gd name="connsiteX28" fmla="*/ 1299977 w 1430921"/>
                <a:gd name="connsiteY28" fmla="*/ 2404168 h 2404665"/>
                <a:gd name="connsiteX29" fmla="*/ 816216 w 1430921"/>
                <a:gd name="connsiteY29" fmla="*/ 2247587 h 2404665"/>
                <a:gd name="connsiteX30" fmla="*/ 627528 w 1430921"/>
                <a:gd name="connsiteY30" fmla="*/ 2167880 h 2404665"/>
                <a:gd name="connsiteX31" fmla="*/ 566303 w 1430921"/>
                <a:gd name="connsiteY31" fmla="*/ 2045435 h 2404665"/>
                <a:gd name="connsiteX32" fmla="*/ 505712 w 1430921"/>
                <a:gd name="connsiteY32" fmla="*/ 1825885 h 2404665"/>
                <a:gd name="connsiteX33" fmla="*/ 355716 w 1430921"/>
                <a:gd name="connsiteY33" fmla="*/ 1573221 h 2404665"/>
                <a:gd name="connsiteX34" fmla="*/ 34913 w 1430921"/>
                <a:gd name="connsiteY34" fmla="*/ 1297845 h 2404665"/>
                <a:gd name="connsiteX0" fmla="*/ 34913 w 1430921"/>
                <a:gd name="connsiteY0" fmla="*/ 1297845 h 2404665"/>
                <a:gd name="connsiteX1" fmla="*/ 9920 w 1430921"/>
                <a:gd name="connsiteY1" fmla="*/ 214186 h 2404665"/>
                <a:gd name="connsiteX2" fmla="*/ 46989 w 1430921"/>
                <a:gd name="connsiteY2" fmla="*/ 0 h 2404665"/>
                <a:gd name="connsiteX3" fmla="*/ 195272 w 1430921"/>
                <a:gd name="connsiteY3" fmla="*/ 61785 h 2404665"/>
                <a:gd name="connsiteX4" fmla="*/ 302365 w 1430921"/>
                <a:gd name="connsiteY4" fmla="*/ 74142 h 2404665"/>
                <a:gd name="connsiteX5" fmla="*/ 430050 w 1430921"/>
                <a:gd name="connsiteY5" fmla="*/ 144163 h 2404665"/>
                <a:gd name="connsiteX6" fmla="*/ 660710 w 1430921"/>
                <a:gd name="connsiteY6" fmla="*/ 300682 h 2404665"/>
                <a:gd name="connsiteX7" fmla="*/ 708467 w 1430921"/>
                <a:gd name="connsiteY7" fmla="*/ 353775 h 2404665"/>
                <a:gd name="connsiteX8" fmla="*/ 780158 w 1430921"/>
                <a:gd name="connsiteY8" fmla="*/ 370703 h 2404665"/>
                <a:gd name="connsiteX9" fmla="*/ 961391 w 1430921"/>
                <a:gd name="connsiteY9" fmla="*/ 514867 h 2404665"/>
                <a:gd name="connsiteX10" fmla="*/ 1006699 w 1430921"/>
                <a:gd name="connsiteY10" fmla="*/ 576649 h 2404665"/>
                <a:gd name="connsiteX11" fmla="*/ 1023174 w 1430921"/>
                <a:gd name="connsiteY11" fmla="*/ 630196 h 2404665"/>
                <a:gd name="connsiteX12" fmla="*/ 1105552 w 1430921"/>
                <a:gd name="connsiteY12" fmla="*/ 737288 h 2404665"/>
                <a:gd name="connsiteX13" fmla="*/ 1183812 w 1430921"/>
                <a:gd name="connsiteY13" fmla="*/ 902045 h 2404665"/>
                <a:gd name="connsiteX14" fmla="*/ 1278548 w 1430921"/>
                <a:gd name="connsiteY14" fmla="*/ 1079159 h 2404665"/>
                <a:gd name="connsiteX15" fmla="*/ 1312332 w 1430921"/>
                <a:gd name="connsiteY15" fmla="*/ 1216252 h 2404665"/>
                <a:gd name="connsiteX16" fmla="*/ 1326308 w 1430921"/>
                <a:gd name="connsiteY16" fmla="*/ 1339211 h 2404665"/>
                <a:gd name="connsiteX17" fmla="*/ 1375002 w 1430921"/>
                <a:gd name="connsiteY17" fmla="*/ 1505457 h 2404665"/>
                <a:gd name="connsiteX18" fmla="*/ 1335042 w 1430921"/>
                <a:gd name="connsiteY18" fmla="*/ 1672892 h 2404665"/>
                <a:gd name="connsiteX19" fmla="*/ 1003526 w 1430921"/>
                <a:gd name="connsiteY19" fmla="*/ 1767739 h 2404665"/>
                <a:gd name="connsiteX20" fmla="*/ 870662 w 1430921"/>
                <a:gd name="connsiteY20" fmla="*/ 1756441 h 2404665"/>
                <a:gd name="connsiteX21" fmla="*/ 863371 w 1430921"/>
                <a:gd name="connsiteY21" fmla="*/ 1884125 h 2404665"/>
                <a:gd name="connsiteX22" fmla="*/ 895488 w 1430921"/>
                <a:gd name="connsiteY22" fmla="*/ 2018272 h 2404665"/>
                <a:gd name="connsiteX23" fmla="*/ 953153 w 1430921"/>
                <a:gd name="connsiteY23" fmla="*/ 1791732 h 2404665"/>
                <a:gd name="connsiteX24" fmla="*/ 1220884 w 1430921"/>
                <a:gd name="connsiteY24" fmla="*/ 1734066 h 2404665"/>
                <a:gd name="connsiteX25" fmla="*/ 1383412 w 1430921"/>
                <a:gd name="connsiteY25" fmla="*/ 1816558 h 2404665"/>
                <a:gd name="connsiteX26" fmla="*/ 1408014 w 1430921"/>
                <a:gd name="connsiteY26" fmla="*/ 1944739 h 2404665"/>
                <a:gd name="connsiteX27" fmla="*/ 1424986 w 1430921"/>
                <a:gd name="connsiteY27" fmla="*/ 2191153 h 2404665"/>
                <a:gd name="connsiteX28" fmla="*/ 1299977 w 1430921"/>
                <a:gd name="connsiteY28" fmla="*/ 2404168 h 2404665"/>
                <a:gd name="connsiteX29" fmla="*/ 816216 w 1430921"/>
                <a:gd name="connsiteY29" fmla="*/ 2247587 h 2404665"/>
                <a:gd name="connsiteX30" fmla="*/ 627528 w 1430921"/>
                <a:gd name="connsiteY30" fmla="*/ 2167880 h 2404665"/>
                <a:gd name="connsiteX31" fmla="*/ 566303 w 1430921"/>
                <a:gd name="connsiteY31" fmla="*/ 2045435 h 2404665"/>
                <a:gd name="connsiteX32" fmla="*/ 502651 w 1430921"/>
                <a:gd name="connsiteY32" fmla="*/ 1813641 h 2404665"/>
                <a:gd name="connsiteX33" fmla="*/ 355716 w 1430921"/>
                <a:gd name="connsiteY33" fmla="*/ 1573221 h 2404665"/>
                <a:gd name="connsiteX34" fmla="*/ 34913 w 1430921"/>
                <a:gd name="connsiteY34" fmla="*/ 1297845 h 2404665"/>
                <a:gd name="connsiteX0" fmla="*/ 35513 w 1431521"/>
                <a:gd name="connsiteY0" fmla="*/ 1297845 h 2404665"/>
                <a:gd name="connsiteX1" fmla="*/ 10520 w 1431521"/>
                <a:gd name="connsiteY1" fmla="*/ 214186 h 2404665"/>
                <a:gd name="connsiteX2" fmla="*/ 47589 w 1431521"/>
                <a:gd name="connsiteY2" fmla="*/ 0 h 2404665"/>
                <a:gd name="connsiteX3" fmla="*/ 195872 w 1431521"/>
                <a:gd name="connsiteY3" fmla="*/ 61785 h 2404665"/>
                <a:gd name="connsiteX4" fmla="*/ 302965 w 1431521"/>
                <a:gd name="connsiteY4" fmla="*/ 74142 h 2404665"/>
                <a:gd name="connsiteX5" fmla="*/ 430650 w 1431521"/>
                <a:gd name="connsiteY5" fmla="*/ 144163 h 2404665"/>
                <a:gd name="connsiteX6" fmla="*/ 661310 w 1431521"/>
                <a:gd name="connsiteY6" fmla="*/ 300682 h 2404665"/>
                <a:gd name="connsiteX7" fmla="*/ 709067 w 1431521"/>
                <a:gd name="connsiteY7" fmla="*/ 353775 h 2404665"/>
                <a:gd name="connsiteX8" fmla="*/ 780758 w 1431521"/>
                <a:gd name="connsiteY8" fmla="*/ 370703 h 2404665"/>
                <a:gd name="connsiteX9" fmla="*/ 961991 w 1431521"/>
                <a:gd name="connsiteY9" fmla="*/ 514867 h 2404665"/>
                <a:gd name="connsiteX10" fmla="*/ 1007299 w 1431521"/>
                <a:gd name="connsiteY10" fmla="*/ 576649 h 2404665"/>
                <a:gd name="connsiteX11" fmla="*/ 1023774 w 1431521"/>
                <a:gd name="connsiteY11" fmla="*/ 630196 h 2404665"/>
                <a:gd name="connsiteX12" fmla="*/ 1106152 w 1431521"/>
                <a:gd name="connsiteY12" fmla="*/ 737288 h 2404665"/>
                <a:gd name="connsiteX13" fmla="*/ 1184412 w 1431521"/>
                <a:gd name="connsiteY13" fmla="*/ 902045 h 2404665"/>
                <a:gd name="connsiteX14" fmla="*/ 1279148 w 1431521"/>
                <a:gd name="connsiteY14" fmla="*/ 1079159 h 2404665"/>
                <a:gd name="connsiteX15" fmla="*/ 1312932 w 1431521"/>
                <a:gd name="connsiteY15" fmla="*/ 1216252 h 2404665"/>
                <a:gd name="connsiteX16" fmla="*/ 1326908 w 1431521"/>
                <a:gd name="connsiteY16" fmla="*/ 1339211 h 2404665"/>
                <a:gd name="connsiteX17" fmla="*/ 1375602 w 1431521"/>
                <a:gd name="connsiteY17" fmla="*/ 1505457 h 2404665"/>
                <a:gd name="connsiteX18" fmla="*/ 1335642 w 1431521"/>
                <a:gd name="connsiteY18" fmla="*/ 1672892 h 2404665"/>
                <a:gd name="connsiteX19" fmla="*/ 1004126 w 1431521"/>
                <a:gd name="connsiteY19" fmla="*/ 1767739 h 2404665"/>
                <a:gd name="connsiteX20" fmla="*/ 871262 w 1431521"/>
                <a:gd name="connsiteY20" fmla="*/ 1756441 h 2404665"/>
                <a:gd name="connsiteX21" fmla="*/ 863971 w 1431521"/>
                <a:gd name="connsiteY21" fmla="*/ 1884125 h 2404665"/>
                <a:gd name="connsiteX22" fmla="*/ 896088 w 1431521"/>
                <a:gd name="connsiteY22" fmla="*/ 2018272 h 2404665"/>
                <a:gd name="connsiteX23" fmla="*/ 953753 w 1431521"/>
                <a:gd name="connsiteY23" fmla="*/ 1791732 h 2404665"/>
                <a:gd name="connsiteX24" fmla="*/ 1221484 w 1431521"/>
                <a:gd name="connsiteY24" fmla="*/ 1734066 h 2404665"/>
                <a:gd name="connsiteX25" fmla="*/ 1384012 w 1431521"/>
                <a:gd name="connsiteY25" fmla="*/ 1816558 h 2404665"/>
                <a:gd name="connsiteX26" fmla="*/ 1408614 w 1431521"/>
                <a:gd name="connsiteY26" fmla="*/ 1944739 h 2404665"/>
                <a:gd name="connsiteX27" fmla="*/ 1425586 w 1431521"/>
                <a:gd name="connsiteY27" fmla="*/ 2191153 h 2404665"/>
                <a:gd name="connsiteX28" fmla="*/ 1300577 w 1431521"/>
                <a:gd name="connsiteY28" fmla="*/ 2404168 h 2404665"/>
                <a:gd name="connsiteX29" fmla="*/ 816816 w 1431521"/>
                <a:gd name="connsiteY29" fmla="*/ 2247587 h 2404665"/>
                <a:gd name="connsiteX30" fmla="*/ 628128 w 1431521"/>
                <a:gd name="connsiteY30" fmla="*/ 2167880 h 2404665"/>
                <a:gd name="connsiteX31" fmla="*/ 566903 w 1431521"/>
                <a:gd name="connsiteY31" fmla="*/ 2045435 h 2404665"/>
                <a:gd name="connsiteX32" fmla="*/ 503251 w 1431521"/>
                <a:gd name="connsiteY32" fmla="*/ 1813641 h 2404665"/>
                <a:gd name="connsiteX33" fmla="*/ 365499 w 1431521"/>
                <a:gd name="connsiteY33" fmla="*/ 1628322 h 2404665"/>
                <a:gd name="connsiteX34" fmla="*/ 35513 w 1431521"/>
                <a:gd name="connsiteY34" fmla="*/ 1297845 h 2404665"/>
                <a:gd name="connsiteX0" fmla="*/ 35513 w 1431521"/>
                <a:gd name="connsiteY0" fmla="*/ 1297845 h 2404665"/>
                <a:gd name="connsiteX1" fmla="*/ 10520 w 1431521"/>
                <a:gd name="connsiteY1" fmla="*/ 214186 h 2404665"/>
                <a:gd name="connsiteX2" fmla="*/ 47589 w 1431521"/>
                <a:gd name="connsiteY2" fmla="*/ 0 h 2404665"/>
                <a:gd name="connsiteX3" fmla="*/ 195872 w 1431521"/>
                <a:gd name="connsiteY3" fmla="*/ 61785 h 2404665"/>
                <a:gd name="connsiteX4" fmla="*/ 302965 w 1431521"/>
                <a:gd name="connsiteY4" fmla="*/ 74142 h 2404665"/>
                <a:gd name="connsiteX5" fmla="*/ 430650 w 1431521"/>
                <a:gd name="connsiteY5" fmla="*/ 144163 h 2404665"/>
                <a:gd name="connsiteX6" fmla="*/ 661310 w 1431521"/>
                <a:gd name="connsiteY6" fmla="*/ 300682 h 2404665"/>
                <a:gd name="connsiteX7" fmla="*/ 709067 w 1431521"/>
                <a:gd name="connsiteY7" fmla="*/ 353775 h 2404665"/>
                <a:gd name="connsiteX8" fmla="*/ 780758 w 1431521"/>
                <a:gd name="connsiteY8" fmla="*/ 370703 h 2404665"/>
                <a:gd name="connsiteX9" fmla="*/ 961991 w 1431521"/>
                <a:gd name="connsiteY9" fmla="*/ 514867 h 2404665"/>
                <a:gd name="connsiteX10" fmla="*/ 1007299 w 1431521"/>
                <a:gd name="connsiteY10" fmla="*/ 576649 h 2404665"/>
                <a:gd name="connsiteX11" fmla="*/ 1023774 w 1431521"/>
                <a:gd name="connsiteY11" fmla="*/ 630196 h 2404665"/>
                <a:gd name="connsiteX12" fmla="*/ 1106152 w 1431521"/>
                <a:gd name="connsiteY12" fmla="*/ 737288 h 2404665"/>
                <a:gd name="connsiteX13" fmla="*/ 1184412 w 1431521"/>
                <a:gd name="connsiteY13" fmla="*/ 902045 h 2404665"/>
                <a:gd name="connsiteX14" fmla="*/ 1279148 w 1431521"/>
                <a:gd name="connsiteY14" fmla="*/ 1079159 h 2404665"/>
                <a:gd name="connsiteX15" fmla="*/ 1312932 w 1431521"/>
                <a:gd name="connsiteY15" fmla="*/ 1216252 h 2404665"/>
                <a:gd name="connsiteX16" fmla="*/ 1326908 w 1431521"/>
                <a:gd name="connsiteY16" fmla="*/ 1339211 h 2404665"/>
                <a:gd name="connsiteX17" fmla="*/ 1375602 w 1431521"/>
                <a:gd name="connsiteY17" fmla="*/ 1505457 h 2404665"/>
                <a:gd name="connsiteX18" fmla="*/ 1335642 w 1431521"/>
                <a:gd name="connsiteY18" fmla="*/ 1672892 h 2404665"/>
                <a:gd name="connsiteX19" fmla="*/ 1004126 w 1431521"/>
                <a:gd name="connsiteY19" fmla="*/ 1767739 h 2404665"/>
                <a:gd name="connsiteX20" fmla="*/ 871262 w 1431521"/>
                <a:gd name="connsiteY20" fmla="*/ 1756441 h 2404665"/>
                <a:gd name="connsiteX21" fmla="*/ 863971 w 1431521"/>
                <a:gd name="connsiteY21" fmla="*/ 1884125 h 2404665"/>
                <a:gd name="connsiteX22" fmla="*/ 896088 w 1431521"/>
                <a:gd name="connsiteY22" fmla="*/ 2018272 h 2404665"/>
                <a:gd name="connsiteX23" fmla="*/ 953753 w 1431521"/>
                <a:gd name="connsiteY23" fmla="*/ 1791732 h 2404665"/>
                <a:gd name="connsiteX24" fmla="*/ 1221484 w 1431521"/>
                <a:gd name="connsiteY24" fmla="*/ 1734066 h 2404665"/>
                <a:gd name="connsiteX25" fmla="*/ 1384012 w 1431521"/>
                <a:gd name="connsiteY25" fmla="*/ 1816558 h 2404665"/>
                <a:gd name="connsiteX26" fmla="*/ 1408614 w 1431521"/>
                <a:gd name="connsiteY26" fmla="*/ 1944739 h 2404665"/>
                <a:gd name="connsiteX27" fmla="*/ 1425586 w 1431521"/>
                <a:gd name="connsiteY27" fmla="*/ 2191153 h 2404665"/>
                <a:gd name="connsiteX28" fmla="*/ 1300577 w 1431521"/>
                <a:gd name="connsiteY28" fmla="*/ 2404168 h 2404665"/>
                <a:gd name="connsiteX29" fmla="*/ 816816 w 1431521"/>
                <a:gd name="connsiteY29" fmla="*/ 2247587 h 2404665"/>
                <a:gd name="connsiteX30" fmla="*/ 628128 w 1431521"/>
                <a:gd name="connsiteY30" fmla="*/ 2167880 h 2404665"/>
                <a:gd name="connsiteX31" fmla="*/ 566903 w 1431521"/>
                <a:gd name="connsiteY31" fmla="*/ 2045435 h 2404665"/>
                <a:gd name="connsiteX32" fmla="*/ 503251 w 1431521"/>
                <a:gd name="connsiteY32" fmla="*/ 1813641 h 2404665"/>
                <a:gd name="connsiteX33" fmla="*/ 365499 w 1431521"/>
                <a:gd name="connsiteY33" fmla="*/ 1628322 h 2404665"/>
                <a:gd name="connsiteX34" fmla="*/ 35513 w 1431521"/>
                <a:gd name="connsiteY34" fmla="*/ 1297845 h 2404665"/>
                <a:gd name="connsiteX0" fmla="*/ 27763 w 1423771"/>
                <a:gd name="connsiteY0" fmla="*/ 1297845 h 2404665"/>
                <a:gd name="connsiteX1" fmla="*/ 2770 w 1423771"/>
                <a:gd name="connsiteY1" fmla="*/ 214186 h 2404665"/>
                <a:gd name="connsiteX2" fmla="*/ 39839 w 1423771"/>
                <a:gd name="connsiteY2" fmla="*/ 0 h 2404665"/>
                <a:gd name="connsiteX3" fmla="*/ 188122 w 1423771"/>
                <a:gd name="connsiteY3" fmla="*/ 61785 h 2404665"/>
                <a:gd name="connsiteX4" fmla="*/ 295215 w 1423771"/>
                <a:gd name="connsiteY4" fmla="*/ 74142 h 2404665"/>
                <a:gd name="connsiteX5" fmla="*/ 422900 w 1423771"/>
                <a:gd name="connsiteY5" fmla="*/ 144163 h 2404665"/>
                <a:gd name="connsiteX6" fmla="*/ 653560 w 1423771"/>
                <a:gd name="connsiteY6" fmla="*/ 300682 h 2404665"/>
                <a:gd name="connsiteX7" fmla="*/ 701317 w 1423771"/>
                <a:gd name="connsiteY7" fmla="*/ 353775 h 2404665"/>
                <a:gd name="connsiteX8" fmla="*/ 773008 w 1423771"/>
                <a:gd name="connsiteY8" fmla="*/ 370703 h 2404665"/>
                <a:gd name="connsiteX9" fmla="*/ 954241 w 1423771"/>
                <a:gd name="connsiteY9" fmla="*/ 514867 h 2404665"/>
                <a:gd name="connsiteX10" fmla="*/ 999549 w 1423771"/>
                <a:gd name="connsiteY10" fmla="*/ 576649 h 2404665"/>
                <a:gd name="connsiteX11" fmla="*/ 1016024 w 1423771"/>
                <a:gd name="connsiteY11" fmla="*/ 630196 h 2404665"/>
                <a:gd name="connsiteX12" fmla="*/ 1098402 w 1423771"/>
                <a:gd name="connsiteY12" fmla="*/ 737288 h 2404665"/>
                <a:gd name="connsiteX13" fmla="*/ 1176662 w 1423771"/>
                <a:gd name="connsiteY13" fmla="*/ 902045 h 2404665"/>
                <a:gd name="connsiteX14" fmla="*/ 1271398 w 1423771"/>
                <a:gd name="connsiteY14" fmla="*/ 1079159 h 2404665"/>
                <a:gd name="connsiteX15" fmla="*/ 1305182 w 1423771"/>
                <a:gd name="connsiteY15" fmla="*/ 1216252 h 2404665"/>
                <a:gd name="connsiteX16" fmla="*/ 1319158 w 1423771"/>
                <a:gd name="connsiteY16" fmla="*/ 1339211 h 2404665"/>
                <a:gd name="connsiteX17" fmla="*/ 1367852 w 1423771"/>
                <a:gd name="connsiteY17" fmla="*/ 1505457 h 2404665"/>
                <a:gd name="connsiteX18" fmla="*/ 1327892 w 1423771"/>
                <a:gd name="connsiteY18" fmla="*/ 1672892 h 2404665"/>
                <a:gd name="connsiteX19" fmla="*/ 996376 w 1423771"/>
                <a:gd name="connsiteY19" fmla="*/ 1767739 h 2404665"/>
                <a:gd name="connsiteX20" fmla="*/ 863512 w 1423771"/>
                <a:gd name="connsiteY20" fmla="*/ 1756441 h 2404665"/>
                <a:gd name="connsiteX21" fmla="*/ 856221 w 1423771"/>
                <a:gd name="connsiteY21" fmla="*/ 1884125 h 2404665"/>
                <a:gd name="connsiteX22" fmla="*/ 888338 w 1423771"/>
                <a:gd name="connsiteY22" fmla="*/ 2018272 h 2404665"/>
                <a:gd name="connsiteX23" fmla="*/ 946003 w 1423771"/>
                <a:gd name="connsiteY23" fmla="*/ 1791732 h 2404665"/>
                <a:gd name="connsiteX24" fmla="*/ 1213734 w 1423771"/>
                <a:gd name="connsiteY24" fmla="*/ 1734066 h 2404665"/>
                <a:gd name="connsiteX25" fmla="*/ 1376262 w 1423771"/>
                <a:gd name="connsiteY25" fmla="*/ 1816558 h 2404665"/>
                <a:gd name="connsiteX26" fmla="*/ 1400864 w 1423771"/>
                <a:gd name="connsiteY26" fmla="*/ 1944739 h 2404665"/>
                <a:gd name="connsiteX27" fmla="*/ 1417836 w 1423771"/>
                <a:gd name="connsiteY27" fmla="*/ 2191153 h 2404665"/>
                <a:gd name="connsiteX28" fmla="*/ 1292827 w 1423771"/>
                <a:gd name="connsiteY28" fmla="*/ 2404168 h 2404665"/>
                <a:gd name="connsiteX29" fmla="*/ 809066 w 1423771"/>
                <a:gd name="connsiteY29" fmla="*/ 2247587 h 2404665"/>
                <a:gd name="connsiteX30" fmla="*/ 620378 w 1423771"/>
                <a:gd name="connsiteY30" fmla="*/ 2167880 h 2404665"/>
                <a:gd name="connsiteX31" fmla="*/ 559153 w 1423771"/>
                <a:gd name="connsiteY31" fmla="*/ 2045435 h 2404665"/>
                <a:gd name="connsiteX32" fmla="*/ 495501 w 1423771"/>
                <a:gd name="connsiteY32" fmla="*/ 1813641 h 2404665"/>
                <a:gd name="connsiteX33" fmla="*/ 357749 w 1423771"/>
                <a:gd name="connsiteY33" fmla="*/ 1628322 h 2404665"/>
                <a:gd name="connsiteX34" fmla="*/ 225490 w 1423771"/>
                <a:gd name="connsiteY34" fmla="*/ 1451575 h 2404665"/>
                <a:gd name="connsiteX35" fmla="*/ 27763 w 1423771"/>
                <a:gd name="connsiteY35" fmla="*/ 1297845 h 2404665"/>
                <a:gd name="connsiteX0" fmla="*/ 27763 w 1423771"/>
                <a:gd name="connsiteY0" fmla="*/ 1297845 h 2404665"/>
                <a:gd name="connsiteX1" fmla="*/ 2770 w 1423771"/>
                <a:gd name="connsiteY1" fmla="*/ 214186 h 2404665"/>
                <a:gd name="connsiteX2" fmla="*/ 39839 w 1423771"/>
                <a:gd name="connsiteY2" fmla="*/ 0 h 2404665"/>
                <a:gd name="connsiteX3" fmla="*/ 188122 w 1423771"/>
                <a:gd name="connsiteY3" fmla="*/ 61785 h 2404665"/>
                <a:gd name="connsiteX4" fmla="*/ 295215 w 1423771"/>
                <a:gd name="connsiteY4" fmla="*/ 74142 h 2404665"/>
                <a:gd name="connsiteX5" fmla="*/ 422900 w 1423771"/>
                <a:gd name="connsiteY5" fmla="*/ 144163 h 2404665"/>
                <a:gd name="connsiteX6" fmla="*/ 653560 w 1423771"/>
                <a:gd name="connsiteY6" fmla="*/ 300682 h 2404665"/>
                <a:gd name="connsiteX7" fmla="*/ 701317 w 1423771"/>
                <a:gd name="connsiteY7" fmla="*/ 353775 h 2404665"/>
                <a:gd name="connsiteX8" fmla="*/ 773008 w 1423771"/>
                <a:gd name="connsiteY8" fmla="*/ 370703 h 2404665"/>
                <a:gd name="connsiteX9" fmla="*/ 954241 w 1423771"/>
                <a:gd name="connsiteY9" fmla="*/ 514867 h 2404665"/>
                <a:gd name="connsiteX10" fmla="*/ 999549 w 1423771"/>
                <a:gd name="connsiteY10" fmla="*/ 576649 h 2404665"/>
                <a:gd name="connsiteX11" fmla="*/ 1016024 w 1423771"/>
                <a:gd name="connsiteY11" fmla="*/ 630196 h 2404665"/>
                <a:gd name="connsiteX12" fmla="*/ 1098402 w 1423771"/>
                <a:gd name="connsiteY12" fmla="*/ 737288 h 2404665"/>
                <a:gd name="connsiteX13" fmla="*/ 1176662 w 1423771"/>
                <a:gd name="connsiteY13" fmla="*/ 902045 h 2404665"/>
                <a:gd name="connsiteX14" fmla="*/ 1271398 w 1423771"/>
                <a:gd name="connsiteY14" fmla="*/ 1079159 h 2404665"/>
                <a:gd name="connsiteX15" fmla="*/ 1305182 w 1423771"/>
                <a:gd name="connsiteY15" fmla="*/ 1216252 h 2404665"/>
                <a:gd name="connsiteX16" fmla="*/ 1319158 w 1423771"/>
                <a:gd name="connsiteY16" fmla="*/ 1339211 h 2404665"/>
                <a:gd name="connsiteX17" fmla="*/ 1367852 w 1423771"/>
                <a:gd name="connsiteY17" fmla="*/ 1505457 h 2404665"/>
                <a:gd name="connsiteX18" fmla="*/ 1327892 w 1423771"/>
                <a:gd name="connsiteY18" fmla="*/ 1672892 h 2404665"/>
                <a:gd name="connsiteX19" fmla="*/ 996376 w 1423771"/>
                <a:gd name="connsiteY19" fmla="*/ 1767739 h 2404665"/>
                <a:gd name="connsiteX20" fmla="*/ 863512 w 1423771"/>
                <a:gd name="connsiteY20" fmla="*/ 1756441 h 2404665"/>
                <a:gd name="connsiteX21" fmla="*/ 856221 w 1423771"/>
                <a:gd name="connsiteY21" fmla="*/ 1884125 h 2404665"/>
                <a:gd name="connsiteX22" fmla="*/ 888338 w 1423771"/>
                <a:gd name="connsiteY22" fmla="*/ 2018272 h 2404665"/>
                <a:gd name="connsiteX23" fmla="*/ 946003 w 1423771"/>
                <a:gd name="connsiteY23" fmla="*/ 1791732 h 2404665"/>
                <a:gd name="connsiteX24" fmla="*/ 1213734 w 1423771"/>
                <a:gd name="connsiteY24" fmla="*/ 1734066 h 2404665"/>
                <a:gd name="connsiteX25" fmla="*/ 1376262 w 1423771"/>
                <a:gd name="connsiteY25" fmla="*/ 1816558 h 2404665"/>
                <a:gd name="connsiteX26" fmla="*/ 1400864 w 1423771"/>
                <a:gd name="connsiteY26" fmla="*/ 1944739 h 2404665"/>
                <a:gd name="connsiteX27" fmla="*/ 1417836 w 1423771"/>
                <a:gd name="connsiteY27" fmla="*/ 2191153 h 2404665"/>
                <a:gd name="connsiteX28" fmla="*/ 1292827 w 1423771"/>
                <a:gd name="connsiteY28" fmla="*/ 2404168 h 2404665"/>
                <a:gd name="connsiteX29" fmla="*/ 809066 w 1423771"/>
                <a:gd name="connsiteY29" fmla="*/ 2247587 h 2404665"/>
                <a:gd name="connsiteX30" fmla="*/ 620378 w 1423771"/>
                <a:gd name="connsiteY30" fmla="*/ 2167880 h 2404665"/>
                <a:gd name="connsiteX31" fmla="*/ 559153 w 1423771"/>
                <a:gd name="connsiteY31" fmla="*/ 2045435 h 2404665"/>
                <a:gd name="connsiteX32" fmla="*/ 495501 w 1423771"/>
                <a:gd name="connsiteY32" fmla="*/ 1813641 h 2404665"/>
                <a:gd name="connsiteX33" fmla="*/ 351627 w 1423771"/>
                <a:gd name="connsiteY33" fmla="*/ 1613017 h 2404665"/>
                <a:gd name="connsiteX34" fmla="*/ 225490 w 1423771"/>
                <a:gd name="connsiteY34" fmla="*/ 1451575 h 2404665"/>
                <a:gd name="connsiteX35" fmla="*/ 27763 w 1423771"/>
                <a:gd name="connsiteY35" fmla="*/ 1297845 h 2404665"/>
                <a:gd name="connsiteX0" fmla="*/ 34078 w 1430086"/>
                <a:gd name="connsiteY0" fmla="*/ 1297845 h 2404665"/>
                <a:gd name="connsiteX1" fmla="*/ 9085 w 1430086"/>
                <a:gd name="connsiteY1" fmla="*/ 214186 h 2404665"/>
                <a:gd name="connsiteX2" fmla="*/ 46154 w 1430086"/>
                <a:gd name="connsiteY2" fmla="*/ 0 h 2404665"/>
                <a:gd name="connsiteX3" fmla="*/ 194437 w 1430086"/>
                <a:gd name="connsiteY3" fmla="*/ 61785 h 2404665"/>
                <a:gd name="connsiteX4" fmla="*/ 301530 w 1430086"/>
                <a:gd name="connsiteY4" fmla="*/ 74142 h 2404665"/>
                <a:gd name="connsiteX5" fmla="*/ 429215 w 1430086"/>
                <a:gd name="connsiteY5" fmla="*/ 144163 h 2404665"/>
                <a:gd name="connsiteX6" fmla="*/ 659875 w 1430086"/>
                <a:gd name="connsiteY6" fmla="*/ 300682 h 2404665"/>
                <a:gd name="connsiteX7" fmla="*/ 707632 w 1430086"/>
                <a:gd name="connsiteY7" fmla="*/ 353775 h 2404665"/>
                <a:gd name="connsiteX8" fmla="*/ 779323 w 1430086"/>
                <a:gd name="connsiteY8" fmla="*/ 370703 h 2404665"/>
                <a:gd name="connsiteX9" fmla="*/ 960556 w 1430086"/>
                <a:gd name="connsiteY9" fmla="*/ 514867 h 2404665"/>
                <a:gd name="connsiteX10" fmla="*/ 1005864 w 1430086"/>
                <a:gd name="connsiteY10" fmla="*/ 576649 h 2404665"/>
                <a:gd name="connsiteX11" fmla="*/ 1022339 w 1430086"/>
                <a:gd name="connsiteY11" fmla="*/ 630196 h 2404665"/>
                <a:gd name="connsiteX12" fmla="*/ 1104717 w 1430086"/>
                <a:gd name="connsiteY12" fmla="*/ 737288 h 2404665"/>
                <a:gd name="connsiteX13" fmla="*/ 1182977 w 1430086"/>
                <a:gd name="connsiteY13" fmla="*/ 902045 h 2404665"/>
                <a:gd name="connsiteX14" fmla="*/ 1277713 w 1430086"/>
                <a:gd name="connsiteY14" fmla="*/ 1079159 h 2404665"/>
                <a:gd name="connsiteX15" fmla="*/ 1311497 w 1430086"/>
                <a:gd name="connsiteY15" fmla="*/ 1216252 h 2404665"/>
                <a:gd name="connsiteX16" fmla="*/ 1325473 w 1430086"/>
                <a:gd name="connsiteY16" fmla="*/ 1339211 h 2404665"/>
                <a:gd name="connsiteX17" fmla="*/ 1374167 w 1430086"/>
                <a:gd name="connsiteY17" fmla="*/ 1505457 h 2404665"/>
                <a:gd name="connsiteX18" fmla="*/ 1334207 w 1430086"/>
                <a:gd name="connsiteY18" fmla="*/ 1672892 h 2404665"/>
                <a:gd name="connsiteX19" fmla="*/ 1002691 w 1430086"/>
                <a:gd name="connsiteY19" fmla="*/ 1767739 h 2404665"/>
                <a:gd name="connsiteX20" fmla="*/ 869827 w 1430086"/>
                <a:gd name="connsiteY20" fmla="*/ 1756441 h 2404665"/>
                <a:gd name="connsiteX21" fmla="*/ 862536 w 1430086"/>
                <a:gd name="connsiteY21" fmla="*/ 1884125 h 2404665"/>
                <a:gd name="connsiteX22" fmla="*/ 894653 w 1430086"/>
                <a:gd name="connsiteY22" fmla="*/ 2018272 h 2404665"/>
                <a:gd name="connsiteX23" fmla="*/ 952318 w 1430086"/>
                <a:gd name="connsiteY23" fmla="*/ 1791732 h 2404665"/>
                <a:gd name="connsiteX24" fmla="*/ 1220049 w 1430086"/>
                <a:gd name="connsiteY24" fmla="*/ 1734066 h 2404665"/>
                <a:gd name="connsiteX25" fmla="*/ 1382577 w 1430086"/>
                <a:gd name="connsiteY25" fmla="*/ 1816558 h 2404665"/>
                <a:gd name="connsiteX26" fmla="*/ 1407179 w 1430086"/>
                <a:gd name="connsiteY26" fmla="*/ 1944739 h 2404665"/>
                <a:gd name="connsiteX27" fmla="*/ 1424151 w 1430086"/>
                <a:gd name="connsiteY27" fmla="*/ 2191153 h 2404665"/>
                <a:gd name="connsiteX28" fmla="*/ 1299142 w 1430086"/>
                <a:gd name="connsiteY28" fmla="*/ 2404168 h 2404665"/>
                <a:gd name="connsiteX29" fmla="*/ 815381 w 1430086"/>
                <a:gd name="connsiteY29" fmla="*/ 2247587 h 2404665"/>
                <a:gd name="connsiteX30" fmla="*/ 626693 w 1430086"/>
                <a:gd name="connsiteY30" fmla="*/ 2167880 h 2404665"/>
                <a:gd name="connsiteX31" fmla="*/ 565468 w 1430086"/>
                <a:gd name="connsiteY31" fmla="*/ 2045435 h 2404665"/>
                <a:gd name="connsiteX32" fmla="*/ 501816 w 1430086"/>
                <a:gd name="connsiteY32" fmla="*/ 1813641 h 2404665"/>
                <a:gd name="connsiteX33" fmla="*/ 357942 w 1430086"/>
                <a:gd name="connsiteY33" fmla="*/ 1613017 h 2404665"/>
                <a:gd name="connsiteX34" fmla="*/ 231805 w 1430086"/>
                <a:gd name="connsiteY34" fmla="*/ 1451575 h 2404665"/>
                <a:gd name="connsiteX35" fmla="*/ 34078 w 1430086"/>
                <a:gd name="connsiteY35" fmla="*/ 1297845 h 2404665"/>
                <a:gd name="connsiteX0" fmla="*/ 1445 w 1397453"/>
                <a:gd name="connsiteY0" fmla="*/ 1297845 h 2404665"/>
                <a:gd name="connsiteX1" fmla="*/ 105020 w 1397453"/>
                <a:gd name="connsiteY1" fmla="*/ 529483 h 2404665"/>
                <a:gd name="connsiteX2" fmla="*/ 13521 w 1397453"/>
                <a:gd name="connsiteY2" fmla="*/ 0 h 2404665"/>
                <a:gd name="connsiteX3" fmla="*/ 161804 w 1397453"/>
                <a:gd name="connsiteY3" fmla="*/ 61785 h 2404665"/>
                <a:gd name="connsiteX4" fmla="*/ 268897 w 1397453"/>
                <a:gd name="connsiteY4" fmla="*/ 74142 h 2404665"/>
                <a:gd name="connsiteX5" fmla="*/ 396582 w 1397453"/>
                <a:gd name="connsiteY5" fmla="*/ 144163 h 2404665"/>
                <a:gd name="connsiteX6" fmla="*/ 627242 w 1397453"/>
                <a:gd name="connsiteY6" fmla="*/ 300682 h 2404665"/>
                <a:gd name="connsiteX7" fmla="*/ 674999 w 1397453"/>
                <a:gd name="connsiteY7" fmla="*/ 353775 h 2404665"/>
                <a:gd name="connsiteX8" fmla="*/ 746690 w 1397453"/>
                <a:gd name="connsiteY8" fmla="*/ 370703 h 2404665"/>
                <a:gd name="connsiteX9" fmla="*/ 927923 w 1397453"/>
                <a:gd name="connsiteY9" fmla="*/ 514867 h 2404665"/>
                <a:gd name="connsiteX10" fmla="*/ 973231 w 1397453"/>
                <a:gd name="connsiteY10" fmla="*/ 576649 h 2404665"/>
                <a:gd name="connsiteX11" fmla="*/ 989706 w 1397453"/>
                <a:gd name="connsiteY11" fmla="*/ 630196 h 2404665"/>
                <a:gd name="connsiteX12" fmla="*/ 1072084 w 1397453"/>
                <a:gd name="connsiteY12" fmla="*/ 737288 h 2404665"/>
                <a:gd name="connsiteX13" fmla="*/ 1150344 w 1397453"/>
                <a:gd name="connsiteY13" fmla="*/ 902045 h 2404665"/>
                <a:gd name="connsiteX14" fmla="*/ 1245080 w 1397453"/>
                <a:gd name="connsiteY14" fmla="*/ 1079159 h 2404665"/>
                <a:gd name="connsiteX15" fmla="*/ 1278864 w 1397453"/>
                <a:gd name="connsiteY15" fmla="*/ 1216252 h 2404665"/>
                <a:gd name="connsiteX16" fmla="*/ 1292840 w 1397453"/>
                <a:gd name="connsiteY16" fmla="*/ 1339211 h 2404665"/>
                <a:gd name="connsiteX17" fmla="*/ 1341534 w 1397453"/>
                <a:gd name="connsiteY17" fmla="*/ 1505457 h 2404665"/>
                <a:gd name="connsiteX18" fmla="*/ 1301574 w 1397453"/>
                <a:gd name="connsiteY18" fmla="*/ 1672892 h 2404665"/>
                <a:gd name="connsiteX19" fmla="*/ 970058 w 1397453"/>
                <a:gd name="connsiteY19" fmla="*/ 1767739 h 2404665"/>
                <a:gd name="connsiteX20" fmla="*/ 837194 w 1397453"/>
                <a:gd name="connsiteY20" fmla="*/ 1756441 h 2404665"/>
                <a:gd name="connsiteX21" fmla="*/ 829903 w 1397453"/>
                <a:gd name="connsiteY21" fmla="*/ 1884125 h 2404665"/>
                <a:gd name="connsiteX22" fmla="*/ 862020 w 1397453"/>
                <a:gd name="connsiteY22" fmla="*/ 2018272 h 2404665"/>
                <a:gd name="connsiteX23" fmla="*/ 919685 w 1397453"/>
                <a:gd name="connsiteY23" fmla="*/ 1791732 h 2404665"/>
                <a:gd name="connsiteX24" fmla="*/ 1187416 w 1397453"/>
                <a:gd name="connsiteY24" fmla="*/ 1734066 h 2404665"/>
                <a:gd name="connsiteX25" fmla="*/ 1349944 w 1397453"/>
                <a:gd name="connsiteY25" fmla="*/ 1816558 h 2404665"/>
                <a:gd name="connsiteX26" fmla="*/ 1374546 w 1397453"/>
                <a:gd name="connsiteY26" fmla="*/ 1944739 h 2404665"/>
                <a:gd name="connsiteX27" fmla="*/ 1391518 w 1397453"/>
                <a:gd name="connsiteY27" fmla="*/ 2191153 h 2404665"/>
                <a:gd name="connsiteX28" fmla="*/ 1266509 w 1397453"/>
                <a:gd name="connsiteY28" fmla="*/ 2404168 h 2404665"/>
                <a:gd name="connsiteX29" fmla="*/ 782748 w 1397453"/>
                <a:gd name="connsiteY29" fmla="*/ 2247587 h 2404665"/>
                <a:gd name="connsiteX30" fmla="*/ 594060 w 1397453"/>
                <a:gd name="connsiteY30" fmla="*/ 2167880 h 2404665"/>
                <a:gd name="connsiteX31" fmla="*/ 532835 w 1397453"/>
                <a:gd name="connsiteY31" fmla="*/ 2045435 h 2404665"/>
                <a:gd name="connsiteX32" fmla="*/ 469183 w 1397453"/>
                <a:gd name="connsiteY32" fmla="*/ 1813641 h 2404665"/>
                <a:gd name="connsiteX33" fmla="*/ 325309 w 1397453"/>
                <a:gd name="connsiteY33" fmla="*/ 1613017 h 2404665"/>
                <a:gd name="connsiteX34" fmla="*/ 199172 w 1397453"/>
                <a:gd name="connsiteY34" fmla="*/ 1451575 h 2404665"/>
                <a:gd name="connsiteX35" fmla="*/ 1445 w 1397453"/>
                <a:gd name="connsiteY35" fmla="*/ 1297845 h 2404665"/>
                <a:gd name="connsiteX0" fmla="*/ 1783 w 1397791"/>
                <a:gd name="connsiteY0" fmla="*/ 1238728 h 2345548"/>
                <a:gd name="connsiteX1" fmla="*/ 105358 w 1397791"/>
                <a:gd name="connsiteY1" fmla="*/ 470366 h 2345548"/>
                <a:gd name="connsiteX2" fmla="*/ 163855 w 1397791"/>
                <a:gd name="connsiteY2" fmla="*/ 51084 h 2345548"/>
                <a:gd name="connsiteX3" fmla="*/ 162142 w 1397791"/>
                <a:gd name="connsiteY3" fmla="*/ 2668 h 2345548"/>
                <a:gd name="connsiteX4" fmla="*/ 269235 w 1397791"/>
                <a:gd name="connsiteY4" fmla="*/ 15025 h 2345548"/>
                <a:gd name="connsiteX5" fmla="*/ 396920 w 1397791"/>
                <a:gd name="connsiteY5" fmla="*/ 85046 h 2345548"/>
                <a:gd name="connsiteX6" fmla="*/ 627580 w 1397791"/>
                <a:gd name="connsiteY6" fmla="*/ 241565 h 2345548"/>
                <a:gd name="connsiteX7" fmla="*/ 675337 w 1397791"/>
                <a:gd name="connsiteY7" fmla="*/ 294658 h 2345548"/>
                <a:gd name="connsiteX8" fmla="*/ 747028 w 1397791"/>
                <a:gd name="connsiteY8" fmla="*/ 311586 h 2345548"/>
                <a:gd name="connsiteX9" fmla="*/ 928261 w 1397791"/>
                <a:gd name="connsiteY9" fmla="*/ 455750 h 2345548"/>
                <a:gd name="connsiteX10" fmla="*/ 973569 w 1397791"/>
                <a:gd name="connsiteY10" fmla="*/ 517532 h 2345548"/>
                <a:gd name="connsiteX11" fmla="*/ 990044 w 1397791"/>
                <a:gd name="connsiteY11" fmla="*/ 571079 h 2345548"/>
                <a:gd name="connsiteX12" fmla="*/ 1072422 w 1397791"/>
                <a:gd name="connsiteY12" fmla="*/ 678171 h 2345548"/>
                <a:gd name="connsiteX13" fmla="*/ 1150682 w 1397791"/>
                <a:gd name="connsiteY13" fmla="*/ 842928 h 2345548"/>
                <a:gd name="connsiteX14" fmla="*/ 1245418 w 1397791"/>
                <a:gd name="connsiteY14" fmla="*/ 1020042 h 2345548"/>
                <a:gd name="connsiteX15" fmla="*/ 1279202 w 1397791"/>
                <a:gd name="connsiteY15" fmla="*/ 1157135 h 2345548"/>
                <a:gd name="connsiteX16" fmla="*/ 1293178 w 1397791"/>
                <a:gd name="connsiteY16" fmla="*/ 1280094 h 2345548"/>
                <a:gd name="connsiteX17" fmla="*/ 1341872 w 1397791"/>
                <a:gd name="connsiteY17" fmla="*/ 1446340 h 2345548"/>
                <a:gd name="connsiteX18" fmla="*/ 1301912 w 1397791"/>
                <a:gd name="connsiteY18" fmla="*/ 1613775 h 2345548"/>
                <a:gd name="connsiteX19" fmla="*/ 970396 w 1397791"/>
                <a:gd name="connsiteY19" fmla="*/ 1708622 h 2345548"/>
                <a:gd name="connsiteX20" fmla="*/ 837532 w 1397791"/>
                <a:gd name="connsiteY20" fmla="*/ 1697324 h 2345548"/>
                <a:gd name="connsiteX21" fmla="*/ 830241 w 1397791"/>
                <a:gd name="connsiteY21" fmla="*/ 1825008 h 2345548"/>
                <a:gd name="connsiteX22" fmla="*/ 862358 w 1397791"/>
                <a:gd name="connsiteY22" fmla="*/ 1959155 h 2345548"/>
                <a:gd name="connsiteX23" fmla="*/ 920023 w 1397791"/>
                <a:gd name="connsiteY23" fmla="*/ 1732615 h 2345548"/>
                <a:gd name="connsiteX24" fmla="*/ 1187754 w 1397791"/>
                <a:gd name="connsiteY24" fmla="*/ 1674949 h 2345548"/>
                <a:gd name="connsiteX25" fmla="*/ 1350282 w 1397791"/>
                <a:gd name="connsiteY25" fmla="*/ 1757441 h 2345548"/>
                <a:gd name="connsiteX26" fmla="*/ 1374884 w 1397791"/>
                <a:gd name="connsiteY26" fmla="*/ 1885622 h 2345548"/>
                <a:gd name="connsiteX27" fmla="*/ 1391856 w 1397791"/>
                <a:gd name="connsiteY27" fmla="*/ 2132036 h 2345548"/>
                <a:gd name="connsiteX28" fmla="*/ 1266847 w 1397791"/>
                <a:gd name="connsiteY28" fmla="*/ 2345051 h 2345548"/>
                <a:gd name="connsiteX29" fmla="*/ 783086 w 1397791"/>
                <a:gd name="connsiteY29" fmla="*/ 2188470 h 2345548"/>
                <a:gd name="connsiteX30" fmla="*/ 594398 w 1397791"/>
                <a:gd name="connsiteY30" fmla="*/ 2108763 h 2345548"/>
                <a:gd name="connsiteX31" fmla="*/ 533173 w 1397791"/>
                <a:gd name="connsiteY31" fmla="*/ 1986318 h 2345548"/>
                <a:gd name="connsiteX32" fmla="*/ 469521 w 1397791"/>
                <a:gd name="connsiteY32" fmla="*/ 1754524 h 2345548"/>
                <a:gd name="connsiteX33" fmla="*/ 325647 w 1397791"/>
                <a:gd name="connsiteY33" fmla="*/ 1553900 h 2345548"/>
                <a:gd name="connsiteX34" fmla="*/ 199510 w 1397791"/>
                <a:gd name="connsiteY34" fmla="*/ 1392458 h 2345548"/>
                <a:gd name="connsiteX35" fmla="*/ 1783 w 1397791"/>
                <a:gd name="connsiteY35" fmla="*/ 1238728 h 2345548"/>
                <a:gd name="connsiteX0" fmla="*/ 1783 w 1397791"/>
                <a:gd name="connsiteY0" fmla="*/ 1236259 h 2343079"/>
                <a:gd name="connsiteX1" fmla="*/ 105358 w 1397791"/>
                <a:gd name="connsiteY1" fmla="*/ 467897 h 2343079"/>
                <a:gd name="connsiteX2" fmla="*/ 163855 w 1397791"/>
                <a:gd name="connsiteY2" fmla="*/ 48615 h 2343079"/>
                <a:gd name="connsiteX3" fmla="*/ 269235 w 1397791"/>
                <a:gd name="connsiteY3" fmla="*/ 12556 h 2343079"/>
                <a:gd name="connsiteX4" fmla="*/ 396920 w 1397791"/>
                <a:gd name="connsiteY4" fmla="*/ 82577 h 2343079"/>
                <a:gd name="connsiteX5" fmla="*/ 627580 w 1397791"/>
                <a:gd name="connsiteY5" fmla="*/ 239096 h 2343079"/>
                <a:gd name="connsiteX6" fmla="*/ 675337 w 1397791"/>
                <a:gd name="connsiteY6" fmla="*/ 292189 h 2343079"/>
                <a:gd name="connsiteX7" fmla="*/ 747028 w 1397791"/>
                <a:gd name="connsiteY7" fmla="*/ 309117 h 2343079"/>
                <a:gd name="connsiteX8" fmla="*/ 928261 w 1397791"/>
                <a:gd name="connsiteY8" fmla="*/ 453281 h 2343079"/>
                <a:gd name="connsiteX9" fmla="*/ 973569 w 1397791"/>
                <a:gd name="connsiteY9" fmla="*/ 515063 h 2343079"/>
                <a:gd name="connsiteX10" fmla="*/ 990044 w 1397791"/>
                <a:gd name="connsiteY10" fmla="*/ 568610 h 2343079"/>
                <a:gd name="connsiteX11" fmla="*/ 1072422 w 1397791"/>
                <a:gd name="connsiteY11" fmla="*/ 675702 h 2343079"/>
                <a:gd name="connsiteX12" fmla="*/ 1150682 w 1397791"/>
                <a:gd name="connsiteY12" fmla="*/ 840459 h 2343079"/>
                <a:gd name="connsiteX13" fmla="*/ 1245418 w 1397791"/>
                <a:gd name="connsiteY13" fmla="*/ 1017573 h 2343079"/>
                <a:gd name="connsiteX14" fmla="*/ 1279202 w 1397791"/>
                <a:gd name="connsiteY14" fmla="*/ 1154666 h 2343079"/>
                <a:gd name="connsiteX15" fmla="*/ 1293178 w 1397791"/>
                <a:gd name="connsiteY15" fmla="*/ 1277625 h 2343079"/>
                <a:gd name="connsiteX16" fmla="*/ 1341872 w 1397791"/>
                <a:gd name="connsiteY16" fmla="*/ 1443871 h 2343079"/>
                <a:gd name="connsiteX17" fmla="*/ 1301912 w 1397791"/>
                <a:gd name="connsiteY17" fmla="*/ 1611306 h 2343079"/>
                <a:gd name="connsiteX18" fmla="*/ 970396 w 1397791"/>
                <a:gd name="connsiteY18" fmla="*/ 1706153 h 2343079"/>
                <a:gd name="connsiteX19" fmla="*/ 837532 w 1397791"/>
                <a:gd name="connsiteY19" fmla="*/ 1694855 h 2343079"/>
                <a:gd name="connsiteX20" fmla="*/ 830241 w 1397791"/>
                <a:gd name="connsiteY20" fmla="*/ 1822539 h 2343079"/>
                <a:gd name="connsiteX21" fmla="*/ 862358 w 1397791"/>
                <a:gd name="connsiteY21" fmla="*/ 1956686 h 2343079"/>
                <a:gd name="connsiteX22" fmla="*/ 920023 w 1397791"/>
                <a:gd name="connsiteY22" fmla="*/ 1730146 h 2343079"/>
                <a:gd name="connsiteX23" fmla="*/ 1187754 w 1397791"/>
                <a:gd name="connsiteY23" fmla="*/ 1672480 h 2343079"/>
                <a:gd name="connsiteX24" fmla="*/ 1350282 w 1397791"/>
                <a:gd name="connsiteY24" fmla="*/ 1754972 h 2343079"/>
                <a:gd name="connsiteX25" fmla="*/ 1374884 w 1397791"/>
                <a:gd name="connsiteY25" fmla="*/ 1883153 h 2343079"/>
                <a:gd name="connsiteX26" fmla="*/ 1391856 w 1397791"/>
                <a:gd name="connsiteY26" fmla="*/ 2129567 h 2343079"/>
                <a:gd name="connsiteX27" fmla="*/ 1266847 w 1397791"/>
                <a:gd name="connsiteY27" fmla="*/ 2342582 h 2343079"/>
                <a:gd name="connsiteX28" fmla="*/ 783086 w 1397791"/>
                <a:gd name="connsiteY28" fmla="*/ 2186001 h 2343079"/>
                <a:gd name="connsiteX29" fmla="*/ 594398 w 1397791"/>
                <a:gd name="connsiteY29" fmla="*/ 2106294 h 2343079"/>
                <a:gd name="connsiteX30" fmla="*/ 533173 w 1397791"/>
                <a:gd name="connsiteY30" fmla="*/ 1983849 h 2343079"/>
                <a:gd name="connsiteX31" fmla="*/ 469521 w 1397791"/>
                <a:gd name="connsiteY31" fmla="*/ 1752055 h 2343079"/>
                <a:gd name="connsiteX32" fmla="*/ 325647 w 1397791"/>
                <a:gd name="connsiteY32" fmla="*/ 1551431 h 2343079"/>
                <a:gd name="connsiteX33" fmla="*/ 199510 w 1397791"/>
                <a:gd name="connsiteY33" fmla="*/ 1389989 h 2343079"/>
                <a:gd name="connsiteX34" fmla="*/ 1783 w 1397791"/>
                <a:gd name="connsiteY34" fmla="*/ 1236259 h 2343079"/>
                <a:gd name="connsiteX0" fmla="*/ 1783 w 1397791"/>
                <a:gd name="connsiteY0" fmla="*/ 1221663 h 2328483"/>
                <a:gd name="connsiteX1" fmla="*/ 105358 w 1397791"/>
                <a:gd name="connsiteY1" fmla="*/ 453301 h 2328483"/>
                <a:gd name="connsiteX2" fmla="*/ 163855 w 1397791"/>
                <a:gd name="connsiteY2" fmla="*/ 34019 h 2328483"/>
                <a:gd name="connsiteX3" fmla="*/ 253929 w 1397791"/>
                <a:gd name="connsiteY3" fmla="*/ 37755 h 2328483"/>
                <a:gd name="connsiteX4" fmla="*/ 396920 w 1397791"/>
                <a:gd name="connsiteY4" fmla="*/ 67981 h 2328483"/>
                <a:gd name="connsiteX5" fmla="*/ 627580 w 1397791"/>
                <a:gd name="connsiteY5" fmla="*/ 224500 h 2328483"/>
                <a:gd name="connsiteX6" fmla="*/ 675337 w 1397791"/>
                <a:gd name="connsiteY6" fmla="*/ 277593 h 2328483"/>
                <a:gd name="connsiteX7" fmla="*/ 747028 w 1397791"/>
                <a:gd name="connsiteY7" fmla="*/ 294521 h 2328483"/>
                <a:gd name="connsiteX8" fmla="*/ 928261 w 1397791"/>
                <a:gd name="connsiteY8" fmla="*/ 438685 h 2328483"/>
                <a:gd name="connsiteX9" fmla="*/ 973569 w 1397791"/>
                <a:gd name="connsiteY9" fmla="*/ 500467 h 2328483"/>
                <a:gd name="connsiteX10" fmla="*/ 990044 w 1397791"/>
                <a:gd name="connsiteY10" fmla="*/ 554014 h 2328483"/>
                <a:gd name="connsiteX11" fmla="*/ 1072422 w 1397791"/>
                <a:gd name="connsiteY11" fmla="*/ 661106 h 2328483"/>
                <a:gd name="connsiteX12" fmla="*/ 1150682 w 1397791"/>
                <a:gd name="connsiteY12" fmla="*/ 825863 h 2328483"/>
                <a:gd name="connsiteX13" fmla="*/ 1245418 w 1397791"/>
                <a:gd name="connsiteY13" fmla="*/ 1002977 h 2328483"/>
                <a:gd name="connsiteX14" fmla="*/ 1279202 w 1397791"/>
                <a:gd name="connsiteY14" fmla="*/ 1140070 h 2328483"/>
                <a:gd name="connsiteX15" fmla="*/ 1293178 w 1397791"/>
                <a:gd name="connsiteY15" fmla="*/ 1263029 h 2328483"/>
                <a:gd name="connsiteX16" fmla="*/ 1341872 w 1397791"/>
                <a:gd name="connsiteY16" fmla="*/ 1429275 h 2328483"/>
                <a:gd name="connsiteX17" fmla="*/ 1301912 w 1397791"/>
                <a:gd name="connsiteY17" fmla="*/ 1596710 h 2328483"/>
                <a:gd name="connsiteX18" fmla="*/ 970396 w 1397791"/>
                <a:gd name="connsiteY18" fmla="*/ 1691557 h 2328483"/>
                <a:gd name="connsiteX19" fmla="*/ 837532 w 1397791"/>
                <a:gd name="connsiteY19" fmla="*/ 1680259 h 2328483"/>
                <a:gd name="connsiteX20" fmla="*/ 830241 w 1397791"/>
                <a:gd name="connsiteY20" fmla="*/ 1807943 h 2328483"/>
                <a:gd name="connsiteX21" fmla="*/ 862358 w 1397791"/>
                <a:gd name="connsiteY21" fmla="*/ 1942090 h 2328483"/>
                <a:gd name="connsiteX22" fmla="*/ 920023 w 1397791"/>
                <a:gd name="connsiteY22" fmla="*/ 1715550 h 2328483"/>
                <a:gd name="connsiteX23" fmla="*/ 1187754 w 1397791"/>
                <a:gd name="connsiteY23" fmla="*/ 1657884 h 2328483"/>
                <a:gd name="connsiteX24" fmla="*/ 1350282 w 1397791"/>
                <a:gd name="connsiteY24" fmla="*/ 1740376 h 2328483"/>
                <a:gd name="connsiteX25" fmla="*/ 1374884 w 1397791"/>
                <a:gd name="connsiteY25" fmla="*/ 1868557 h 2328483"/>
                <a:gd name="connsiteX26" fmla="*/ 1391856 w 1397791"/>
                <a:gd name="connsiteY26" fmla="*/ 2114971 h 2328483"/>
                <a:gd name="connsiteX27" fmla="*/ 1266847 w 1397791"/>
                <a:gd name="connsiteY27" fmla="*/ 2327986 h 2328483"/>
                <a:gd name="connsiteX28" fmla="*/ 783086 w 1397791"/>
                <a:gd name="connsiteY28" fmla="*/ 2171405 h 2328483"/>
                <a:gd name="connsiteX29" fmla="*/ 594398 w 1397791"/>
                <a:gd name="connsiteY29" fmla="*/ 2091698 h 2328483"/>
                <a:gd name="connsiteX30" fmla="*/ 533173 w 1397791"/>
                <a:gd name="connsiteY30" fmla="*/ 1969253 h 2328483"/>
                <a:gd name="connsiteX31" fmla="*/ 469521 w 1397791"/>
                <a:gd name="connsiteY31" fmla="*/ 1737459 h 2328483"/>
                <a:gd name="connsiteX32" fmla="*/ 325647 w 1397791"/>
                <a:gd name="connsiteY32" fmla="*/ 1536835 h 2328483"/>
                <a:gd name="connsiteX33" fmla="*/ 199510 w 1397791"/>
                <a:gd name="connsiteY33" fmla="*/ 1375393 h 2328483"/>
                <a:gd name="connsiteX34" fmla="*/ 1783 w 1397791"/>
                <a:gd name="connsiteY34" fmla="*/ 1221663 h 2328483"/>
                <a:gd name="connsiteX0" fmla="*/ 1783 w 1397791"/>
                <a:gd name="connsiteY0" fmla="*/ 1190377 h 2297197"/>
                <a:gd name="connsiteX1" fmla="*/ 105358 w 1397791"/>
                <a:gd name="connsiteY1" fmla="*/ 422015 h 2297197"/>
                <a:gd name="connsiteX2" fmla="*/ 163855 w 1397791"/>
                <a:gd name="connsiteY2" fmla="*/ 2733 h 2297197"/>
                <a:gd name="connsiteX3" fmla="*/ 253929 w 1397791"/>
                <a:gd name="connsiteY3" fmla="*/ 6469 h 2297197"/>
                <a:gd name="connsiteX4" fmla="*/ 396920 w 1397791"/>
                <a:gd name="connsiteY4" fmla="*/ 36695 h 2297197"/>
                <a:gd name="connsiteX5" fmla="*/ 627580 w 1397791"/>
                <a:gd name="connsiteY5" fmla="*/ 193214 h 2297197"/>
                <a:gd name="connsiteX6" fmla="*/ 675337 w 1397791"/>
                <a:gd name="connsiteY6" fmla="*/ 246307 h 2297197"/>
                <a:gd name="connsiteX7" fmla="*/ 747028 w 1397791"/>
                <a:gd name="connsiteY7" fmla="*/ 263235 h 2297197"/>
                <a:gd name="connsiteX8" fmla="*/ 928261 w 1397791"/>
                <a:gd name="connsiteY8" fmla="*/ 407399 h 2297197"/>
                <a:gd name="connsiteX9" fmla="*/ 973569 w 1397791"/>
                <a:gd name="connsiteY9" fmla="*/ 469181 h 2297197"/>
                <a:gd name="connsiteX10" fmla="*/ 990044 w 1397791"/>
                <a:gd name="connsiteY10" fmla="*/ 522728 h 2297197"/>
                <a:gd name="connsiteX11" fmla="*/ 1072422 w 1397791"/>
                <a:gd name="connsiteY11" fmla="*/ 629820 h 2297197"/>
                <a:gd name="connsiteX12" fmla="*/ 1150682 w 1397791"/>
                <a:gd name="connsiteY12" fmla="*/ 794577 h 2297197"/>
                <a:gd name="connsiteX13" fmla="*/ 1245418 w 1397791"/>
                <a:gd name="connsiteY13" fmla="*/ 971691 h 2297197"/>
                <a:gd name="connsiteX14" fmla="*/ 1279202 w 1397791"/>
                <a:gd name="connsiteY14" fmla="*/ 1108784 h 2297197"/>
                <a:gd name="connsiteX15" fmla="*/ 1293178 w 1397791"/>
                <a:gd name="connsiteY15" fmla="*/ 1231743 h 2297197"/>
                <a:gd name="connsiteX16" fmla="*/ 1341872 w 1397791"/>
                <a:gd name="connsiteY16" fmla="*/ 1397989 h 2297197"/>
                <a:gd name="connsiteX17" fmla="*/ 1301912 w 1397791"/>
                <a:gd name="connsiteY17" fmla="*/ 1565424 h 2297197"/>
                <a:gd name="connsiteX18" fmla="*/ 970396 w 1397791"/>
                <a:gd name="connsiteY18" fmla="*/ 1660271 h 2297197"/>
                <a:gd name="connsiteX19" fmla="*/ 837532 w 1397791"/>
                <a:gd name="connsiteY19" fmla="*/ 1648973 h 2297197"/>
                <a:gd name="connsiteX20" fmla="*/ 830241 w 1397791"/>
                <a:gd name="connsiteY20" fmla="*/ 1776657 h 2297197"/>
                <a:gd name="connsiteX21" fmla="*/ 862358 w 1397791"/>
                <a:gd name="connsiteY21" fmla="*/ 1910804 h 2297197"/>
                <a:gd name="connsiteX22" fmla="*/ 920023 w 1397791"/>
                <a:gd name="connsiteY22" fmla="*/ 1684264 h 2297197"/>
                <a:gd name="connsiteX23" fmla="*/ 1187754 w 1397791"/>
                <a:gd name="connsiteY23" fmla="*/ 1626598 h 2297197"/>
                <a:gd name="connsiteX24" fmla="*/ 1350282 w 1397791"/>
                <a:gd name="connsiteY24" fmla="*/ 1709090 h 2297197"/>
                <a:gd name="connsiteX25" fmla="*/ 1374884 w 1397791"/>
                <a:gd name="connsiteY25" fmla="*/ 1837271 h 2297197"/>
                <a:gd name="connsiteX26" fmla="*/ 1391856 w 1397791"/>
                <a:gd name="connsiteY26" fmla="*/ 2083685 h 2297197"/>
                <a:gd name="connsiteX27" fmla="*/ 1266847 w 1397791"/>
                <a:gd name="connsiteY27" fmla="*/ 2296700 h 2297197"/>
                <a:gd name="connsiteX28" fmla="*/ 783086 w 1397791"/>
                <a:gd name="connsiteY28" fmla="*/ 2140119 h 2297197"/>
                <a:gd name="connsiteX29" fmla="*/ 594398 w 1397791"/>
                <a:gd name="connsiteY29" fmla="*/ 2060412 h 2297197"/>
                <a:gd name="connsiteX30" fmla="*/ 533173 w 1397791"/>
                <a:gd name="connsiteY30" fmla="*/ 1937967 h 2297197"/>
                <a:gd name="connsiteX31" fmla="*/ 469521 w 1397791"/>
                <a:gd name="connsiteY31" fmla="*/ 1706173 h 2297197"/>
                <a:gd name="connsiteX32" fmla="*/ 325647 w 1397791"/>
                <a:gd name="connsiteY32" fmla="*/ 1505549 h 2297197"/>
                <a:gd name="connsiteX33" fmla="*/ 199510 w 1397791"/>
                <a:gd name="connsiteY33" fmla="*/ 1344107 h 2297197"/>
                <a:gd name="connsiteX34" fmla="*/ 1783 w 1397791"/>
                <a:gd name="connsiteY34" fmla="*/ 1190377 h 2297197"/>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64408 h 2298370"/>
                <a:gd name="connsiteX8" fmla="*/ 928261 w 1397791"/>
                <a:gd name="connsiteY8" fmla="*/ 408572 h 2298370"/>
                <a:gd name="connsiteX9" fmla="*/ 973569 w 1397791"/>
                <a:gd name="connsiteY9" fmla="*/ 470354 h 2298370"/>
                <a:gd name="connsiteX10" fmla="*/ 990044 w 1397791"/>
                <a:gd name="connsiteY10" fmla="*/ 523901 h 2298370"/>
                <a:gd name="connsiteX11" fmla="*/ 1072422 w 1397791"/>
                <a:gd name="connsiteY11" fmla="*/ 630993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928261 w 1397791"/>
                <a:gd name="connsiteY8" fmla="*/ 408572 h 2298370"/>
                <a:gd name="connsiteX9" fmla="*/ 973569 w 1397791"/>
                <a:gd name="connsiteY9" fmla="*/ 470354 h 2298370"/>
                <a:gd name="connsiteX10" fmla="*/ 990044 w 1397791"/>
                <a:gd name="connsiteY10" fmla="*/ 523901 h 2298370"/>
                <a:gd name="connsiteX11" fmla="*/ 1072422 w 1397791"/>
                <a:gd name="connsiteY11" fmla="*/ 630993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897649 w 1397791"/>
                <a:gd name="connsiteY8" fmla="*/ 414694 h 2298370"/>
                <a:gd name="connsiteX9" fmla="*/ 973569 w 1397791"/>
                <a:gd name="connsiteY9" fmla="*/ 470354 h 2298370"/>
                <a:gd name="connsiteX10" fmla="*/ 990044 w 1397791"/>
                <a:gd name="connsiteY10" fmla="*/ 523901 h 2298370"/>
                <a:gd name="connsiteX11" fmla="*/ 1072422 w 1397791"/>
                <a:gd name="connsiteY11" fmla="*/ 630993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897649 w 1397791"/>
                <a:gd name="connsiteY8" fmla="*/ 414694 h 2298370"/>
                <a:gd name="connsiteX9" fmla="*/ 955202 w 1397791"/>
                <a:gd name="connsiteY9" fmla="*/ 476476 h 2298370"/>
                <a:gd name="connsiteX10" fmla="*/ 990044 w 1397791"/>
                <a:gd name="connsiteY10" fmla="*/ 523901 h 2298370"/>
                <a:gd name="connsiteX11" fmla="*/ 1072422 w 1397791"/>
                <a:gd name="connsiteY11" fmla="*/ 630993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897649 w 1397791"/>
                <a:gd name="connsiteY8" fmla="*/ 414694 h 2298370"/>
                <a:gd name="connsiteX9" fmla="*/ 955202 w 1397791"/>
                <a:gd name="connsiteY9" fmla="*/ 476476 h 2298370"/>
                <a:gd name="connsiteX10" fmla="*/ 990044 w 1397791"/>
                <a:gd name="connsiteY10" fmla="*/ 523901 h 2298370"/>
                <a:gd name="connsiteX11" fmla="*/ 1035689 w 1397791"/>
                <a:gd name="connsiteY11" fmla="*/ 670787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897649 w 1397791"/>
                <a:gd name="connsiteY8" fmla="*/ 414694 h 2298370"/>
                <a:gd name="connsiteX9" fmla="*/ 955202 w 1397791"/>
                <a:gd name="connsiteY9" fmla="*/ 476476 h 2298370"/>
                <a:gd name="connsiteX10" fmla="*/ 990044 w 1397791"/>
                <a:gd name="connsiteY10" fmla="*/ 523901 h 2298370"/>
                <a:gd name="connsiteX11" fmla="*/ 1054056 w 1397791"/>
                <a:gd name="connsiteY11" fmla="*/ 664665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293178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1783 w 1397791"/>
                <a:gd name="connsiteY0" fmla="*/ 1191550 h 2298370"/>
                <a:gd name="connsiteX1" fmla="*/ 105358 w 1397791"/>
                <a:gd name="connsiteY1" fmla="*/ 423188 h 2298370"/>
                <a:gd name="connsiteX2" fmla="*/ 163855 w 1397791"/>
                <a:gd name="connsiteY2" fmla="*/ 3906 h 2298370"/>
                <a:gd name="connsiteX3" fmla="*/ 253929 w 1397791"/>
                <a:gd name="connsiteY3" fmla="*/ 7642 h 2298370"/>
                <a:gd name="connsiteX4" fmla="*/ 390798 w 1397791"/>
                <a:gd name="connsiteY4" fmla="*/ 62357 h 2298370"/>
                <a:gd name="connsiteX5" fmla="*/ 627580 w 1397791"/>
                <a:gd name="connsiteY5" fmla="*/ 194387 h 2298370"/>
                <a:gd name="connsiteX6" fmla="*/ 675337 w 1397791"/>
                <a:gd name="connsiteY6" fmla="*/ 247480 h 2298370"/>
                <a:gd name="connsiteX7" fmla="*/ 747028 w 1397791"/>
                <a:gd name="connsiteY7" fmla="*/ 295019 h 2298370"/>
                <a:gd name="connsiteX8" fmla="*/ 897649 w 1397791"/>
                <a:gd name="connsiteY8" fmla="*/ 414694 h 2298370"/>
                <a:gd name="connsiteX9" fmla="*/ 955202 w 1397791"/>
                <a:gd name="connsiteY9" fmla="*/ 476476 h 2298370"/>
                <a:gd name="connsiteX10" fmla="*/ 990044 w 1397791"/>
                <a:gd name="connsiteY10" fmla="*/ 523901 h 2298370"/>
                <a:gd name="connsiteX11" fmla="*/ 1054056 w 1397791"/>
                <a:gd name="connsiteY11" fmla="*/ 664665 h 2298370"/>
                <a:gd name="connsiteX12" fmla="*/ 1150682 w 1397791"/>
                <a:gd name="connsiteY12" fmla="*/ 795750 h 2298370"/>
                <a:gd name="connsiteX13" fmla="*/ 1245418 w 1397791"/>
                <a:gd name="connsiteY13" fmla="*/ 972864 h 2298370"/>
                <a:gd name="connsiteX14" fmla="*/ 1279202 w 1397791"/>
                <a:gd name="connsiteY14" fmla="*/ 1109957 h 2298370"/>
                <a:gd name="connsiteX15" fmla="*/ 1302362 w 1397791"/>
                <a:gd name="connsiteY15" fmla="*/ 1232916 h 2298370"/>
                <a:gd name="connsiteX16" fmla="*/ 1341872 w 1397791"/>
                <a:gd name="connsiteY16" fmla="*/ 1399162 h 2298370"/>
                <a:gd name="connsiteX17" fmla="*/ 1301912 w 1397791"/>
                <a:gd name="connsiteY17" fmla="*/ 1566597 h 2298370"/>
                <a:gd name="connsiteX18" fmla="*/ 970396 w 1397791"/>
                <a:gd name="connsiteY18" fmla="*/ 1661444 h 2298370"/>
                <a:gd name="connsiteX19" fmla="*/ 837532 w 1397791"/>
                <a:gd name="connsiteY19" fmla="*/ 1650146 h 2298370"/>
                <a:gd name="connsiteX20" fmla="*/ 830241 w 1397791"/>
                <a:gd name="connsiteY20" fmla="*/ 1777830 h 2298370"/>
                <a:gd name="connsiteX21" fmla="*/ 862358 w 1397791"/>
                <a:gd name="connsiteY21" fmla="*/ 1911977 h 2298370"/>
                <a:gd name="connsiteX22" fmla="*/ 920023 w 1397791"/>
                <a:gd name="connsiteY22" fmla="*/ 1685437 h 2298370"/>
                <a:gd name="connsiteX23" fmla="*/ 1187754 w 1397791"/>
                <a:gd name="connsiteY23" fmla="*/ 1627771 h 2298370"/>
                <a:gd name="connsiteX24" fmla="*/ 1350282 w 1397791"/>
                <a:gd name="connsiteY24" fmla="*/ 1710263 h 2298370"/>
                <a:gd name="connsiteX25" fmla="*/ 1374884 w 1397791"/>
                <a:gd name="connsiteY25" fmla="*/ 1838444 h 2298370"/>
                <a:gd name="connsiteX26" fmla="*/ 1391856 w 1397791"/>
                <a:gd name="connsiteY26" fmla="*/ 2084858 h 2298370"/>
                <a:gd name="connsiteX27" fmla="*/ 1266847 w 1397791"/>
                <a:gd name="connsiteY27" fmla="*/ 2297873 h 2298370"/>
                <a:gd name="connsiteX28" fmla="*/ 783086 w 1397791"/>
                <a:gd name="connsiteY28" fmla="*/ 2141292 h 2298370"/>
                <a:gd name="connsiteX29" fmla="*/ 594398 w 1397791"/>
                <a:gd name="connsiteY29" fmla="*/ 2061585 h 2298370"/>
                <a:gd name="connsiteX30" fmla="*/ 533173 w 1397791"/>
                <a:gd name="connsiteY30" fmla="*/ 1939140 h 2298370"/>
                <a:gd name="connsiteX31" fmla="*/ 469521 w 1397791"/>
                <a:gd name="connsiteY31" fmla="*/ 1707346 h 2298370"/>
                <a:gd name="connsiteX32" fmla="*/ 325647 w 1397791"/>
                <a:gd name="connsiteY32" fmla="*/ 1506722 h 2298370"/>
                <a:gd name="connsiteX33" fmla="*/ 199510 w 1397791"/>
                <a:gd name="connsiteY33" fmla="*/ 1345280 h 2298370"/>
                <a:gd name="connsiteX34" fmla="*/ 1783 w 1397791"/>
                <a:gd name="connsiteY34" fmla="*/ 1191550 h 2298370"/>
                <a:gd name="connsiteX0" fmla="*/ 3617 w 1399625"/>
                <a:gd name="connsiteY0" fmla="*/ 1191550 h 2298370"/>
                <a:gd name="connsiteX1" fmla="*/ 75838 w 1399625"/>
                <a:gd name="connsiteY1" fmla="*/ 898354 h 2298370"/>
                <a:gd name="connsiteX2" fmla="*/ 107192 w 1399625"/>
                <a:gd name="connsiteY2" fmla="*/ 423188 h 2298370"/>
                <a:gd name="connsiteX3" fmla="*/ 165689 w 1399625"/>
                <a:gd name="connsiteY3" fmla="*/ 3906 h 2298370"/>
                <a:gd name="connsiteX4" fmla="*/ 255763 w 1399625"/>
                <a:gd name="connsiteY4" fmla="*/ 7642 h 2298370"/>
                <a:gd name="connsiteX5" fmla="*/ 392632 w 1399625"/>
                <a:gd name="connsiteY5" fmla="*/ 62357 h 2298370"/>
                <a:gd name="connsiteX6" fmla="*/ 629414 w 1399625"/>
                <a:gd name="connsiteY6" fmla="*/ 194387 h 2298370"/>
                <a:gd name="connsiteX7" fmla="*/ 677171 w 1399625"/>
                <a:gd name="connsiteY7" fmla="*/ 247480 h 2298370"/>
                <a:gd name="connsiteX8" fmla="*/ 748862 w 1399625"/>
                <a:gd name="connsiteY8" fmla="*/ 295019 h 2298370"/>
                <a:gd name="connsiteX9" fmla="*/ 899483 w 1399625"/>
                <a:gd name="connsiteY9" fmla="*/ 414694 h 2298370"/>
                <a:gd name="connsiteX10" fmla="*/ 957036 w 1399625"/>
                <a:gd name="connsiteY10" fmla="*/ 476476 h 2298370"/>
                <a:gd name="connsiteX11" fmla="*/ 991878 w 1399625"/>
                <a:gd name="connsiteY11" fmla="*/ 523901 h 2298370"/>
                <a:gd name="connsiteX12" fmla="*/ 1055890 w 1399625"/>
                <a:gd name="connsiteY12" fmla="*/ 664665 h 2298370"/>
                <a:gd name="connsiteX13" fmla="*/ 1152516 w 1399625"/>
                <a:gd name="connsiteY13" fmla="*/ 795750 h 2298370"/>
                <a:gd name="connsiteX14" fmla="*/ 1247252 w 1399625"/>
                <a:gd name="connsiteY14" fmla="*/ 972864 h 2298370"/>
                <a:gd name="connsiteX15" fmla="*/ 1281036 w 1399625"/>
                <a:gd name="connsiteY15" fmla="*/ 1109957 h 2298370"/>
                <a:gd name="connsiteX16" fmla="*/ 1304196 w 1399625"/>
                <a:gd name="connsiteY16" fmla="*/ 1232916 h 2298370"/>
                <a:gd name="connsiteX17" fmla="*/ 1343706 w 1399625"/>
                <a:gd name="connsiteY17" fmla="*/ 1399162 h 2298370"/>
                <a:gd name="connsiteX18" fmla="*/ 1303746 w 1399625"/>
                <a:gd name="connsiteY18" fmla="*/ 1566597 h 2298370"/>
                <a:gd name="connsiteX19" fmla="*/ 972230 w 1399625"/>
                <a:gd name="connsiteY19" fmla="*/ 1661444 h 2298370"/>
                <a:gd name="connsiteX20" fmla="*/ 839366 w 1399625"/>
                <a:gd name="connsiteY20" fmla="*/ 1650146 h 2298370"/>
                <a:gd name="connsiteX21" fmla="*/ 832075 w 1399625"/>
                <a:gd name="connsiteY21" fmla="*/ 1777830 h 2298370"/>
                <a:gd name="connsiteX22" fmla="*/ 864192 w 1399625"/>
                <a:gd name="connsiteY22" fmla="*/ 1911977 h 2298370"/>
                <a:gd name="connsiteX23" fmla="*/ 921857 w 1399625"/>
                <a:gd name="connsiteY23" fmla="*/ 1685437 h 2298370"/>
                <a:gd name="connsiteX24" fmla="*/ 1189588 w 1399625"/>
                <a:gd name="connsiteY24" fmla="*/ 1627771 h 2298370"/>
                <a:gd name="connsiteX25" fmla="*/ 1352116 w 1399625"/>
                <a:gd name="connsiteY25" fmla="*/ 1710263 h 2298370"/>
                <a:gd name="connsiteX26" fmla="*/ 1376718 w 1399625"/>
                <a:gd name="connsiteY26" fmla="*/ 1838444 h 2298370"/>
                <a:gd name="connsiteX27" fmla="*/ 1393690 w 1399625"/>
                <a:gd name="connsiteY27" fmla="*/ 2084858 h 2298370"/>
                <a:gd name="connsiteX28" fmla="*/ 1268681 w 1399625"/>
                <a:gd name="connsiteY28" fmla="*/ 2297873 h 2298370"/>
                <a:gd name="connsiteX29" fmla="*/ 784920 w 1399625"/>
                <a:gd name="connsiteY29" fmla="*/ 2141292 h 2298370"/>
                <a:gd name="connsiteX30" fmla="*/ 596232 w 1399625"/>
                <a:gd name="connsiteY30" fmla="*/ 2061585 h 2298370"/>
                <a:gd name="connsiteX31" fmla="*/ 535007 w 1399625"/>
                <a:gd name="connsiteY31" fmla="*/ 1939140 h 2298370"/>
                <a:gd name="connsiteX32" fmla="*/ 471355 w 1399625"/>
                <a:gd name="connsiteY32" fmla="*/ 1707346 h 2298370"/>
                <a:gd name="connsiteX33" fmla="*/ 327481 w 1399625"/>
                <a:gd name="connsiteY33" fmla="*/ 1506722 h 2298370"/>
                <a:gd name="connsiteX34" fmla="*/ 201344 w 1399625"/>
                <a:gd name="connsiteY34" fmla="*/ 1345280 h 2298370"/>
                <a:gd name="connsiteX35" fmla="*/ 3617 w 1399625"/>
                <a:gd name="connsiteY35" fmla="*/ 1191550 h 2298370"/>
                <a:gd name="connsiteX0" fmla="*/ 12308 w 1340971"/>
                <a:gd name="connsiteY0" fmla="*/ 1209917 h 2298370"/>
                <a:gd name="connsiteX1" fmla="*/ 17184 w 1340971"/>
                <a:gd name="connsiteY1" fmla="*/ 898354 h 2298370"/>
                <a:gd name="connsiteX2" fmla="*/ 48538 w 1340971"/>
                <a:gd name="connsiteY2" fmla="*/ 423188 h 2298370"/>
                <a:gd name="connsiteX3" fmla="*/ 107035 w 1340971"/>
                <a:gd name="connsiteY3" fmla="*/ 3906 h 2298370"/>
                <a:gd name="connsiteX4" fmla="*/ 197109 w 1340971"/>
                <a:gd name="connsiteY4" fmla="*/ 7642 h 2298370"/>
                <a:gd name="connsiteX5" fmla="*/ 333978 w 1340971"/>
                <a:gd name="connsiteY5" fmla="*/ 62357 h 2298370"/>
                <a:gd name="connsiteX6" fmla="*/ 570760 w 1340971"/>
                <a:gd name="connsiteY6" fmla="*/ 194387 h 2298370"/>
                <a:gd name="connsiteX7" fmla="*/ 618517 w 1340971"/>
                <a:gd name="connsiteY7" fmla="*/ 247480 h 2298370"/>
                <a:gd name="connsiteX8" fmla="*/ 690208 w 1340971"/>
                <a:gd name="connsiteY8" fmla="*/ 295019 h 2298370"/>
                <a:gd name="connsiteX9" fmla="*/ 840829 w 1340971"/>
                <a:gd name="connsiteY9" fmla="*/ 414694 h 2298370"/>
                <a:gd name="connsiteX10" fmla="*/ 898382 w 1340971"/>
                <a:gd name="connsiteY10" fmla="*/ 476476 h 2298370"/>
                <a:gd name="connsiteX11" fmla="*/ 933224 w 1340971"/>
                <a:gd name="connsiteY11" fmla="*/ 523901 h 2298370"/>
                <a:gd name="connsiteX12" fmla="*/ 997236 w 1340971"/>
                <a:gd name="connsiteY12" fmla="*/ 664665 h 2298370"/>
                <a:gd name="connsiteX13" fmla="*/ 1093862 w 1340971"/>
                <a:gd name="connsiteY13" fmla="*/ 795750 h 2298370"/>
                <a:gd name="connsiteX14" fmla="*/ 1188598 w 1340971"/>
                <a:gd name="connsiteY14" fmla="*/ 972864 h 2298370"/>
                <a:gd name="connsiteX15" fmla="*/ 1222382 w 1340971"/>
                <a:gd name="connsiteY15" fmla="*/ 1109957 h 2298370"/>
                <a:gd name="connsiteX16" fmla="*/ 1245542 w 1340971"/>
                <a:gd name="connsiteY16" fmla="*/ 1232916 h 2298370"/>
                <a:gd name="connsiteX17" fmla="*/ 1285052 w 1340971"/>
                <a:gd name="connsiteY17" fmla="*/ 1399162 h 2298370"/>
                <a:gd name="connsiteX18" fmla="*/ 1245092 w 1340971"/>
                <a:gd name="connsiteY18" fmla="*/ 1566597 h 2298370"/>
                <a:gd name="connsiteX19" fmla="*/ 913576 w 1340971"/>
                <a:gd name="connsiteY19" fmla="*/ 1661444 h 2298370"/>
                <a:gd name="connsiteX20" fmla="*/ 780712 w 1340971"/>
                <a:gd name="connsiteY20" fmla="*/ 1650146 h 2298370"/>
                <a:gd name="connsiteX21" fmla="*/ 773421 w 1340971"/>
                <a:gd name="connsiteY21" fmla="*/ 1777830 h 2298370"/>
                <a:gd name="connsiteX22" fmla="*/ 805538 w 1340971"/>
                <a:gd name="connsiteY22" fmla="*/ 1911977 h 2298370"/>
                <a:gd name="connsiteX23" fmla="*/ 863203 w 1340971"/>
                <a:gd name="connsiteY23" fmla="*/ 1685437 h 2298370"/>
                <a:gd name="connsiteX24" fmla="*/ 1130934 w 1340971"/>
                <a:gd name="connsiteY24" fmla="*/ 1627771 h 2298370"/>
                <a:gd name="connsiteX25" fmla="*/ 1293462 w 1340971"/>
                <a:gd name="connsiteY25" fmla="*/ 1710263 h 2298370"/>
                <a:gd name="connsiteX26" fmla="*/ 1318064 w 1340971"/>
                <a:gd name="connsiteY26" fmla="*/ 1838444 h 2298370"/>
                <a:gd name="connsiteX27" fmla="*/ 1335036 w 1340971"/>
                <a:gd name="connsiteY27" fmla="*/ 2084858 h 2298370"/>
                <a:gd name="connsiteX28" fmla="*/ 1210027 w 1340971"/>
                <a:gd name="connsiteY28" fmla="*/ 2297873 h 2298370"/>
                <a:gd name="connsiteX29" fmla="*/ 726266 w 1340971"/>
                <a:gd name="connsiteY29" fmla="*/ 2141292 h 2298370"/>
                <a:gd name="connsiteX30" fmla="*/ 537578 w 1340971"/>
                <a:gd name="connsiteY30" fmla="*/ 2061585 h 2298370"/>
                <a:gd name="connsiteX31" fmla="*/ 476353 w 1340971"/>
                <a:gd name="connsiteY31" fmla="*/ 1939140 h 2298370"/>
                <a:gd name="connsiteX32" fmla="*/ 412701 w 1340971"/>
                <a:gd name="connsiteY32" fmla="*/ 1707346 h 2298370"/>
                <a:gd name="connsiteX33" fmla="*/ 268827 w 1340971"/>
                <a:gd name="connsiteY33" fmla="*/ 1506722 h 2298370"/>
                <a:gd name="connsiteX34" fmla="*/ 142690 w 1340971"/>
                <a:gd name="connsiteY34" fmla="*/ 1345280 h 2298370"/>
                <a:gd name="connsiteX35" fmla="*/ 12308 w 1340971"/>
                <a:gd name="connsiteY35" fmla="*/ 1209917 h 2298370"/>
                <a:gd name="connsiteX0" fmla="*/ 12308 w 1340971"/>
                <a:gd name="connsiteY0" fmla="*/ 1209917 h 2298370"/>
                <a:gd name="connsiteX1" fmla="*/ 17184 w 1340971"/>
                <a:gd name="connsiteY1" fmla="*/ 898354 h 2298370"/>
                <a:gd name="connsiteX2" fmla="*/ 48538 w 1340971"/>
                <a:gd name="connsiteY2" fmla="*/ 423188 h 2298370"/>
                <a:gd name="connsiteX3" fmla="*/ 107035 w 1340971"/>
                <a:gd name="connsiteY3" fmla="*/ 3906 h 2298370"/>
                <a:gd name="connsiteX4" fmla="*/ 197109 w 1340971"/>
                <a:gd name="connsiteY4" fmla="*/ 7642 h 2298370"/>
                <a:gd name="connsiteX5" fmla="*/ 333978 w 1340971"/>
                <a:gd name="connsiteY5" fmla="*/ 62357 h 2298370"/>
                <a:gd name="connsiteX6" fmla="*/ 570760 w 1340971"/>
                <a:gd name="connsiteY6" fmla="*/ 194387 h 2298370"/>
                <a:gd name="connsiteX7" fmla="*/ 618517 w 1340971"/>
                <a:gd name="connsiteY7" fmla="*/ 247480 h 2298370"/>
                <a:gd name="connsiteX8" fmla="*/ 690208 w 1340971"/>
                <a:gd name="connsiteY8" fmla="*/ 295019 h 2298370"/>
                <a:gd name="connsiteX9" fmla="*/ 840829 w 1340971"/>
                <a:gd name="connsiteY9" fmla="*/ 414694 h 2298370"/>
                <a:gd name="connsiteX10" fmla="*/ 898382 w 1340971"/>
                <a:gd name="connsiteY10" fmla="*/ 476476 h 2298370"/>
                <a:gd name="connsiteX11" fmla="*/ 933224 w 1340971"/>
                <a:gd name="connsiteY11" fmla="*/ 523901 h 2298370"/>
                <a:gd name="connsiteX12" fmla="*/ 997236 w 1340971"/>
                <a:gd name="connsiteY12" fmla="*/ 664665 h 2298370"/>
                <a:gd name="connsiteX13" fmla="*/ 1093862 w 1340971"/>
                <a:gd name="connsiteY13" fmla="*/ 795750 h 2298370"/>
                <a:gd name="connsiteX14" fmla="*/ 1188598 w 1340971"/>
                <a:gd name="connsiteY14" fmla="*/ 972864 h 2298370"/>
                <a:gd name="connsiteX15" fmla="*/ 1222382 w 1340971"/>
                <a:gd name="connsiteY15" fmla="*/ 1109957 h 2298370"/>
                <a:gd name="connsiteX16" fmla="*/ 1245542 w 1340971"/>
                <a:gd name="connsiteY16" fmla="*/ 1232916 h 2298370"/>
                <a:gd name="connsiteX17" fmla="*/ 1285052 w 1340971"/>
                <a:gd name="connsiteY17" fmla="*/ 1399162 h 2298370"/>
                <a:gd name="connsiteX18" fmla="*/ 1245092 w 1340971"/>
                <a:gd name="connsiteY18" fmla="*/ 1566597 h 2298370"/>
                <a:gd name="connsiteX19" fmla="*/ 913576 w 1340971"/>
                <a:gd name="connsiteY19" fmla="*/ 1661444 h 2298370"/>
                <a:gd name="connsiteX20" fmla="*/ 780712 w 1340971"/>
                <a:gd name="connsiteY20" fmla="*/ 1650146 h 2298370"/>
                <a:gd name="connsiteX21" fmla="*/ 773421 w 1340971"/>
                <a:gd name="connsiteY21" fmla="*/ 1777830 h 2298370"/>
                <a:gd name="connsiteX22" fmla="*/ 805538 w 1340971"/>
                <a:gd name="connsiteY22" fmla="*/ 1911977 h 2298370"/>
                <a:gd name="connsiteX23" fmla="*/ 863203 w 1340971"/>
                <a:gd name="connsiteY23" fmla="*/ 1685437 h 2298370"/>
                <a:gd name="connsiteX24" fmla="*/ 1130934 w 1340971"/>
                <a:gd name="connsiteY24" fmla="*/ 1627771 h 2298370"/>
                <a:gd name="connsiteX25" fmla="*/ 1293462 w 1340971"/>
                <a:gd name="connsiteY25" fmla="*/ 1710263 h 2298370"/>
                <a:gd name="connsiteX26" fmla="*/ 1318064 w 1340971"/>
                <a:gd name="connsiteY26" fmla="*/ 1838444 h 2298370"/>
                <a:gd name="connsiteX27" fmla="*/ 1335036 w 1340971"/>
                <a:gd name="connsiteY27" fmla="*/ 2084858 h 2298370"/>
                <a:gd name="connsiteX28" fmla="*/ 1210027 w 1340971"/>
                <a:gd name="connsiteY28" fmla="*/ 2297873 h 2298370"/>
                <a:gd name="connsiteX29" fmla="*/ 726266 w 1340971"/>
                <a:gd name="connsiteY29" fmla="*/ 2141292 h 2298370"/>
                <a:gd name="connsiteX30" fmla="*/ 537578 w 1340971"/>
                <a:gd name="connsiteY30" fmla="*/ 2061585 h 2298370"/>
                <a:gd name="connsiteX31" fmla="*/ 476353 w 1340971"/>
                <a:gd name="connsiteY31" fmla="*/ 1939140 h 2298370"/>
                <a:gd name="connsiteX32" fmla="*/ 412701 w 1340971"/>
                <a:gd name="connsiteY32" fmla="*/ 1707346 h 2298370"/>
                <a:gd name="connsiteX33" fmla="*/ 268827 w 1340971"/>
                <a:gd name="connsiteY33" fmla="*/ 1506722 h 2298370"/>
                <a:gd name="connsiteX34" fmla="*/ 142690 w 1340971"/>
                <a:gd name="connsiteY34" fmla="*/ 1345280 h 2298370"/>
                <a:gd name="connsiteX35" fmla="*/ 12308 w 1340971"/>
                <a:gd name="connsiteY35" fmla="*/ 1209917 h 2298370"/>
                <a:gd name="connsiteX0" fmla="*/ 12308 w 1340971"/>
                <a:gd name="connsiteY0" fmla="*/ 1209917 h 2298370"/>
                <a:gd name="connsiteX1" fmla="*/ 17184 w 1340971"/>
                <a:gd name="connsiteY1" fmla="*/ 898354 h 2298370"/>
                <a:gd name="connsiteX2" fmla="*/ 60782 w 1340971"/>
                <a:gd name="connsiteY2" fmla="*/ 435433 h 2298370"/>
                <a:gd name="connsiteX3" fmla="*/ 107035 w 1340971"/>
                <a:gd name="connsiteY3" fmla="*/ 3906 h 2298370"/>
                <a:gd name="connsiteX4" fmla="*/ 197109 w 1340971"/>
                <a:gd name="connsiteY4" fmla="*/ 7642 h 2298370"/>
                <a:gd name="connsiteX5" fmla="*/ 333978 w 1340971"/>
                <a:gd name="connsiteY5" fmla="*/ 62357 h 2298370"/>
                <a:gd name="connsiteX6" fmla="*/ 570760 w 1340971"/>
                <a:gd name="connsiteY6" fmla="*/ 194387 h 2298370"/>
                <a:gd name="connsiteX7" fmla="*/ 618517 w 1340971"/>
                <a:gd name="connsiteY7" fmla="*/ 247480 h 2298370"/>
                <a:gd name="connsiteX8" fmla="*/ 690208 w 1340971"/>
                <a:gd name="connsiteY8" fmla="*/ 295019 h 2298370"/>
                <a:gd name="connsiteX9" fmla="*/ 840829 w 1340971"/>
                <a:gd name="connsiteY9" fmla="*/ 414694 h 2298370"/>
                <a:gd name="connsiteX10" fmla="*/ 898382 w 1340971"/>
                <a:gd name="connsiteY10" fmla="*/ 476476 h 2298370"/>
                <a:gd name="connsiteX11" fmla="*/ 933224 w 1340971"/>
                <a:gd name="connsiteY11" fmla="*/ 523901 h 2298370"/>
                <a:gd name="connsiteX12" fmla="*/ 997236 w 1340971"/>
                <a:gd name="connsiteY12" fmla="*/ 664665 h 2298370"/>
                <a:gd name="connsiteX13" fmla="*/ 1093862 w 1340971"/>
                <a:gd name="connsiteY13" fmla="*/ 795750 h 2298370"/>
                <a:gd name="connsiteX14" fmla="*/ 1188598 w 1340971"/>
                <a:gd name="connsiteY14" fmla="*/ 972864 h 2298370"/>
                <a:gd name="connsiteX15" fmla="*/ 1222382 w 1340971"/>
                <a:gd name="connsiteY15" fmla="*/ 1109957 h 2298370"/>
                <a:gd name="connsiteX16" fmla="*/ 1245542 w 1340971"/>
                <a:gd name="connsiteY16" fmla="*/ 1232916 h 2298370"/>
                <a:gd name="connsiteX17" fmla="*/ 1285052 w 1340971"/>
                <a:gd name="connsiteY17" fmla="*/ 1399162 h 2298370"/>
                <a:gd name="connsiteX18" fmla="*/ 1245092 w 1340971"/>
                <a:gd name="connsiteY18" fmla="*/ 1566597 h 2298370"/>
                <a:gd name="connsiteX19" fmla="*/ 913576 w 1340971"/>
                <a:gd name="connsiteY19" fmla="*/ 1661444 h 2298370"/>
                <a:gd name="connsiteX20" fmla="*/ 780712 w 1340971"/>
                <a:gd name="connsiteY20" fmla="*/ 1650146 h 2298370"/>
                <a:gd name="connsiteX21" fmla="*/ 773421 w 1340971"/>
                <a:gd name="connsiteY21" fmla="*/ 1777830 h 2298370"/>
                <a:gd name="connsiteX22" fmla="*/ 805538 w 1340971"/>
                <a:gd name="connsiteY22" fmla="*/ 1911977 h 2298370"/>
                <a:gd name="connsiteX23" fmla="*/ 863203 w 1340971"/>
                <a:gd name="connsiteY23" fmla="*/ 1685437 h 2298370"/>
                <a:gd name="connsiteX24" fmla="*/ 1130934 w 1340971"/>
                <a:gd name="connsiteY24" fmla="*/ 1627771 h 2298370"/>
                <a:gd name="connsiteX25" fmla="*/ 1293462 w 1340971"/>
                <a:gd name="connsiteY25" fmla="*/ 1710263 h 2298370"/>
                <a:gd name="connsiteX26" fmla="*/ 1318064 w 1340971"/>
                <a:gd name="connsiteY26" fmla="*/ 1838444 h 2298370"/>
                <a:gd name="connsiteX27" fmla="*/ 1335036 w 1340971"/>
                <a:gd name="connsiteY27" fmla="*/ 2084858 h 2298370"/>
                <a:gd name="connsiteX28" fmla="*/ 1210027 w 1340971"/>
                <a:gd name="connsiteY28" fmla="*/ 2297873 h 2298370"/>
                <a:gd name="connsiteX29" fmla="*/ 726266 w 1340971"/>
                <a:gd name="connsiteY29" fmla="*/ 2141292 h 2298370"/>
                <a:gd name="connsiteX30" fmla="*/ 537578 w 1340971"/>
                <a:gd name="connsiteY30" fmla="*/ 2061585 h 2298370"/>
                <a:gd name="connsiteX31" fmla="*/ 476353 w 1340971"/>
                <a:gd name="connsiteY31" fmla="*/ 1939140 h 2298370"/>
                <a:gd name="connsiteX32" fmla="*/ 412701 w 1340971"/>
                <a:gd name="connsiteY32" fmla="*/ 1707346 h 2298370"/>
                <a:gd name="connsiteX33" fmla="*/ 268827 w 1340971"/>
                <a:gd name="connsiteY33" fmla="*/ 1506722 h 2298370"/>
                <a:gd name="connsiteX34" fmla="*/ 142690 w 1340971"/>
                <a:gd name="connsiteY34" fmla="*/ 1345280 h 2298370"/>
                <a:gd name="connsiteX35" fmla="*/ 12308 w 1340971"/>
                <a:gd name="connsiteY35" fmla="*/ 1209917 h 2298370"/>
                <a:gd name="connsiteX0" fmla="*/ 7891 w 1336554"/>
                <a:gd name="connsiteY0" fmla="*/ 1209917 h 2298370"/>
                <a:gd name="connsiteX1" fmla="*/ 25012 w 1336554"/>
                <a:gd name="connsiteY1" fmla="*/ 898354 h 2298370"/>
                <a:gd name="connsiteX2" fmla="*/ 56365 w 1336554"/>
                <a:gd name="connsiteY2" fmla="*/ 435433 h 2298370"/>
                <a:gd name="connsiteX3" fmla="*/ 102618 w 1336554"/>
                <a:gd name="connsiteY3" fmla="*/ 3906 h 2298370"/>
                <a:gd name="connsiteX4" fmla="*/ 192692 w 1336554"/>
                <a:gd name="connsiteY4" fmla="*/ 7642 h 2298370"/>
                <a:gd name="connsiteX5" fmla="*/ 329561 w 1336554"/>
                <a:gd name="connsiteY5" fmla="*/ 62357 h 2298370"/>
                <a:gd name="connsiteX6" fmla="*/ 566343 w 1336554"/>
                <a:gd name="connsiteY6" fmla="*/ 194387 h 2298370"/>
                <a:gd name="connsiteX7" fmla="*/ 614100 w 1336554"/>
                <a:gd name="connsiteY7" fmla="*/ 247480 h 2298370"/>
                <a:gd name="connsiteX8" fmla="*/ 685791 w 1336554"/>
                <a:gd name="connsiteY8" fmla="*/ 295019 h 2298370"/>
                <a:gd name="connsiteX9" fmla="*/ 836412 w 1336554"/>
                <a:gd name="connsiteY9" fmla="*/ 414694 h 2298370"/>
                <a:gd name="connsiteX10" fmla="*/ 893965 w 1336554"/>
                <a:gd name="connsiteY10" fmla="*/ 476476 h 2298370"/>
                <a:gd name="connsiteX11" fmla="*/ 928807 w 1336554"/>
                <a:gd name="connsiteY11" fmla="*/ 523901 h 2298370"/>
                <a:gd name="connsiteX12" fmla="*/ 992819 w 1336554"/>
                <a:gd name="connsiteY12" fmla="*/ 664665 h 2298370"/>
                <a:gd name="connsiteX13" fmla="*/ 1089445 w 1336554"/>
                <a:gd name="connsiteY13" fmla="*/ 795750 h 2298370"/>
                <a:gd name="connsiteX14" fmla="*/ 1184181 w 1336554"/>
                <a:gd name="connsiteY14" fmla="*/ 972864 h 2298370"/>
                <a:gd name="connsiteX15" fmla="*/ 1217965 w 1336554"/>
                <a:gd name="connsiteY15" fmla="*/ 1109957 h 2298370"/>
                <a:gd name="connsiteX16" fmla="*/ 1241125 w 1336554"/>
                <a:gd name="connsiteY16" fmla="*/ 1232916 h 2298370"/>
                <a:gd name="connsiteX17" fmla="*/ 1280635 w 1336554"/>
                <a:gd name="connsiteY17" fmla="*/ 1399162 h 2298370"/>
                <a:gd name="connsiteX18" fmla="*/ 1240675 w 1336554"/>
                <a:gd name="connsiteY18" fmla="*/ 1566597 h 2298370"/>
                <a:gd name="connsiteX19" fmla="*/ 909159 w 1336554"/>
                <a:gd name="connsiteY19" fmla="*/ 1661444 h 2298370"/>
                <a:gd name="connsiteX20" fmla="*/ 776295 w 1336554"/>
                <a:gd name="connsiteY20" fmla="*/ 1650146 h 2298370"/>
                <a:gd name="connsiteX21" fmla="*/ 769004 w 1336554"/>
                <a:gd name="connsiteY21" fmla="*/ 1777830 h 2298370"/>
                <a:gd name="connsiteX22" fmla="*/ 801121 w 1336554"/>
                <a:gd name="connsiteY22" fmla="*/ 1911977 h 2298370"/>
                <a:gd name="connsiteX23" fmla="*/ 858786 w 1336554"/>
                <a:gd name="connsiteY23" fmla="*/ 1685437 h 2298370"/>
                <a:gd name="connsiteX24" fmla="*/ 1126517 w 1336554"/>
                <a:gd name="connsiteY24" fmla="*/ 1627771 h 2298370"/>
                <a:gd name="connsiteX25" fmla="*/ 1289045 w 1336554"/>
                <a:gd name="connsiteY25" fmla="*/ 1710263 h 2298370"/>
                <a:gd name="connsiteX26" fmla="*/ 1313647 w 1336554"/>
                <a:gd name="connsiteY26" fmla="*/ 1838444 h 2298370"/>
                <a:gd name="connsiteX27" fmla="*/ 1330619 w 1336554"/>
                <a:gd name="connsiteY27" fmla="*/ 2084858 h 2298370"/>
                <a:gd name="connsiteX28" fmla="*/ 1205610 w 1336554"/>
                <a:gd name="connsiteY28" fmla="*/ 2297873 h 2298370"/>
                <a:gd name="connsiteX29" fmla="*/ 721849 w 1336554"/>
                <a:gd name="connsiteY29" fmla="*/ 2141292 h 2298370"/>
                <a:gd name="connsiteX30" fmla="*/ 533161 w 1336554"/>
                <a:gd name="connsiteY30" fmla="*/ 2061585 h 2298370"/>
                <a:gd name="connsiteX31" fmla="*/ 471936 w 1336554"/>
                <a:gd name="connsiteY31" fmla="*/ 1939140 h 2298370"/>
                <a:gd name="connsiteX32" fmla="*/ 408284 w 1336554"/>
                <a:gd name="connsiteY32" fmla="*/ 1707346 h 2298370"/>
                <a:gd name="connsiteX33" fmla="*/ 264410 w 1336554"/>
                <a:gd name="connsiteY33" fmla="*/ 1506722 h 2298370"/>
                <a:gd name="connsiteX34" fmla="*/ 138273 w 1336554"/>
                <a:gd name="connsiteY34" fmla="*/ 1345280 h 2298370"/>
                <a:gd name="connsiteX35" fmla="*/ 7891 w 1336554"/>
                <a:gd name="connsiteY35" fmla="*/ 1209917 h 2298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336554" h="2298370">
                  <a:moveTo>
                    <a:pt x="7891" y="1209917"/>
                  </a:moveTo>
                  <a:cubicBezTo>
                    <a:pt x="-10986" y="1135429"/>
                    <a:pt x="7750" y="1026414"/>
                    <a:pt x="25012" y="898354"/>
                  </a:cubicBezTo>
                  <a:cubicBezTo>
                    <a:pt x="42274" y="770294"/>
                    <a:pt x="43431" y="584508"/>
                    <a:pt x="56365" y="435433"/>
                  </a:cubicBezTo>
                  <a:cubicBezTo>
                    <a:pt x="69299" y="286358"/>
                    <a:pt x="90779" y="56856"/>
                    <a:pt x="102618" y="3906"/>
                  </a:cubicBezTo>
                  <a:cubicBezTo>
                    <a:pt x="154420" y="-1578"/>
                    <a:pt x="154868" y="-2100"/>
                    <a:pt x="192692" y="7642"/>
                  </a:cubicBezTo>
                  <a:cubicBezTo>
                    <a:pt x="230516" y="17384"/>
                    <a:pt x="267286" y="31233"/>
                    <a:pt x="329561" y="62357"/>
                  </a:cubicBezTo>
                  <a:cubicBezTo>
                    <a:pt x="391836" y="93481"/>
                    <a:pt x="518920" y="163533"/>
                    <a:pt x="566343" y="194387"/>
                  </a:cubicBezTo>
                  <a:cubicBezTo>
                    <a:pt x="613766" y="225241"/>
                    <a:pt x="594192" y="230708"/>
                    <a:pt x="614100" y="247480"/>
                  </a:cubicBezTo>
                  <a:cubicBezTo>
                    <a:pt x="634008" y="264252"/>
                    <a:pt x="648739" y="267150"/>
                    <a:pt x="685791" y="295019"/>
                  </a:cubicBezTo>
                  <a:cubicBezTo>
                    <a:pt x="722843" y="322888"/>
                    <a:pt x="801716" y="384451"/>
                    <a:pt x="836412" y="414694"/>
                  </a:cubicBezTo>
                  <a:cubicBezTo>
                    <a:pt x="871108" y="444937"/>
                    <a:pt x="878566" y="458275"/>
                    <a:pt x="893965" y="476476"/>
                  </a:cubicBezTo>
                  <a:cubicBezTo>
                    <a:pt x="909364" y="494677"/>
                    <a:pt x="908213" y="497128"/>
                    <a:pt x="928807" y="523901"/>
                  </a:cubicBezTo>
                  <a:cubicBezTo>
                    <a:pt x="986471" y="546555"/>
                    <a:pt x="961927" y="616611"/>
                    <a:pt x="992819" y="664665"/>
                  </a:cubicBezTo>
                  <a:cubicBezTo>
                    <a:pt x="1023711" y="712719"/>
                    <a:pt x="1097682" y="718177"/>
                    <a:pt x="1089445" y="795750"/>
                  </a:cubicBezTo>
                  <a:cubicBezTo>
                    <a:pt x="1118278" y="852728"/>
                    <a:pt x="1162761" y="920496"/>
                    <a:pt x="1184181" y="972864"/>
                  </a:cubicBezTo>
                  <a:cubicBezTo>
                    <a:pt x="1205601" y="1025232"/>
                    <a:pt x="1226889" y="1058471"/>
                    <a:pt x="1217965" y="1109957"/>
                  </a:cubicBezTo>
                  <a:cubicBezTo>
                    <a:pt x="1250229" y="1144968"/>
                    <a:pt x="1230680" y="1184715"/>
                    <a:pt x="1241125" y="1232916"/>
                  </a:cubicBezTo>
                  <a:cubicBezTo>
                    <a:pt x="1251570" y="1281117"/>
                    <a:pt x="1280710" y="1343549"/>
                    <a:pt x="1280635" y="1399162"/>
                  </a:cubicBezTo>
                  <a:cubicBezTo>
                    <a:pt x="1280560" y="1454775"/>
                    <a:pt x="1302588" y="1522883"/>
                    <a:pt x="1240675" y="1566597"/>
                  </a:cubicBezTo>
                  <a:cubicBezTo>
                    <a:pt x="1178762" y="1610311"/>
                    <a:pt x="986556" y="1647519"/>
                    <a:pt x="909159" y="1661444"/>
                  </a:cubicBezTo>
                  <a:cubicBezTo>
                    <a:pt x="831762" y="1675369"/>
                    <a:pt x="799654" y="1630748"/>
                    <a:pt x="776295" y="1650146"/>
                  </a:cubicBezTo>
                  <a:cubicBezTo>
                    <a:pt x="752936" y="1669544"/>
                    <a:pt x="764866" y="1734192"/>
                    <a:pt x="769004" y="1777830"/>
                  </a:cubicBezTo>
                  <a:cubicBezTo>
                    <a:pt x="773142" y="1821468"/>
                    <a:pt x="793569" y="1843329"/>
                    <a:pt x="801121" y="1911977"/>
                  </a:cubicBezTo>
                  <a:cubicBezTo>
                    <a:pt x="800435" y="1869416"/>
                    <a:pt x="805927" y="1729372"/>
                    <a:pt x="858786" y="1685437"/>
                  </a:cubicBezTo>
                  <a:cubicBezTo>
                    <a:pt x="911645" y="1641502"/>
                    <a:pt x="1054807" y="1623633"/>
                    <a:pt x="1126517" y="1627771"/>
                  </a:cubicBezTo>
                  <a:cubicBezTo>
                    <a:pt x="1198227" y="1631909"/>
                    <a:pt x="1257857" y="1675151"/>
                    <a:pt x="1289045" y="1710263"/>
                  </a:cubicBezTo>
                  <a:cubicBezTo>
                    <a:pt x="1320233" y="1745375"/>
                    <a:pt x="1306718" y="1776012"/>
                    <a:pt x="1313647" y="1838444"/>
                  </a:cubicBezTo>
                  <a:cubicBezTo>
                    <a:pt x="1320576" y="1900876"/>
                    <a:pt x="1348625" y="2008286"/>
                    <a:pt x="1330619" y="2084858"/>
                  </a:cubicBezTo>
                  <a:cubicBezTo>
                    <a:pt x="1312613" y="2161430"/>
                    <a:pt x="1307072" y="2288467"/>
                    <a:pt x="1205610" y="2297873"/>
                  </a:cubicBezTo>
                  <a:cubicBezTo>
                    <a:pt x="1104148" y="2307279"/>
                    <a:pt x="833924" y="2180673"/>
                    <a:pt x="721849" y="2141292"/>
                  </a:cubicBezTo>
                  <a:cubicBezTo>
                    <a:pt x="609774" y="2101911"/>
                    <a:pt x="571242" y="2098848"/>
                    <a:pt x="533161" y="2061585"/>
                  </a:cubicBezTo>
                  <a:cubicBezTo>
                    <a:pt x="495080" y="2024322"/>
                    <a:pt x="492239" y="1996139"/>
                    <a:pt x="471936" y="1939140"/>
                  </a:cubicBezTo>
                  <a:cubicBezTo>
                    <a:pt x="451633" y="1882141"/>
                    <a:pt x="442872" y="1779416"/>
                    <a:pt x="408284" y="1707346"/>
                  </a:cubicBezTo>
                  <a:cubicBezTo>
                    <a:pt x="373696" y="1635276"/>
                    <a:pt x="314004" y="1555842"/>
                    <a:pt x="264410" y="1506722"/>
                  </a:cubicBezTo>
                  <a:cubicBezTo>
                    <a:pt x="214817" y="1457602"/>
                    <a:pt x="193271" y="1400360"/>
                    <a:pt x="138273" y="1345280"/>
                  </a:cubicBezTo>
                  <a:cubicBezTo>
                    <a:pt x="83275" y="1290200"/>
                    <a:pt x="26768" y="1284405"/>
                    <a:pt x="7891" y="1209917"/>
                  </a:cubicBezTo>
                  <a:close/>
                </a:path>
              </a:pathLst>
            </a:custGeom>
            <a:solidFill>
              <a:schemeClr val="bg1">
                <a:lumMod val="50000"/>
                <a:alpha val="69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 name="Ellipse 8">
              <a:extLst>
                <a:ext uri="{FF2B5EF4-FFF2-40B4-BE49-F238E27FC236}">
                  <a16:creationId xmlns:a16="http://schemas.microsoft.com/office/drawing/2014/main" id="{15A1C814-0CF2-4E68-8679-6F912C60AB0C}"/>
                </a:ext>
              </a:extLst>
            </p:cNvPr>
            <p:cNvSpPr/>
            <p:nvPr/>
          </p:nvSpPr>
          <p:spPr>
            <a:xfrm rot="17329244">
              <a:off x="5741573" y="3523211"/>
              <a:ext cx="170147" cy="373025"/>
            </a:xfrm>
            <a:prstGeom prst="ellipse">
              <a:avLst/>
            </a:prstGeom>
            <a:gradFill flip="none" rotWithShape="1">
              <a:gsLst>
                <a:gs pos="17000">
                  <a:schemeClr val="tx1">
                    <a:lumMod val="60000"/>
                    <a:lumOff val="40000"/>
                    <a:alpha val="83000"/>
                  </a:schemeClr>
                </a:gs>
                <a:gs pos="65000">
                  <a:schemeClr val="bg1">
                    <a:lumMod val="75000"/>
                    <a:alpha val="54000"/>
                  </a:schemeClr>
                </a:gs>
                <a:gs pos="100000">
                  <a:schemeClr val="bg1">
                    <a:lumMod val="85000"/>
                    <a:alpha val="0"/>
                  </a:schemeClr>
                </a:gs>
              </a:gsLst>
              <a:path path="circle">
                <a:fillToRect l="50000" t="50000" r="50000" b="50000"/>
              </a:path>
              <a:tileRect/>
            </a:gra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Kombinationstegning: figur 9">
              <a:extLst>
                <a:ext uri="{FF2B5EF4-FFF2-40B4-BE49-F238E27FC236}">
                  <a16:creationId xmlns:a16="http://schemas.microsoft.com/office/drawing/2014/main" id="{D758FB3B-97C9-470B-BD32-52E77004C677}"/>
                </a:ext>
              </a:extLst>
            </p:cNvPr>
            <p:cNvSpPr/>
            <p:nvPr/>
          </p:nvSpPr>
          <p:spPr>
            <a:xfrm>
              <a:off x="3183015" y="4913298"/>
              <a:ext cx="1124377" cy="885846"/>
            </a:xfrm>
            <a:custGeom>
              <a:avLst/>
              <a:gdLst>
                <a:gd name="connsiteX0" fmla="*/ 621437 w 621437"/>
                <a:gd name="connsiteY0" fmla="*/ 532660 h 532660"/>
                <a:gd name="connsiteX1" fmla="*/ 390618 w 621437"/>
                <a:gd name="connsiteY1" fmla="*/ 142043 h 532660"/>
                <a:gd name="connsiteX2" fmla="*/ 0 w 621437"/>
                <a:gd name="connsiteY2" fmla="*/ 0 h 532660"/>
                <a:gd name="connsiteX3" fmla="*/ 0 w 621437"/>
                <a:gd name="connsiteY3" fmla="*/ 0 h 532660"/>
                <a:gd name="connsiteX0" fmla="*/ 903377 w 903377"/>
                <a:gd name="connsiteY0" fmla="*/ 711730 h 711730"/>
                <a:gd name="connsiteX1" fmla="*/ 390618 w 903377"/>
                <a:gd name="connsiteY1" fmla="*/ 142043 h 711730"/>
                <a:gd name="connsiteX2" fmla="*/ 0 w 903377"/>
                <a:gd name="connsiteY2" fmla="*/ 0 h 711730"/>
                <a:gd name="connsiteX3" fmla="*/ 0 w 903377"/>
                <a:gd name="connsiteY3" fmla="*/ 0 h 711730"/>
                <a:gd name="connsiteX0" fmla="*/ 903377 w 903377"/>
                <a:gd name="connsiteY0" fmla="*/ 711730 h 711730"/>
                <a:gd name="connsiteX1" fmla="*/ 588738 w 903377"/>
                <a:gd name="connsiteY1" fmla="*/ 187763 h 711730"/>
                <a:gd name="connsiteX2" fmla="*/ 0 w 903377"/>
                <a:gd name="connsiteY2" fmla="*/ 0 h 711730"/>
                <a:gd name="connsiteX3" fmla="*/ 0 w 903377"/>
                <a:gd name="connsiteY3" fmla="*/ 0 h 711730"/>
                <a:gd name="connsiteX0" fmla="*/ 903377 w 903377"/>
                <a:gd name="connsiteY0" fmla="*/ 711730 h 711730"/>
                <a:gd name="connsiteX1" fmla="*/ 607788 w 903377"/>
                <a:gd name="connsiteY1" fmla="*/ 218243 h 711730"/>
                <a:gd name="connsiteX2" fmla="*/ 0 w 903377"/>
                <a:gd name="connsiteY2" fmla="*/ 0 h 711730"/>
                <a:gd name="connsiteX3" fmla="*/ 0 w 903377"/>
                <a:gd name="connsiteY3" fmla="*/ 0 h 711730"/>
                <a:gd name="connsiteX0" fmla="*/ 903377 w 903377"/>
                <a:gd name="connsiteY0" fmla="*/ 711730 h 711730"/>
                <a:gd name="connsiteX1" fmla="*/ 607788 w 903377"/>
                <a:gd name="connsiteY1" fmla="*/ 218243 h 711730"/>
                <a:gd name="connsiteX2" fmla="*/ 0 w 903377"/>
                <a:gd name="connsiteY2" fmla="*/ 0 h 711730"/>
                <a:gd name="connsiteX3" fmla="*/ 0 w 903377"/>
                <a:gd name="connsiteY3" fmla="*/ 15240 h 711730"/>
                <a:gd name="connsiteX0" fmla="*/ 903377 w 903377"/>
                <a:gd name="connsiteY0" fmla="*/ 711730 h 711730"/>
                <a:gd name="connsiteX1" fmla="*/ 634458 w 903377"/>
                <a:gd name="connsiteY1" fmla="*/ 229673 h 711730"/>
                <a:gd name="connsiteX2" fmla="*/ 0 w 903377"/>
                <a:gd name="connsiteY2" fmla="*/ 0 h 711730"/>
                <a:gd name="connsiteX3" fmla="*/ 0 w 903377"/>
                <a:gd name="connsiteY3" fmla="*/ 15240 h 711730"/>
                <a:gd name="connsiteX0" fmla="*/ 903377 w 903377"/>
                <a:gd name="connsiteY0" fmla="*/ 711730 h 711730"/>
                <a:gd name="connsiteX1" fmla="*/ 634458 w 903377"/>
                <a:gd name="connsiteY1" fmla="*/ 229673 h 711730"/>
                <a:gd name="connsiteX2" fmla="*/ 0 w 903377"/>
                <a:gd name="connsiteY2" fmla="*/ 0 h 711730"/>
                <a:gd name="connsiteX3" fmla="*/ 0 w 903377"/>
                <a:gd name="connsiteY3" fmla="*/ 15240 h 711730"/>
                <a:gd name="connsiteX0" fmla="*/ 903377 w 903377"/>
                <a:gd name="connsiteY0" fmla="*/ 711730 h 711730"/>
                <a:gd name="connsiteX1" fmla="*/ 611598 w 903377"/>
                <a:gd name="connsiteY1" fmla="*/ 233483 h 711730"/>
                <a:gd name="connsiteX2" fmla="*/ 0 w 903377"/>
                <a:gd name="connsiteY2" fmla="*/ 0 h 711730"/>
                <a:gd name="connsiteX3" fmla="*/ 0 w 903377"/>
                <a:gd name="connsiteY3" fmla="*/ 15240 h 711730"/>
              </a:gdLst>
              <a:ahLst/>
              <a:cxnLst>
                <a:cxn ang="0">
                  <a:pos x="connsiteX0" y="connsiteY0"/>
                </a:cxn>
                <a:cxn ang="0">
                  <a:pos x="connsiteX1" y="connsiteY1"/>
                </a:cxn>
                <a:cxn ang="0">
                  <a:pos x="connsiteX2" y="connsiteY2"/>
                </a:cxn>
                <a:cxn ang="0">
                  <a:pos x="connsiteX3" y="connsiteY3"/>
                </a:cxn>
              </a:cxnLst>
              <a:rect l="l" t="t" r="r" b="b"/>
              <a:pathLst>
                <a:path w="903377" h="711730">
                  <a:moveTo>
                    <a:pt x="903377" y="711730"/>
                  </a:moveTo>
                  <a:cubicBezTo>
                    <a:pt x="839754" y="560810"/>
                    <a:pt x="788831" y="325435"/>
                    <a:pt x="611598" y="233483"/>
                  </a:cubicBezTo>
                  <a:cubicBezTo>
                    <a:pt x="434365" y="141531"/>
                    <a:pt x="0" y="0"/>
                    <a:pt x="0" y="0"/>
                  </a:cubicBezTo>
                  <a:lnTo>
                    <a:pt x="0" y="15240"/>
                  </a:lnTo>
                </a:path>
              </a:pathLst>
            </a:custGeom>
            <a:noFill/>
            <a:ln w="63500">
              <a:solidFill>
                <a:srgbClr val="FF0000">
                  <a:alpha val="76000"/>
                </a:srgb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1" name="Kombinationstegning: figur 10">
              <a:extLst>
                <a:ext uri="{FF2B5EF4-FFF2-40B4-BE49-F238E27FC236}">
                  <a16:creationId xmlns:a16="http://schemas.microsoft.com/office/drawing/2014/main" id="{987AADBB-A80D-422B-91F8-501C95C2375A}"/>
                </a:ext>
              </a:extLst>
            </p:cNvPr>
            <p:cNvSpPr/>
            <p:nvPr/>
          </p:nvSpPr>
          <p:spPr>
            <a:xfrm>
              <a:off x="3065598" y="4210547"/>
              <a:ext cx="219627" cy="730923"/>
            </a:xfrm>
            <a:custGeom>
              <a:avLst/>
              <a:gdLst>
                <a:gd name="connsiteX0" fmla="*/ 54976 w 170385"/>
                <a:gd name="connsiteY0" fmla="*/ 541538 h 541538"/>
                <a:gd name="connsiteX1" fmla="*/ 81609 w 170385"/>
                <a:gd name="connsiteY1" fmla="*/ 328474 h 541538"/>
                <a:gd name="connsiteX2" fmla="*/ 1710 w 170385"/>
                <a:gd name="connsiteY2" fmla="*/ 239697 h 541538"/>
                <a:gd name="connsiteX3" fmla="*/ 170385 w 170385"/>
                <a:gd name="connsiteY3" fmla="*/ 0 h 541538"/>
                <a:gd name="connsiteX4" fmla="*/ 170385 w 170385"/>
                <a:gd name="connsiteY4" fmla="*/ 0 h 541538"/>
                <a:gd name="connsiteX0" fmla="*/ 93730 w 209139"/>
                <a:gd name="connsiteY0" fmla="*/ 541538 h 541538"/>
                <a:gd name="connsiteX1" fmla="*/ 120363 w 209139"/>
                <a:gd name="connsiteY1" fmla="*/ 328474 h 541538"/>
                <a:gd name="connsiteX2" fmla="*/ 1275 w 209139"/>
                <a:gd name="connsiteY2" fmla="*/ 229900 h 541538"/>
                <a:gd name="connsiteX3" fmla="*/ 209139 w 209139"/>
                <a:gd name="connsiteY3" fmla="*/ 0 h 541538"/>
                <a:gd name="connsiteX4" fmla="*/ 209139 w 209139"/>
                <a:gd name="connsiteY4" fmla="*/ 0 h 541538"/>
                <a:gd name="connsiteX0" fmla="*/ 96374 w 211783"/>
                <a:gd name="connsiteY0" fmla="*/ 541538 h 541538"/>
                <a:gd name="connsiteX1" fmla="*/ 77287 w 211783"/>
                <a:gd name="connsiteY1" fmla="*/ 367663 h 541538"/>
                <a:gd name="connsiteX2" fmla="*/ 3919 w 211783"/>
                <a:gd name="connsiteY2" fmla="*/ 229900 h 541538"/>
                <a:gd name="connsiteX3" fmla="*/ 211783 w 211783"/>
                <a:gd name="connsiteY3" fmla="*/ 0 h 541538"/>
                <a:gd name="connsiteX4" fmla="*/ 211783 w 211783"/>
                <a:gd name="connsiteY4" fmla="*/ 0 h 541538"/>
                <a:gd name="connsiteX0" fmla="*/ 92496 w 207905"/>
                <a:gd name="connsiteY0" fmla="*/ 541538 h 541538"/>
                <a:gd name="connsiteX1" fmla="*/ 73409 w 207905"/>
                <a:gd name="connsiteY1" fmla="*/ 367663 h 541538"/>
                <a:gd name="connsiteX2" fmla="*/ 41 w 207905"/>
                <a:gd name="connsiteY2" fmla="*/ 229900 h 541538"/>
                <a:gd name="connsiteX3" fmla="*/ 65389 w 207905"/>
                <a:gd name="connsiteY3" fmla="*/ 117823 h 541538"/>
                <a:gd name="connsiteX4" fmla="*/ 207905 w 207905"/>
                <a:gd name="connsiteY4" fmla="*/ 0 h 541538"/>
                <a:gd name="connsiteX5" fmla="*/ 207905 w 207905"/>
                <a:gd name="connsiteY5" fmla="*/ 0 h 541538"/>
                <a:gd name="connsiteX0" fmla="*/ 92496 w 243828"/>
                <a:gd name="connsiteY0" fmla="*/ 557867 h 557867"/>
                <a:gd name="connsiteX1" fmla="*/ 73409 w 243828"/>
                <a:gd name="connsiteY1" fmla="*/ 383992 h 557867"/>
                <a:gd name="connsiteX2" fmla="*/ 41 w 243828"/>
                <a:gd name="connsiteY2" fmla="*/ 246229 h 557867"/>
                <a:gd name="connsiteX3" fmla="*/ 65389 w 243828"/>
                <a:gd name="connsiteY3" fmla="*/ 134152 h 557867"/>
                <a:gd name="connsiteX4" fmla="*/ 207905 w 243828"/>
                <a:gd name="connsiteY4" fmla="*/ 16329 h 557867"/>
                <a:gd name="connsiteX5" fmla="*/ 243828 w 243828"/>
                <a:gd name="connsiteY5" fmla="*/ 0 h 557867"/>
                <a:gd name="connsiteX0" fmla="*/ 81066 w 243828"/>
                <a:gd name="connsiteY0" fmla="*/ 607397 h 607397"/>
                <a:gd name="connsiteX1" fmla="*/ 73409 w 243828"/>
                <a:gd name="connsiteY1" fmla="*/ 383992 h 607397"/>
                <a:gd name="connsiteX2" fmla="*/ 41 w 243828"/>
                <a:gd name="connsiteY2" fmla="*/ 246229 h 607397"/>
                <a:gd name="connsiteX3" fmla="*/ 65389 w 243828"/>
                <a:gd name="connsiteY3" fmla="*/ 134152 h 607397"/>
                <a:gd name="connsiteX4" fmla="*/ 207905 w 243828"/>
                <a:gd name="connsiteY4" fmla="*/ 16329 h 607397"/>
                <a:gd name="connsiteX5" fmla="*/ 243828 w 243828"/>
                <a:gd name="connsiteY5" fmla="*/ 0 h 607397"/>
                <a:gd name="connsiteX0" fmla="*/ 87631 w 250393"/>
                <a:gd name="connsiteY0" fmla="*/ 607397 h 607397"/>
                <a:gd name="connsiteX1" fmla="*/ 11394 w 250393"/>
                <a:gd name="connsiteY1" fmla="*/ 418282 h 607397"/>
                <a:gd name="connsiteX2" fmla="*/ 6606 w 250393"/>
                <a:gd name="connsiteY2" fmla="*/ 246229 h 607397"/>
                <a:gd name="connsiteX3" fmla="*/ 71954 w 250393"/>
                <a:gd name="connsiteY3" fmla="*/ 134152 h 607397"/>
                <a:gd name="connsiteX4" fmla="*/ 214470 w 250393"/>
                <a:gd name="connsiteY4" fmla="*/ 16329 h 607397"/>
                <a:gd name="connsiteX5" fmla="*/ 250393 w 250393"/>
                <a:gd name="connsiteY5" fmla="*/ 0 h 607397"/>
                <a:gd name="connsiteX0" fmla="*/ 76294 w 239056"/>
                <a:gd name="connsiteY0" fmla="*/ 607397 h 607397"/>
                <a:gd name="connsiteX1" fmla="*/ 57 w 239056"/>
                <a:gd name="connsiteY1" fmla="*/ 418282 h 607397"/>
                <a:gd name="connsiteX2" fmla="*/ 63849 w 239056"/>
                <a:gd name="connsiteY2" fmla="*/ 234799 h 607397"/>
                <a:gd name="connsiteX3" fmla="*/ 60617 w 239056"/>
                <a:gd name="connsiteY3" fmla="*/ 134152 h 607397"/>
                <a:gd name="connsiteX4" fmla="*/ 203133 w 239056"/>
                <a:gd name="connsiteY4" fmla="*/ 16329 h 607397"/>
                <a:gd name="connsiteX5" fmla="*/ 239056 w 239056"/>
                <a:gd name="connsiteY5" fmla="*/ 0 h 607397"/>
                <a:gd name="connsiteX0" fmla="*/ 76290 w 239052"/>
                <a:gd name="connsiteY0" fmla="*/ 607397 h 607397"/>
                <a:gd name="connsiteX1" fmla="*/ 53 w 239052"/>
                <a:gd name="connsiteY1" fmla="*/ 418282 h 607397"/>
                <a:gd name="connsiteX2" fmla="*/ 63845 w 239052"/>
                <a:gd name="connsiteY2" fmla="*/ 234799 h 607397"/>
                <a:gd name="connsiteX3" fmla="*/ 37753 w 239052"/>
                <a:gd name="connsiteY3" fmla="*/ 134152 h 607397"/>
                <a:gd name="connsiteX4" fmla="*/ 203129 w 239052"/>
                <a:gd name="connsiteY4" fmla="*/ 16329 h 607397"/>
                <a:gd name="connsiteX5" fmla="*/ 239052 w 239052"/>
                <a:gd name="connsiteY5" fmla="*/ 0 h 607397"/>
                <a:gd name="connsiteX0" fmla="*/ 76290 w 258102"/>
                <a:gd name="connsiteY0" fmla="*/ 603711 h 603711"/>
                <a:gd name="connsiteX1" fmla="*/ 53 w 258102"/>
                <a:gd name="connsiteY1" fmla="*/ 414596 h 603711"/>
                <a:gd name="connsiteX2" fmla="*/ 63845 w 258102"/>
                <a:gd name="connsiteY2" fmla="*/ 231113 h 603711"/>
                <a:gd name="connsiteX3" fmla="*/ 37753 w 258102"/>
                <a:gd name="connsiteY3" fmla="*/ 130466 h 603711"/>
                <a:gd name="connsiteX4" fmla="*/ 203129 w 258102"/>
                <a:gd name="connsiteY4" fmla="*/ 12643 h 603711"/>
                <a:gd name="connsiteX5" fmla="*/ 258102 w 258102"/>
                <a:gd name="connsiteY5" fmla="*/ 124 h 603711"/>
                <a:gd name="connsiteX0" fmla="*/ 76290 w 203129"/>
                <a:gd name="connsiteY0" fmla="*/ 591068 h 591068"/>
                <a:gd name="connsiteX1" fmla="*/ 53 w 203129"/>
                <a:gd name="connsiteY1" fmla="*/ 401953 h 591068"/>
                <a:gd name="connsiteX2" fmla="*/ 63845 w 203129"/>
                <a:gd name="connsiteY2" fmla="*/ 218470 h 591068"/>
                <a:gd name="connsiteX3" fmla="*/ 37753 w 203129"/>
                <a:gd name="connsiteY3" fmla="*/ 117823 h 591068"/>
                <a:gd name="connsiteX4" fmla="*/ 203129 w 203129"/>
                <a:gd name="connsiteY4" fmla="*/ 0 h 591068"/>
                <a:gd name="connsiteX0" fmla="*/ 76290 w 168839"/>
                <a:gd name="connsiteY0" fmla="*/ 587258 h 587258"/>
                <a:gd name="connsiteX1" fmla="*/ 53 w 168839"/>
                <a:gd name="connsiteY1" fmla="*/ 398143 h 587258"/>
                <a:gd name="connsiteX2" fmla="*/ 63845 w 168839"/>
                <a:gd name="connsiteY2" fmla="*/ 214660 h 587258"/>
                <a:gd name="connsiteX3" fmla="*/ 37753 w 168839"/>
                <a:gd name="connsiteY3" fmla="*/ 114013 h 587258"/>
                <a:gd name="connsiteX4" fmla="*/ 168839 w 168839"/>
                <a:gd name="connsiteY4" fmla="*/ 0 h 587258"/>
                <a:gd name="connsiteX0" fmla="*/ 76290 w 176459"/>
                <a:gd name="connsiteY0" fmla="*/ 587258 h 587258"/>
                <a:gd name="connsiteX1" fmla="*/ 53 w 176459"/>
                <a:gd name="connsiteY1" fmla="*/ 398143 h 587258"/>
                <a:gd name="connsiteX2" fmla="*/ 63845 w 176459"/>
                <a:gd name="connsiteY2" fmla="*/ 214660 h 587258"/>
                <a:gd name="connsiteX3" fmla="*/ 37753 w 176459"/>
                <a:gd name="connsiteY3" fmla="*/ 114013 h 587258"/>
                <a:gd name="connsiteX4" fmla="*/ 176459 w 176459"/>
                <a:gd name="connsiteY4" fmla="*/ 0 h 5872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459" h="587258">
                  <a:moveTo>
                    <a:pt x="76290" y="587258"/>
                  </a:moveTo>
                  <a:cubicBezTo>
                    <a:pt x="94045" y="505879"/>
                    <a:pt x="2127" y="460243"/>
                    <a:pt x="53" y="398143"/>
                  </a:cubicBezTo>
                  <a:cubicBezTo>
                    <a:pt x="-2021" y="336043"/>
                    <a:pt x="57562" y="262015"/>
                    <a:pt x="63845" y="214660"/>
                  </a:cubicBezTo>
                  <a:cubicBezTo>
                    <a:pt x="70128" y="167305"/>
                    <a:pt x="18984" y="149790"/>
                    <a:pt x="37753" y="114013"/>
                  </a:cubicBezTo>
                  <a:cubicBezTo>
                    <a:pt x="56522" y="78236"/>
                    <a:pt x="146719" y="22359"/>
                    <a:pt x="176459" y="0"/>
                  </a:cubicBezTo>
                </a:path>
              </a:pathLst>
            </a:custGeom>
            <a:noFill/>
            <a:ln w="47625">
              <a:solidFill>
                <a:srgbClr val="7030A0"/>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2" name="Kombinationstegning: figur 11">
              <a:extLst>
                <a:ext uri="{FF2B5EF4-FFF2-40B4-BE49-F238E27FC236}">
                  <a16:creationId xmlns:a16="http://schemas.microsoft.com/office/drawing/2014/main" id="{3AD316CE-07A6-4151-B69C-28DF60DC21CF}"/>
                </a:ext>
              </a:extLst>
            </p:cNvPr>
            <p:cNvSpPr/>
            <p:nvPr/>
          </p:nvSpPr>
          <p:spPr>
            <a:xfrm>
              <a:off x="2551597" y="4061082"/>
              <a:ext cx="937574" cy="276339"/>
            </a:xfrm>
            <a:custGeom>
              <a:avLst/>
              <a:gdLst>
                <a:gd name="connsiteX0" fmla="*/ 898071 w 898071"/>
                <a:gd name="connsiteY0" fmla="*/ 0 h 181027"/>
                <a:gd name="connsiteX1" fmla="*/ 721722 w 898071"/>
                <a:gd name="connsiteY1" fmla="*/ 176349 h 181027"/>
                <a:gd name="connsiteX2" fmla="*/ 0 w 898071"/>
                <a:gd name="connsiteY2" fmla="*/ 133895 h 181027"/>
                <a:gd name="connsiteX3" fmla="*/ 0 w 898071"/>
                <a:gd name="connsiteY3" fmla="*/ 133895 h 181027"/>
                <a:gd name="connsiteX0" fmla="*/ 898071 w 898071"/>
                <a:gd name="connsiteY0" fmla="*/ 0 h 178382"/>
                <a:gd name="connsiteX1" fmla="*/ 656408 w 898071"/>
                <a:gd name="connsiteY1" fmla="*/ 173083 h 178382"/>
                <a:gd name="connsiteX2" fmla="*/ 0 w 898071"/>
                <a:gd name="connsiteY2" fmla="*/ 133895 h 178382"/>
                <a:gd name="connsiteX3" fmla="*/ 0 w 898071"/>
                <a:gd name="connsiteY3" fmla="*/ 133895 h 178382"/>
                <a:gd name="connsiteX0" fmla="*/ 898071 w 898071"/>
                <a:gd name="connsiteY0" fmla="*/ 0 h 177273"/>
                <a:gd name="connsiteX1" fmla="*/ 656408 w 898071"/>
                <a:gd name="connsiteY1" fmla="*/ 173083 h 177273"/>
                <a:gd name="connsiteX2" fmla="*/ 0 w 898071"/>
                <a:gd name="connsiteY2" fmla="*/ 133895 h 177273"/>
                <a:gd name="connsiteX3" fmla="*/ 0 w 898071"/>
                <a:gd name="connsiteY3" fmla="*/ 133895 h 177273"/>
                <a:gd name="connsiteX0" fmla="*/ 898071 w 898071"/>
                <a:gd name="connsiteY0" fmla="*/ 0 h 185797"/>
                <a:gd name="connsiteX1" fmla="*/ 656408 w 898071"/>
                <a:gd name="connsiteY1" fmla="*/ 173083 h 185797"/>
                <a:gd name="connsiteX2" fmla="*/ 0 w 898071"/>
                <a:gd name="connsiteY2" fmla="*/ 133895 h 185797"/>
                <a:gd name="connsiteX3" fmla="*/ 0 w 898071"/>
                <a:gd name="connsiteY3" fmla="*/ 133895 h 185797"/>
                <a:gd name="connsiteX0" fmla="*/ 898071 w 898071"/>
                <a:gd name="connsiteY0" fmla="*/ 0 h 185797"/>
                <a:gd name="connsiteX1" fmla="*/ 656408 w 898071"/>
                <a:gd name="connsiteY1" fmla="*/ 173083 h 185797"/>
                <a:gd name="connsiteX2" fmla="*/ 0 w 898071"/>
                <a:gd name="connsiteY2" fmla="*/ 133895 h 185797"/>
                <a:gd name="connsiteX3" fmla="*/ 102870 w 898071"/>
                <a:gd name="connsiteY3" fmla="*/ 4355 h 185797"/>
                <a:gd name="connsiteX0" fmla="*/ 795201 w 795201"/>
                <a:gd name="connsiteY0" fmla="*/ 0 h 178382"/>
                <a:gd name="connsiteX1" fmla="*/ 553538 w 795201"/>
                <a:gd name="connsiteY1" fmla="*/ 173083 h 178382"/>
                <a:gd name="connsiteX2" fmla="*/ 26670 w 795201"/>
                <a:gd name="connsiteY2" fmla="*/ 133895 h 178382"/>
                <a:gd name="connsiteX3" fmla="*/ 0 w 795201"/>
                <a:gd name="connsiteY3" fmla="*/ 4355 h 178382"/>
                <a:gd name="connsiteX0" fmla="*/ 795201 w 795201"/>
                <a:gd name="connsiteY0" fmla="*/ 0 h 189078"/>
                <a:gd name="connsiteX1" fmla="*/ 469718 w 795201"/>
                <a:gd name="connsiteY1" fmla="*/ 184513 h 189078"/>
                <a:gd name="connsiteX2" fmla="*/ 26670 w 795201"/>
                <a:gd name="connsiteY2" fmla="*/ 133895 h 189078"/>
                <a:gd name="connsiteX3" fmla="*/ 0 w 795201"/>
                <a:gd name="connsiteY3" fmla="*/ 4355 h 189078"/>
                <a:gd name="connsiteX0" fmla="*/ 795201 w 795201"/>
                <a:gd name="connsiteY0" fmla="*/ 0 h 189078"/>
                <a:gd name="connsiteX1" fmla="*/ 469718 w 795201"/>
                <a:gd name="connsiteY1" fmla="*/ 184513 h 189078"/>
                <a:gd name="connsiteX2" fmla="*/ 26670 w 795201"/>
                <a:gd name="connsiteY2" fmla="*/ 133895 h 189078"/>
                <a:gd name="connsiteX3" fmla="*/ 0 w 795201"/>
                <a:gd name="connsiteY3" fmla="*/ 4355 h 189078"/>
                <a:gd name="connsiteX0" fmla="*/ 795201 w 795201"/>
                <a:gd name="connsiteY0" fmla="*/ 0 h 189078"/>
                <a:gd name="connsiteX1" fmla="*/ 469718 w 795201"/>
                <a:gd name="connsiteY1" fmla="*/ 184513 h 189078"/>
                <a:gd name="connsiteX2" fmla="*/ 41910 w 795201"/>
                <a:gd name="connsiteY2" fmla="*/ 133895 h 189078"/>
                <a:gd name="connsiteX3" fmla="*/ 0 w 795201"/>
                <a:gd name="connsiteY3" fmla="*/ 4355 h 189078"/>
                <a:gd name="connsiteX0" fmla="*/ 795201 w 795201"/>
                <a:gd name="connsiteY0" fmla="*/ 0 h 222024"/>
                <a:gd name="connsiteX1" fmla="*/ 446858 w 795201"/>
                <a:gd name="connsiteY1" fmla="*/ 218803 h 222024"/>
                <a:gd name="connsiteX2" fmla="*/ 41910 w 795201"/>
                <a:gd name="connsiteY2" fmla="*/ 133895 h 222024"/>
                <a:gd name="connsiteX3" fmla="*/ 0 w 795201"/>
                <a:gd name="connsiteY3" fmla="*/ 4355 h 222024"/>
                <a:gd name="connsiteX0" fmla="*/ 753291 w 753291"/>
                <a:gd name="connsiteY0" fmla="*/ 0 h 222024"/>
                <a:gd name="connsiteX1" fmla="*/ 404948 w 753291"/>
                <a:gd name="connsiteY1" fmla="*/ 218803 h 222024"/>
                <a:gd name="connsiteX2" fmla="*/ 0 w 753291"/>
                <a:gd name="connsiteY2" fmla="*/ 133895 h 222024"/>
              </a:gdLst>
              <a:ahLst/>
              <a:cxnLst>
                <a:cxn ang="0">
                  <a:pos x="connsiteX0" y="connsiteY0"/>
                </a:cxn>
                <a:cxn ang="0">
                  <a:pos x="connsiteX1" y="connsiteY1"/>
                </a:cxn>
                <a:cxn ang="0">
                  <a:pos x="connsiteX2" y="connsiteY2"/>
                </a:cxn>
              </a:cxnLst>
              <a:rect l="l" t="t" r="r" b="b"/>
              <a:pathLst>
                <a:path w="753291" h="222024">
                  <a:moveTo>
                    <a:pt x="753291" y="0"/>
                  </a:moveTo>
                  <a:cubicBezTo>
                    <a:pt x="663755" y="77016"/>
                    <a:pt x="530496" y="196487"/>
                    <a:pt x="404948" y="218803"/>
                  </a:cubicBezTo>
                  <a:cubicBezTo>
                    <a:pt x="279400" y="241119"/>
                    <a:pt x="109401" y="140426"/>
                    <a:pt x="0" y="133895"/>
                  </a:cubicBezTo>
                </a:path>
              </a:pathLst>
            </a:custGeom>
            <a:noFill/>
            <a:ln w="3175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Kombinationstegning: figur 12">
              <a:extLst>
                <a:ext uri="{FF2B5EF4-FFF2-40B4-BE49-F238E27FC236}">
                  <a16:creationId xmlns:a16="http://schemas.microsoft.com/office/drawing/2014/main" id="{C1844D41-EA61-41DB-95E8-C688E1BD4799}"/>
                </a:ext>
              </a:extLst>
            </p:cNvPr>
            <p:cNvSpPr/>
            <p:nvPr/>
          </p:nvSpPr>
          <p:spPr>
            <a:xfrm>
              <a:off x="2484723" y="2258574"/>
              <a:ext cx="1481581" cy="1965597"/>
            </a:xfrm>
            <a:custGeom>
              <a:avLst/>
              <a:gdLst>
                <a:gd name="connsiteX0" fmla="*/ 0 w 1025435"/>
                <a:gd name="connsiteY0" fmla="*/ 1495923 h 1495923"/>
                <a:gd name="connsiteX1" fmla="*/ 55517 w 1025435"/>
                <a:gd name="connsiteY1" fmla="*/ 1378358 h 1495923"/>
                <a:gd name="connsiteX2" fmla="*/ 94706 w 1025435"/>
                <a:gd name="connsiteY2" fmla="*/ 1198743 h 1495923"/>
                <a:gd name="connsiteX3" fmla="*/ 195943 w 1025435"/>
                <a:gd name="connsiteY3" fmla="*/ 1006066 h 1495923"/>
                <a:gd name="connsiteX4" fmla="*/ 189412 w 1025435"/>
                <a:gd name="connsiteY4" fmla="*/ 836249 h 1495923"/>
                <a:gd name="connsiteX5" fmla="*/ 290649 w 1025435"/>
                <a:gd name="connsiteY5" fmla="*/ 682761 h 1495923"/>
                <a:gd name="connsiteX6" fmla="*/ 359229 w 1025435"/>
                <a:gd name="connsiteY6" fmla="*/ 653369 h 1495923"/>
                <a:gd name="connsiteX7" fmla="*/ 385355 w 1025435"/>
                <a:gd name="connsiteY7" fmla="*/ 568461 h 1495923"/>
                <a:gd name="connsiteX8" fmla="*/ 522515 w 1025435"/>
                <a:gd name="connsiteY8" fmla="*/ 431301 h 1495923"/>
                <a:gd name="connsiteX9" fmla="*/ 564969 w 1025435"/>
                <a:gd name="connsiteY9" fmla="*/ 414972 h 1495923"/>
                <a:gd name="connsiteX10" fmla="*/ 842555 w 1025435"/>
                <a:gd name="connsiteY10" fmla="*/ 150449 h 1495923"/>
                <a:gd name="connsiteX11" fmla="*/ 982980 w 1025435"/>
                <a:gd name="connsiteY11" fmla="*/ 16555 h 1495923"/>
                <a:gd name="connsiteX12" fmla="*/ 1025435 w 1025435"/>
                <a:gd name="connsiteY12" fmla="*/ 6758 h 1495923"/>
                <a:gd name="connsiteX0" fmla="*/ 38216 w 1063651"/>
                <a:gd name="connsiteY0" fmla="*/ 1495923 h 1495923"/>
                <a:gd name="connsiteX1" fmla="*/ 2293 w 1063651"/>
                <a:gd name="connsiteY1" fmla="*/ 1382168 h 1495923"/>
                <a:gd name="connsiteX2" fmla="*/ 132922 w 1063651"/>
                <a:gd name="connsiteY2" fmla="*/ 1198743 h 1495923"/>
                <a:gd name="connsiteX3" fmla="*/ 234159 w 1063651"/>
                <a:gd name="connsiteY3" fmla="*/ 1006066 h 1495923"/>
                <a:gd name="connsiteX4" fmla="*/ 227628 w 1063651"/>
                <a:gd name="connsiteY4" fmla="*/ 836249 h 1495923"/>
                <a:gd name="connsiteX5" fmla="*/ 328865 w 1063651"/>
                <a:gd name="connsiteY5" fmla="*/ 682761 h 1495923"/>
                <a:gd name="connsiteX6" fmla="*/ 397445 w 1063651"/>
                <a:gd name="connsiteY6" fmla="*/ 653369 h 1495923"/>
                <a:gd name="connsiteX7" fmla="*/ 423571 w 1063651"/>
                <a:gd name="connsiteY7" fmla="*/ 568461 h 1495923"/>
                <a:gd name="connsiteX8" fmla="*/ 560731 w 1063651"/>
                <a:gd name="connsiteY8" fmla="*/ 431301 h 1495923"/>
                <a:gd name="connsiteX9" fmla="*/ 603185 w 1063651"/>
                <a:gd name="connsiteY9" fmla="*/ 414972 h 1495923"/>
                <a:gd name="connsiteX10" fmla="*/ 880771 w 1063651"/>
                <a:gd name="connsiteY10" fmla="*/ 150449 h 1495923"/>
                <a:gd name="connsiteX11" fmla="*/ 1021196 w 1063651"/>
                <a:gd name="connsiteY11" fmla="*/ 16555 h 1495923"/>
                <a:gd name="connsiteX12" fmla="*/ 1063651 w 1063651"/>
                <a:gd name="connsiteY12" fmla="*/ 6758 h 1495923"/>
                <a:gd name="connsiteX0" fmla="*/ 74634 w 1061969"/>
                <a:gd name="connsiteY0" fmla="*/ 1598793 h 1598793"/>
                <a:gd name="connsiteX1" fmla="*/ 611 w 1061969"/>
                <a:gd name="connsiteY1" fmla="*/ 1382168 h 1598793"/>
                <a:gd name="connsiteX2" fmla="*/ 131240 w 1061969"/>
                <a:gd name="connsiteY2" fmla="*/ 1198743 h 1598793"/>
                <a:gd name="connsiteX3" fmla="*/ 232477 w 1061969"/>
                <a:gd name="connsiteY3" fmla="*/ 1006066 h 1598793"/>
                <a:gd name="connsiteX4" fmla="*/ 225946 w 1061969"/>
                <a:gd name="connsiteY4" fmla="*/ 836249 h 1598793"/>
                <a:gd name="connsiteX5" fmla="*/ 327183 w 1061969"/>
                <a:gd name="connsiteY5" fmla="*/ 682761 h 1598793"/>
                <a:gd name="connsiteX6" fmla="*/ 395763 w 1061969"/>
                <a:gd name="connsiteY6" fmla="*/ 653369 h 1598793"/>
                <a:gd name="connsiteX7" fmla="*/ 421889 w 1061969"/>
                <a:gd name="connsiteY7" fmla="*/ 568461 h 1598793"/>
                <a:gd name="connsiteX8" fmla="*/ 559049 w 1061969"/>
                <a:gd name="connsiteY8" fmla="*/ 431301 h 1598793"/>
                <a:gd name="connsiteX9" fmla="*/ 601503 w 1061969"/>
                <a:gd name="connsiteY9" fmla="*/ 414972 h 1598793"/>
                <a:gd name="connsiteX10" fmla="*/ 879089 w 1061969"/>
                <a:gd name="connsiteY10" fmla="*/ 150449 h 1598793"/>
                <a:gd name="connsiteX11" fmla="*/ 1019514 w 1061969"/>
                <a:gd name="connsiteY11" fmla="*/ 16555 h 1598793"/>
                <a:gd name="connsiteX12" fmla="*/ 1061969 w 1061969"/>
                <a:gd name="connsiteY12" fmla="*/ 6758 h 1598793"/>
                <a:gd name="connsiteX0" fmla="*/ 33106 w 1020441"/>
                <a:gd name="connsiteY0" fmla="*/ 1598793 h 1598793"/>
                <a:gd name="connsiteX1" fmla="*/ 993 w 1020441"/>
                <a:gd name="connsiteY1" fmla="*/ 1469798 h 1598793"/>
                <a:gd name="connsiteX2" fmla="*/ 89712 w 1020441"/>
                <a:gd name="connsiteY2" fmla="*/ 1198743 h 1598793"/>
                <a:gd name="connsiteX3" fmla="*/ 190949 w 1020441"/>
                <a:gd name="connsiteY3" fmla="*/ 1006066 h 1598793"/>
                <a:gd name="connsiteX4" fmla="*/ 184418 w 1020441"/>
                <a:gd name="connsiteY4" fmla="*/ 836249 h 1598793"/>
                <a:gd name="connsiteX5" fmla="*/ 285655 w 1020441"/>
                <a:gd name="connsiteY5" fmla="*/ 682761 h 1598793"/>
                <a:gd name="connsiteX6" fmla="*/ 354235 w 1020441"/>
                <a:gd name="connsiteY6" fmla="*/ 653369 h 1598793"/>
                <a:gd name="connsiteX7" fmla="*/ 380361 w 1020441"/>
                <a:gd name="connsiteY7" fmla="*/ 568461 h 1598793"/>
                <a:gd name="connsiteX8" fmla="*/ 517521 w 1020441"/>
                <a:gd name="connsiteY8" fmla="*/ 431301 h 1598793"/>
                <a:gd name="connsiteX9" fmla="*/ 559975 w 1020441"/>
                <a:gd name="connsiteY9" fmla="*/ 414972 h 1598793"/>
                <a:gd name="connsiteX10" fmla="*/ 837561 w 1020441"/>
                <a:gd name="connsiteY10" fmla="*/ 150449 h 1598793"/>
                <a:gd name="connsiteX11" fmla="*/ 977986 w 1020441"/>
                <a:gd name="connsiteY11" fmla="*/ 16555 h 1598793"/>
                <a:gd name="connsiteX12" fmla="*/ 1020441 w 1020441"/>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190198 w 1019690"/>
                <a:gd name="connsiteY3" fmla="*/ 1006066 h 1598793"/>
                <a:gd name="connsiteX4" fmla="*/ 183667 w 1019690"/>
                <a:gd name="connsiteY4" fmla="*/ 83624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83667 w 1019690"/>
                <a:gd name="connsiteY4" fmla="*/ 83624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516770 w 1019690"/>
                <a:gd name="connsiteY8" fmla="*/ 431301 h 1598793"/>
                <a:gd name="connsiteX9" fmla="*/ 551604 w 1019690"/>
                <a:gd name="connsiteY9" fmla="*/ 38068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440570 w 1019690"/>
                <a:gd name="connsiteY8" fmla="*/ 442731 h 1598793"/>
                <a:gd name="connsiteX9" fmla="*/ 551604 w 1019690"/>
                <a:gd name="connsiteY9" fmla="*/ 38068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187330"/>
                <a:gd name="connsiteY0" fmla="*/ 1593044 h 1593044"/>
                <a:gd name="connsiteX1" fmla="*/ 242 w 1187330"/>
                <a:gd name="connsiteY1" fmla="*/ 1464049 h 1593044"/>
                <a:gd name="connsiteX2" fmla="*/ 58481 w 1187330"/>
                <a:gd name="connsiteY2" fmla="*/ 1234904 h 1593044"/>
                <a:gd name="connsiteX3" fmla="*/ 75898 w 1187330"/>
                <a:gd name="connsiteY3" fmla="*/ 1049847 h 1593044"/>
                <a:gd name="connsiteX4" fmla="*/ 168427 w 1187330"/>
                <a:gd name="connsiteY4" fmla="*/ 921940 h 1593044"/>
                <a:gd name="connsiteX5" fmla="*/ 201084 w 1187330"/>
                <a:gd name="connsiteY5" fmla="*/ 772262 h 1593044"/>
                <a:gd name="connsiteX6" fmla="*/ 288714 w 1187330"/>
                <a:gd name="connsiteY6" fmla="*/ 681910 h 1593044"/>
                <a:gd name="connsiteX7" fmla="*/ 341510 w 1187330"/>
                <a:gd name="connsiteY7" fmla="*/ 562712 h 1593044"/>
                <a:gd name="connsiteX8" fmla="*/ 440570 w 1187330"/>
                <a:gd name="connsiteY8" fmla="*/ 436982 h 1593044"/>
                <a:gd name="connsiteX9" fmla="*/ 551604 w 1187330"/>
                <a:gd name="connsiteY9" fmla="*/ 374933 h 1593044"/>
                <a:gd name="connsiteX10" fmla="*/ 836810 w 1187330"/>
                <a:gd name="connsiteY10" fmla="*/ 144700 h 1593044"/>
                <a:gd name="connsiteX11" fmla="*/ 977235 w 1187330"/>
                <a:gd name="connsiteY11" fmla="*/ 10806 h 1593044"/>
                <a:gd name="connsiteX12" fmla="*/ 1187330 w 1187330"/>
                <a:gd name="connsiteY12" fmla="*/ 16249 h 1593044"/>
                <a:gd name="connsiteX0" fmla="*/ 32355 w 1187330"/>
                <a:gd name="connsiteY0" fmla="*/ 1579253 h 1579253"/>
                <a:gd name="connsiteX1" fmla="*/ 242 w 1187330"/>
                <a:gd name="connsiteY1" fmla="*/ 1450258 h 1579253"/>
                <a:gd name="connsiteX2" fmla="*/ 58481 w 1187330"/>
                <a:gd name="connsiteY2" fmla="*/ 1221113 h 1579253"/>
                <a:gd name="connsiteX3" fmla="*/ 75898 w 1187330"/>
                <a:gd name="connsiteY3" fmla="*/ 1036056 h 1579253"/>
                <a:gd name="connsiteX4" fmla="*/ 168427 w 1187330"/>
                <a:gd name="connsiteY4" fmla="*/ 908149 h 1579253"/>
                <a:gd name="connsiteX5" fmla="*/ 201084 w 1187330"/>
                <a:gd name="connsiteY5" fmla="*/ 758471 h 1579253"/>
                <a:gd name="connsiteX6" fmla="*/ 288714 w 1187330"/>
                <a:gd name="connsiteY6" fmla="*/ 668119 h 1579253"/>
                <a:gd name="connsiteX7" fmla="*/ 341510 w 1187330"/>
                <a:gd name="connsiteY7" fmla="*/ 548921 h 1579253"/>
                <a:gd name="connsiteX8" fmla="*/ 440570 w 1187330"/>
                <a:gd name="connsiteY8" fmla="*/ 423191 h 1579253"/>
                <a:gd name="connsiteX9" fmla="*/ 551604 w 1187330"/>
                <a:gd name="connsiteY9" fmla="*/ 361142 h 1579253"/>
                <a:gd name="connsiteX10" fmla="*/ 836810 w 1187330"/>
                <a:gd name="connsiteY10" fmla="*/ 130909 h 1579253"/>
                <a:gd name="connsiteX11" fmla="*/ 1022955 w 1187330"/>
                <a:gd name="connsiteY11" fmla="*/ 27495 h 1579253"/>
                <a:gd name="connsiteX12" fmla="*/ 1187330 w 1187330"/>
                <a:gd name="connsiteY12" fmla="*/ 2458 h 1579253"/>
                <a:gd name="connsiteX0" fmla="*/ 34924 w 1189899"/>
                <a:gd name="connsiteY0" fmla="*/ 1579253 h 1579253"/>
                <a:gd name="connsiteX1" fmla="*/ 2811 w 1189899"/>
                <a:gd name="connsiteY1" fmla="*/ 1450258 h 1579253"/>
                <a:gd name="connsiteX2" fmla="*/ 61050 w 1189899"/>
                <a:gd name="connsiteY2" fmla="*/ 1221113 h 1579253"/>
                <a:gd name="connsiteX3" fmla="*/ 78467 w 1189899"/>
                <a:gd name="connsiteY3" fmla="*/ 1036056 h 1579253"/>
                <a:gd name="connsiteX4" fmla="*/ 170996 w 1189899"/>
                <a:gd name="connsiteY4" fmla="*/ 908149 h 1579253"/>
                <a:gd name="connsiteX5" fmla="*/ 203653 w 1189899"/>
                <a:gd name="connsiteY5" fmla="*/ 758471 h 1579253"/>
                <a:gd name="connsiteX6" fmla="*/ 291283 w 1189899"/>
                <a:gd name="connsiteY6" fmla="*/ 668119 h 1579253"/>
                <a:gd name="connsiteX7" fmla="*/ 344079 w 1189899"/>
                <a:gd name="connsiteY7" fmla="*/ 548921 h 1579253"/>
                <a:gd name="connsiteX8" fmla="*/ 443139 w 1189899"/>
                <a:gd name="connsiteY8" fmla="*/ 423191 h 1579253"/>
                <a:gd name="connsiteX9" fmla="*/ 554173 w 1189899"/>
                <a:gd name="connsiteY9" fmla="*/ 361142 h 1579253"/>
                <a:gd name="connsiteX10" fmla="*/ 839379 w 1189899"/>
                <a:gd name="connsiteY10" fmla="*/ 130909 h 1579253"/>
                <a:gd name="connsiteX11" fmla="*/ 1025524 w 1189899"/>
                <a:gd name="connsiteY11" fmla="*/ 27495 h 1579253"/>
                <a:gd name="connsiteX12" fmla="*/ 1189899 w 1189899"/>
                <a:gd name="connsiteY12" fmla="*/ 2458 h 1579253"/>
                <a:gd name="connsiteX0" fmla="*/ 59664 w 1187089"/>
                <a:gd name="connsiteY0" fmla="*/ 1579253 h 1579253"/>
                <a:gd name="connsiteX1" fmla="*/ 1 w 1187089"/>
                <a:gd name="connsiteY1" fmla="*/ 1450258 h 1579253"/>
                <a:gd name="connsiteX2" fmla="*/ 58240 w 1187089"/>
                <a:gd name="connsiteY2" fmla="*/ 1221113 h 1579253"/>
                <a:gd name="connsiteX3" fmla="*/ 75657 w 1187089"/>
                <a:gd name="connsiteY3" fmla="*/ 1036056 h 1579253"/>
                <a:gd name="connsiteX4" fmla="*/ 168186 w 1187089"/>
                <a:gd name="connsiteY4" fmla="*/ 908149 h 1579253"/>
                <a:gd name="connsiteX5" fmla="*/ 200843 w 1187089"/>
                <a:gd name="connsiteY5" fmla="*/ 758471 h 1579253"/>
                <a:gd name="connsiteX6" fmla="*/ 288473 w 1187089"/>
                <a:gd name="connsiteY6" fmla="*/ 668119 h 1579253"/>
                <a:gd name="connsiteX7" fmla="*/ 341269 w 1187089"/>
                <a:gd name="connsiteY7" fmla="*/ 548921 h 1579253"/>
                <a:gd name="connsiteX8" fmla="*/ 440329 w 1187089"/>
                <a:gd name="connsiteY8" fmla="*/ 423191 h 1579253"/>
                <a:gd name="connsiteX9" fmla="*/ 551363 w 1187089"/>
                <a:gd name="connsiteY9" fmla="*/ 361142 h 1579253"/>
                <a:gd name="connsiteX10" fmla="*/ 836569 w 1187089"/>
                <a:gd name="connsiteY10" fmla="*/ 130909 h 1579253"/>
                <a:gd name="connsiteX11" fmla="*/ 1022714 w 1187089"/>
                <a:gd name="connsiteY11" fmla="*/ 27495 h 1579253"/>
                <a:gd name="connsiteX12" fmla="*/ 1187089 w 1187089"/>
                <a:gd name="connsiteY12" fmla="*/ 2458 h 1579253"/>
                <a:gd name="connsiteX0" fmla="*/ 59739 w 1187164"/>
                <a:gd name="connsiteY0" fmla="*/ 1579253 h 1579253"/>
                <a:gd name="connsiteX1" fmla="*/ 76 w 1187164"/>
                <a:gd name="connsiteY1" fmla="*/ 1450258 h 1579253"/>
                <a:gd name="connsiteX2" fmla="*/ 58315 w 1187164"/>
                <a:gd name="connsiteY2" fmla="*/ 1221113 h 1579253"/>
                <a:gd name="connsiteX3" fmla="*/ 75732 w 1187164"/>
                <a:gd name="connsiteY3" fmla="*/ 1036056 h 1579253"/>
                <a:gd name="connsiteX4" fmla="*/ 168261 w 1187164"/>
                <a:gd name="connsiteY4" fmla="*/ 908149 h 1579253"/>
                <a:gd name="connsiteX5" fmla="*/ 200918 w 1187164"/>
                <a:gd name="connsiteY5" fmla="*/ 758471 h 1579253"/>
                <a:gd name="connsiteX6" fmla="*/ 288548 w 1187164"/>
                <a:gd name="connsiteY6" fmla="*/ 668119 h 1579253"/>
                <a:gd name="connsiteX7" fmla="*/ 341344 w 1187164"/>
                <a:gd name="connsiteY7" fmla="*/ 548921 h 1579253"/>
                <a:gd name="connsiteX8" fmla="*/ 440404 w 1187164"/>
                <a:gd name="connsiteY8" fmla="*/ 423191 h 1579253"/>
                <a:gd name="connsiteX9" fmla="*/ 551438 w 1187164"/>
                <a:gd name="connsiteY9" fmla="*/ 361142 h 1579253"/>
                <a:gd name="connsiteX10" fmla="*/ 836644 w 1187164"/>
                <a:gd name="connsiteY10" fmla="*/ 130909 h 1579253"/>
                <a:gd name="connsiteX11" fmla="*/ 1022789 w 1187164"/>
                <a:gd name="connsiteY11" fmla="*/ 27495 h 1579253"/>
                <a:gd name="connsiteX12" fmla="*/ 1187164 w 1187164"/>
                <a:gd name="connsiteY12" fmla="*/ 2458 h 1579253"/>
                <a:gd name="connsiteX0" fmla="*/ 59910 w 1187335"/>
                <a:gd name="connsiteY0" fmla="*/ 1579253 h 1579253"/>
                <a:gd name="connsiteX1" fmla="*/ 247 w 1187335"/>
                <a:gd name="connsiteY1" fmla="*/ 1450258 h 1579253"/>
                <a:gd name="connsiteX2" fmla="*/ 40119 w 1187335"/>
                <a:gd name="connsiteY2" fmla="*/ 1221113 h 1579253"/>
                <a:gd name="connsiteX3" fmla="*/ 75903 w 1187335"/>
                <a:gd name="connsiteY3" fmla="*/ 1036056 h 1579253"/>
                <a:gd name="connsiteX4" fmla="*/ 168432 w 1187335"/>
                <a:gd name="connsiteY4" fmla="*/ 908149 h 1579253"/>
                <a:gd name="connsiteX5" fmla="*/ 201089 w 1187335"/>
                <a:gd name="connsiteY5" fmla="*/ 758471 h 1579253"/>
                <a:gd name="connsiteX6" fmla="*/ 288719 w 1187335"/>
                <a:gd name="connsiteY6" fmla="*/ 668119 h 1579253"/>
                <a:gd name="connsiteX7" fmla="*/ 341515 w 1187335"/>
                <a:gd name="connsiteY7" fmla="*/ 548921 h 1579253"/>
                <a:gd name="connsiteX8" fmla="*/ 440575 w 1187335"/>
                <a:gd name="connsiteY8" fmla="*/ 423191 h 1579253"/>
                <a:gd name="connsiteX9" fmla="*/ 551609 w 1187335"/>
                <a:gd name="connsiteY9" fmla="*/ 361142 h 1579253"/>
                <a:gd name="connsiteX10" fmla="*/ 836815 w 1187335"/>
                <a:gd name="connsiteY10" fmla="*/ 130909 h 1579253"/>
                <a:gd name="connsiteX11" fmla="*/ 1022960 w 1187335"/>
                <a:gd name="connsiteY11" fmla="*/ 27495 h 1579253"/>
                <a:gd name="connsiteX12" fmla="*/ 1187335 w 1187335"/>
                <a:gd name="connsiteY12" fmla="*/ 2458 h 1579253"/>
                <a:gd name="connsiteX0" fmla="*/ 75147 w 1202572"/>
                <a:gd name="connsiteY0" fmla="*/ 1579253 h 1579253"/>
                <a:gd name="connsiteX1" fmla="*/ 178 w 1202572"/>
                <a:gd name="connsiteY1" fmla="*/ 1450258 h 1579253"/>
                <a:gd name="connsiteX2" fmla="*/ 55356 w 1202572"/>
                <a:gd name="connsiteY2" fmla="*/ 1221113 h 1579253"/>
                <a:gd name="connsiteX3" fmla="*/ 91140 w 1202572"/>
                <a:gd name="connsiteY3" fmla="*/ 1036056 h 1579253"/>
                <a:gd name="connsiteX4" fmla="*/ 183669 w 1202572"/>
                <a:gd name="connsiteY4" fmla="*/ 908149 h 1579253"/>
                <a:gd name="connsiteX5" fmla="*/ 216326 w 1202572"/>
                <a:gd name="connsiteY5" fmla="*/ 758471 h 1579253"/>
                <a:gd name="connsiteX6" fmla="*/ 303956 w 1202572"/>
                <a:gd name="connsiteY6" fmla="*/ 668119 h 1579253"/>
                <a:gd name="connsiteX7" fmla="*/ 356752 w 1202572"/>
                <a:gd name="connsiteY7" fmla="*/ 548921 h 1579253"/>
                <a:gd name="connsiteX8" fmla="*/ 455812 w 1202572"/>
                <a:gd name="connsiteY8" fmla="*/ 423191 h 1579253"/>
                <a:gd name="connsiteX9" fmla="*/ 566846 w 1202572"/>
                <a:gd name="connsiteY9" fmla="*/ 361142 h 1579253"/>
                <a:gd name="connsiteX10" fmla="*/ 852052 w 1202572"/>
                <a:gd name="connsiteY10" fmla="*/ 130909 h 1579253"/>
                <a:gd name="connsiteX11" fmla="*/ 1038197 w 1202572"/>
                <a:gd name="connsiteY11" fmla="*/ 27495 h 1579253"/>
                <a:gd name="connsiteX12" fmla="*/ 1202572 w 1202572"/>
                <a:gd name="connsiteY12" fmla="*/ 2458 h 1579253"/>
                <a:gd name="connsiteX0" fmla="*/ 62954 w 1190379"/>
                <a:gd name="connsiteY0" fmla="*/ 1579253 h 1579253"/>
                <a:gd name="connsiteX1" fmla="*/ 230 w 1190379"/>
                <a:gd name="connsiteY1" fmla="*/ 1450258 h 1579253"/>
                <a:gd name="connsiteX2" fmla="*/ 43163 w 1190379"/>
                <a:gd name="connsiteY2" fmla="*/ 1221113 h 1579253"/>
                <a:gd name="connsiteX3" fmla="*/ 78947 w 1190379"/>
                <a:gd name="connsiteY3" fmla="*/ 1036056 h 1579253"/>
                <a:gd name="connsiteX4" fmla="*/ 171476 w 1190379"/>
                <a:gd name="connsiteY4" fmla="*/ 908149 h 1579253"/>
                <a:gd name="connsiteX5" fmla="*/ 204133 w 1190379"/>
                <a:gd name="connsiteY5" fmla="*/ 758471 h 1579253"/>
                <a:gd name="connsiteX6" fmla="*/ 291763 w 1190379"/>
                <a:gd name="connsiteY6" fmla="*/ 668119 h 1579253"/>
                <a:gd name="connsiteX7" fmla="*/ 344559 w 1190379"/>
                <a:gd name="connsiteY7" fmla="*/ 548921 h 1579253"/>
                <a:gd name="connsiteX8" fmla="*/ 443619 w 1190379"/>
                <a:gd name="connsiteY8" fmla="*/ 423191 h 1579253"/>
                <a:gd name="connsiteX9" fmla="*/ 554653 w 1190379"/>
                <a:gd name="connsiteY9" fmla="*/ 361142 h 1579253"/>
                <a:gd name="connsiteX10" fmla="*/ 839859 w 1190379"/>
                <a:gd name="connsiteY10" fmla="*/ 130909 h 1579253"/>
                <a:gd name="connsiteX11" fmla="*/ 1026004 w 1190379"/>
                <a:gd name="connsiteY11" fmla="*/ 27495 h 1579253"/>
                <a:gd name="connsiteX12" fmla="*/ 1190379 w 1190379"/>
                <a:gd name="connsiteY12" fmla="*/ 2458 h 1579253"/>
                <a:gd name="connsiteX0" fmla="*/ 62939 w 1190364"/>
                <a:gd name="connsiteY0" fmla="*/ 1579253 h 1579253"/>
                <a:gd name="connsiteX1" fmla="*/ 215 w 1190364"/>
                <a:gd name="connsiteY1" fmla="*/ 1450258 h 1579253"/>
                <a:gd name="connsiteX2" fmla="*/ 43148 w 1190364"/>
                <a:gd name="connsiteY2" fmla="*/ 1221113 h 1579253"/>
                <a:gd name="connsiteX3" fmla="*/ 63626 w 1190364"/>
                <a:gd name="connsiteY3" fmla="*/ 1029934 h 1579253"/>
                <a:gd name="connsiteX4" fmla="*/ 171461 w 1190364"/>
                <a:gd name="connsiteY4" fmla="*/ 908149 h 1579253"/>
                <a:gd name="connsiteX5" fmla="*/ 204118 w 1190364"/>
                <a:gd name="connsiteY5" fmla="*/ 758471 h 1579253"/>
                <a:gd name="connsiteX6" fmla="*/ 291748 w 1190364"/>
                <a:gd name="connsiteY6" fmla="*/ 668119 h 1579253"/>
                <a:gd name="connsiteX7" fmla="*/ 344544 w 1190364"/>
                <a:gd name="connsiteY7" fmla="*/ 548921 h 1579253"/>
                <a:gd name="connsiteX8" fmla="*/ 443604 w 1190364"/>
                <a:gd name="connsiteY8" fmla="*/ 423191 h 1579253"/>
                <a:gd name="connsiteX9" fmla="*/ 554638 w 1190364"/>
                <a:gd name="connsiteY9" fmla="*/ 361142 h 1579253"/>
                <a:gd name="connsiteX10" fmla="*/ 839844 w 1190364"/>
                <a:gd name="connsiteY10" fmla="*/ 130909 h 1579253"/>
                <a:gd name="connsiteX11" fmla="*/ 1025989 w 1190364"/>
                <a:gd name="connsiteY11" fmla="*/ 27495 h 1579253"/>
                <a:gd name="connsiteX12" fmla="*/ 1190364 w 1190364"/>
                <a:gd name="connsiteY12"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71469 w 1190372"/>
                <a:gd name="connsiteY4" fmla="*/ 908149 h 1579253"/>
                <a:gd name="connsiteX5" fmla="*/ 204126 w 1190372"/>
                <a:gd name="connsiteY5" fmla="*/ 758471 h 1579253"/>
                <a:gd name="connsiteX6" fmla="*/ 291756 w 1190372"/>
                <a:gd name="connsiteY6" fmla="*/ 668119 h 1579253"/>
                <a:gd name="connsiteX7" fmla="*/ 344552 w 1190372"/>
                <a:gd name="connsiteY7" fmla="*/ 548921 h 1579253"/>
                <a:gd name="connsiteX8" fmla="*/ 443612 w 1190372"/>
                <a:gd name="connsiteY8" fmla="*/ 423191 h 1579253"/>
                <a:gd name="connsiteX9" fmla="*/ 554646 w 1190372"/>
                <a:gd name="connsiteY9" fmla="*/ 361142 h 1579253"/>
                <a:gd name="connsiteX10" fmla="*/ 839852 w 1190372"/>
                <a:gd name="connsiteY10" fmla="*/ 130909 h 1579253"/>
                <a:gd name="connsiteX11" fmla="*/ 1025997 w 1190372"/>
                <a:gd name="connsiteY11" fmla="*/ 27495 h 1579253"/>
                <a:gd name="connsiteX12" fmla="*/ 1190372 w 1190372"/>
                <a:gd name="connsiteY12"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40858 w 1190372"/>
                <a:gd name="connsiteY4" fmla="*/ 895904 h 1579253"/>
                <a:gd name="connsiteX5" fmla="*/ 204126 w 1190372"/>
                <a:gd name="connsiteY5" fmla="*/ 758471 h 1579253"/>
                <a:gd name="connsiteX6" fmla="*/ 291756 w 1190372"/>
                <a:gd name="connsiteY6" fmla="*/ 668119 h 1579253"/>
                <a:gd name="connsiteX7" fmla="*/ 344552 w 1190372"/>
                <a:gd name="connsiteY7" fmla="*/ 548921 h 1579253"/>
                <a:gd name="connsiteX8" fmla="*/ 443612 w 1190372"/>
                <a:gd name="connsiteY8" fmla="*/ 423191 h 1579253"/>
                <a:gd name="connsiteX9" fmla="*/ 554646 w 1190372"/>
                <a:gd name="connsiteY9" fmla="*/ 361142 h 1579253"/>
                <a:gd name="connsiteX10" fmla="*/ 839852 w 1190372"/>
                <a:gd name="connsiteY10" fmla="*/ 130909 h 1579253"/>
                <a:gd name="connsiteX11" fmla="*/ 1025997 w 1190372"/>
                <a:gd name="connsiteY11" fmla="*/ 27495 h 1579253"/>
                <a:gd name="connsiteX12" fmla="*/ 1190372 w 1190372"/>
                <a:gd name="connsiteY12"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56164 w 1190372"/>
                <a:gd name="connsiteY4" fmla="*/ 898965 h 1579253"/>
                <a:gd name="connsiteX5" fmla="*/ 204126 w 1190372"/>
                <a:gd name="connsiteY5" fmla="*/ 758471 h 1579253"/>
                <a:gd name="connsiteX6" fmla="*/ 291756 w 1190372"/>
                <a:gd name="connsiteY6" fmla="*/ 668119 h 1579253"/>
                <a:gd name="connsiteX7" fmla="*/ 344552 w 1190372"/>
                <a:gd name="connsiteY7" fmla="*/ 548921 h 1579253"/>
                <a:gd name="connsiteX8" fmla="*/ 443612 w 1190372"/>
                <a:gd name="connsiteY8" fmla="*/ 423191 h 1579253"/>
                <a:gd name="connsiteX9" fmla="*/ 554646 w 1190372"/>
                <a:gd name="connsiteY9" fmla="*/ 361142 h 1579253"/>
                <a:gd name="connsiteX10" fmla="*/ 839852 w 1190372"/>
                <a:gd name="connsiteY10" fmla="*/ 130909 h 1579253"/>
                <a:gd name="connsiteX11" fmla="*/ 1025997 w 1190372"/>
                <a:gd name="connsiteY11" fmla="*/ 27495 h 1579253"/>
                <a:gd name="connsiteX12" fmla="*/ 1190372 w 1190372"/>
                <a:gd name="connsiteY12"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56164 w 1190372"/>
                <a:gd name="connsiteY4" fmla="*/ 898965 h 1579253"/>
                <a:gd name="connsiteX5" fmla="*/ 204126 w 1190372"/>
                <a:gd name="connsiteY5" fmla="*/ 758471 h 1579253"/>
                <a:gd name="connsiteX6" fmla="*/ 288695 w 1190372"/>
                <a:gd name="connsiteY6" fmla="*/ 668119 h 1579253"/>
                <a:gd name="connsiteX7" fmla="*/ 344552 w 1190372"/>
                <a:gd name="connsiteY7" fmla="*/ 548921 h 1579253"/>
                <a:gd name="connsiteX8" fmla="*/ 443612 w 1190372"/>
                <a:gd name="connsiteY8" fmla="*/ 423191 h 1579253"/>
                <a:gd name="connsiteX9" fmla="*/ 554646 w 1190372"/>
                <a:gd name="connsiteY9" fmla="*/ 361142 h 1579253"/>
                <a:gd name="connsiteX10" fmla="*/ 839852 w 1190372"/>
                <a:gd name="connsiteY10" fmla="*/ 130909 h 1579253"/>
                <a:gd name="connsiteX11" fmla="*/ 1025997 w 1190372"/>
                <a:gd name="connsiteY11" fmla="*/ 27495 h 1579253"/>
                <a:gd name="connsiteX12" fmla="*/ 1190372 w 1190372"/>
                <a:gd name="connsiteY12"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56164 w 1190372"/>
                <a:gd name="connsiteY4" fmla="*/ 898965 h 1579253"/>
                <a:gd name="connsiteX5" fmla="*/ 204126 w 1190372"/>
                <a:gd name="connsiteY5" fmla="*/ 758471 h 1579253"/>
                <a:gd name="connsiteX6" fmla="*/ 288695 w 1190372"/>
                <a:gd name="connsiteY6" fmla="*/ 668119 h 1579253"/>
                <a:gd name="connsiteX7" fmla="*/ 344552 w 1190372"/>
                <a:gd name="connsiteY7" fmla="*/ 548921 h 1579253"/>
                <a:gd name="connsiteX8" fmla="*/ 443612 w 1190372"/>
                <a:gd name="connsiteY8" fmla="*/ 423191 h 1579253"/>
                <a:gd name="connsiteX9" fmla="*/ 554646 w 1190372"/>
                <a:gd name="connsiteY9" fmla="*/ 361142 h 1579253"/>
                <a:gd name="connsiteX10" fmla="*/ 663782 w 1190372"/>
                <a:gd name="connsiteY10" fmla="*/ 251620 h 1579253"/>
                <a:gd name="connsiteX11" fmla="*/ 839852 w 1190372"/>
                <a:gd name="connsiteY11" fmla="*/ 130909 h 1579253"/>
                <a:gd name="connsiteX12" fmla="*/ 1025997 w 1190372"/>
                <a:gd name="connsiteY12" fmla="*/ 27495 h 1579253"/>
                <a:gd name="connsiteX13" fmla="*/ 1190372 w 1190372"/>
                <a:gd name="connsiteY13" fmla="*/ 2458 h 1579253"/>
                <a:gd name="connsiteX0" fmla="*/ 62947 w 1190372"/>
                <a:gd name="connsiteY0" fmla="*/ 1579253 h 1579253"/>
                <a:gd name="connsiteX1" fmla="*/ 223 w 1190372"/>
                <a:gd name="connsiteY1" fmla="*/ 1450258 h 1579253"/>
                <a:gd name="connsiteX2" fmla="*/ 43156 w 1190372"/>
                <a:gd name="connsiteY2" fmla="*/ 1221113 h 1579253"/>
                <a:gd name="connsiteX3" fmla="*/ 72817 w 1190372"/>
                <a:gd name="connsiteY3" fmla="*/ 1042178 h 1579253"/>
                <a:gd name="connsiteX4" fmla="*/ 156164 w 1190372"/>
                <a:gd name="connsiteY4" fmla="*/ 898965 h 1579253"/>
                <a:gd name="connsiteX5" fmla="*/ 204126 w 1190372"/>
                <a:gd name="connsiteY5" fmla="*/ 758471 h 1579253"/>
                <a:gd name="connsiteX6" fmla="*/ 288695 w 1190372"/>
                <a:gd name="connsiteY6" fmla="*/ 668119 h 1579253"/>
                <a:gd name="connsiteX7" fmla="*/ 344552 w 1190372"/>
                <a:gd name="connsiteY7" fmla="*/ 548921 h 1579253"/>
                <a:gd name="connsiteX8" fmla="*/ 443612 w 1190372"/>
                <a:gd name="connsiteY8" fmla="*/ 423191 h 1579253"/>
                <a:gd name="connsiteX9" fmla="*/ 542402 w 1190372"/>
                <a:gd name="connsiteY9" fmla="*/ 351959 h 1579253"/>
                <a:gd name="connsiteX10" fmla="*/ 663782 w 1190372"/>
                <a:gd name="connsiteY10" fmla="*/ 251620 h 1579253"/>
                <a:gd name="connsiteX11" fmla="*/ 839852 w 1190372"/>
                <a:gd name="connsiteY11" fmla="*/ 130909 h 1579253"/>
                <a:gd name="connsiteX12" fmla="*/ 1025997 w 1190372"/>
                <a:gd name="connsiteY12" fmla="*/ 27495 h 1579253"/>
                <a:gd name="connsiteX13" fmla="*/ 1190372 w 1190372"/>
                <a:gd name="connsiteY13" fmla="*/ 2458 h 15792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190372" h="1579253">
                  <a:moveTo>
                    <a:pt x="62947" y="1579253"/>
                  </a:moveTo>
                  <a:cubicBezTo>
                    <a:pt x="-2899" y="1539113"/>
                    <a:pt x="3522" y="1509948"/>
                    <a:pt x="223" y="1450258"/>
                  </a:cubicBezTo>
                  <a:cubicBezTo>
                    <a:pt x="-3076" y="1390568"/>
                    <a:pt x="31057" y="1289126"/>
                    <a:pt x="43156" y="1221113"/>
                  </a:cubicBezTo>
                  <a:cubicBezTo>
                    <a:pt x="55255" y="1153100"/>
                    <a:pt x="53982" y="1095869"/>
                    <a:pt x="72817" y="1042178"/>
                  </a:cubicBezTo>
                  <a:cubicBezTo>
                    <a:pt x="91652" y="988487"/>
                    <a:pt x="134279" y="946249"/>
                    <a:pt x="156164" y="898965"/>
                  </a:cubicBezTo>
                  <a:cubicBezTo>
                    <a:pt x="178049" y="851681"/>
                    <a:pt x="182038" y="796945"/>
                    <a:pt x="204126" y="758471"/>
                  </a:cubicBezTo>
                  <a:cubicBezTo>
                    <a:pt x="226214" y="719997"/>
                    <a:pt x="265291" y="703044"/>
                    <a:pt x="288695" y="668119"/>
                  </a:cubicBezTo>
                  <a:cubicBezTo>
                    <a:pt x="312099" y="633194"/>
                    <a:pt x="318733" y="589742"/>
                    <a:pt x="344552" y="548921"/>
                  </a:cubicBezTo>
                  <a:cubicBezTo>
                    <a:pt x="370372" y="508100"/>
                    <a:pt x="410637" y="456018"/>
                    <a:pt x="443612" y="423191"/>
                  </a:cubicBezTo>
                  <a:cubicBezTo>
                    <a:pt x="476587" y="390364"/>
                    <a:pt x="505707" y="380554"/>
                    <a:pt x="542402" y="351959"/>
                  </a:cubicBezTo>
                  <a:cubicBezTo>
                    <a:pt x="579097" y="323364"/>
                    <a:pt x="616248" y="289992"/>
                    <a:pt x="663782" y="251620"/>
                  </a:cubicBezTo>
                  <a:cubicBezTo>
                    <a:pt x="711316" y="213248"/>
                    <a:pt x="779483" y="168263"/>
                    <a:pt x="839852" y="130909"/>
                  </a:cubicBezTo>
                  <a:cubicBezTo>
                    <a:pt x="900221" y="93555"/>
                    <a:pt x="995517" y="51443"/>
                    <a:pt x="1025997" y="27495"/>
                  </a:cubicBezTo>
                  <a:cubicBezTo>
                    <a:pt x="1056477" y="3546"/>
                    <a:pt x="1184384" y="-4618"/>
                    <a:pt x="1190372" y="2458"/>
                  </a:cubicBezTo>
                </a:path>
              </a:pathLst>
            </a:custGeom>
            <a:noFill/>
            <a:ln w="22225" cap="rnd">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Kombinationstegning: figur 13">
              <a:extLst>
                <a:ext uri="{FF2B5EF4-FFF2-40B4-BE49-F238E27FC236}">
                  <a16:creationId xmlns:a16="http://schemas.microsoft.com/office/drawing/2014/main" id="{02A475C8-5D69-41AB-968D-ADE240B54AAC}"/>
                </a:ext>
              </a:extLst>
            </p:cNvPr>
            <p:cNvSpPr/>
            <p:nvPr/>
          </p:nvSpPr>
          <p:spPr>
            <a:xfrm>
              <a:off x="2415724" y="4244633"/>
              <a:ext cx="201741" cy="844088"/>
            </a:xfrm>
            <a:custGeom>
              <a:avLst/>
              <a:gdLst>
                <a:gd name="connsiteX0" fmla="*/ 149973 w 188073"/>
                <a:gd name="connsiteY0" fmla="*/ 0 h 1093470"/>
                <a:gd name="connsiteX1" fmla="*/ 58533 w 188073"/>
                <a:gd name="connsiteY1" fmla="*/ 76200 h 1093470"/>
                <a:gd name="connsiteX2" fmla="*/ 1383 w 188073"/>
                <a:gd name="connsiteY2" fmla="*/ 438150 h 1093470"/>
                <a:gd name="connsiteX3" fmla="*/ 115683 w 188073"/>
                <a:gd name="connsiteY3" fmla="*/ 685800 h 1093470"/>
                <a:gd name="connsiteX4" fmla="*/ 43293 w 188073"/>
                <a:gd name="connsiteY4" fmla="*/ 929640 h 1093470"/>
                <a:gd name="connsiteX5" fmla="*/ 188073 w 188073"/>
                <a:gd name="connsiteY5" fmla="*/ 1093470 h 1093470"/>
                <a:gd name="connsiteX6" fmla="*/ 188073 w 188073"/>
                <a:gd name="connsiteY6" fmla="*/ 1093470 h 1093470"/>
                <a:gd name="connsiteX0" fmla="*/ 150956 w 189056"/>
                <a:gd name="connsiteY0" fmla="*/ 0 h 1093470"/>
                <a:gd name="connsiteX1" fmla="*/ 48086 w 189056"/>
                <a:gd name="connsiteY1" fmla="*/ 106680 h 1093470"/>
                <a:gd name="connsiteX2" fmla="*/ 2366 w 189056"/>
                <a:gd name="connsiteY2" fmla="*/ 438150 h 1093470"/>
                <a:gd name="connsiteX3" fmla="*/ 116666 w 189056"/>
                <a:gd name="connsiteY3" fmla="*/ 685800 h 1093470"/>
                <a:gd name="connsiteX4" fmla="*/ 44276 w 189056"/>
                <a:gd name="connsiteY4" fmla="*/ 929640 h 1093470"/>
                <a:gd name="connsiteX5" fmla="*/ 189056 w 189056"/>
                <a:gd name="connsiteY5" fmla="*/ 1093470 h 1093470"/>
                <a:gd name="connsiteX6" fmla="*/ 189056 w 189056"/>
                <a:gd name="connsiteY6" fmla="*/ 1093470 h 109347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67240 w 189159"/>
                <a:gd name="connsiteY4" fmla="*/ 796290 h 1116330"/>
                <a:gd name="connsiteX5" fmla="*/ 82479 w 189159"/>
                <a:gd name="connsiteY5" fmla="*/ 922020 h 1116330"/>
                <a:gd name="connsiteX6" fmla="*/ 189159 w 189159"/>
                <a:gd name="connsiteY6" fmla="*/ 1116330 h 1116330"/>
                <a:gd name="connsiteX7" fmla="*/ 189159 w 189159"/>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66839 w 188758"/>
                <a:gd name="connsiteY4" fmla="*/ 796290 h 1116330"/>
                <a:gd name="connsiteX5" fmla="*/ 82078 w 188758"/>
                <a:gd name="connsiteY5" fmla="*/ 922020 h 1116330"/>
                <a:gd name="connsiteX6" fmla="*/ 188758 w 188758"/>
                <a:gd name="connsiteY6" fmla="*/ 1116330 h 1116330"/>
                <a:gd name="connsiteX7" fmla="*/ 188758 w 188758"/>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59219 w 188758"/>
                <a:gd name="connsiteY4" fmla="*/ 792480 h 1116330"/>
                <a:gd name="connsiteX5" fmla="*/ 82078 w 188758"/>
                <a:gd name="connsiteY5" fmla="*/ 922020 h 1116330"/>
                <a:gd name="connsiteX6" fmla="*/ 188758 w 188758"/>
                <a:gd name="connsiteY6" fmla="*/ 1116330 h 1116330"/>
                <a:gd name="connsiteX7" fmla="*/ 188758 w 188758"/>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82078 w 188758"/>
                <a:gd name="connsiteY4" fmla="*/ 922020 h 1116330"/>
                <a:gd name="connsiteX5" fmla="*/ 188758 w 188758"/>
                <a:gd name="connsiteY5" fmla="*/ 1116330 h 1116330"/>
                <a:gd name="connsiteX6" fmla="*/ 188758 w 188758"/>
                <a:gd name="connsiteY6"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188758 w 188758"/>
                <a:gd name="connsiteY4" fmla="*/ 1116330 h 1116330"/>
                <a:gd name="connsiteX5" fmla="*/ 188758 w 188758"/>
                <a:gd name="connsiteY5"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188758 w 188758"/>
                <a:gd name="connsiteY4" fmla="*/ 1116330 h 1116330"/>
                <a:gd name="connsiteX0" fmla="*/ 162088 w 162088"/>
                <a:gd name="connsiteY0" fmla="*/ 0 h 678180"/>
                <a:gd name="connsiteX1" fmla="*/ 47788 w 162088"/>
                <a:gd name="connsiteY1" fmla="*/ 129540 h 678180"/>
                <a:gd name="connsiteX2" fmla="*/ 2068 w 162088"/>
                <a:gd name="connsiteY2" fmla="*/ 461010 h 678180"/>
                <a:gd name="connsiteX3" fmla="*/ 108748 w 162088"/>
                <a:gd name="connsiteY3" fmla="*/ 678180 h 678180"/>
                <a:gd name="connsiteX0" fmla="*/ 162088 w 162088"/>
                <a:gd name="connsiteY0" fmla="*/ 0 h 678180"/>
                <a:gd name="connsiteX1" fmla="*/ 47788 w 162088"/>
                <a:gd name="connsiteY1" fmla="*/ 129540 h 678180"/>
                <a:gd name="connsiteX2" fmla="*/ 2068 w 162088"/>
                <a:gd name="connsiteY2" fmla="*/ 461010 h 678180"/>
                <a:gd name="connsiteX3" fmla="*/ 108748 w 162088"/>
                <a:gd name="connsiteY3" fmla="*/ 678180 h 678180"/>
              </a:gdLst>
              <a:ahLst/>
              <a:cxnLst>
                <a:cxn ang="0">
                  <a:pos x="connsiteX0" y="connsiteY0"/>
                </a:cxn>
                <a:cxn ang="0">
                  <a:pos x="connsiteX1" y="connsiteY1"/>
                </a:cxn>
                <a:cxn ang="0">
                  <a:pos x="connsiteX2" y="connsiteY2"/>
                </a:cxn>
                <a:cxn ang="0">
                  <a:pos x="connsiteX3" y="connsiteY3"/>
                </a:cxn>
              </a:cxnLst>
              <a:rect l="l" t="t" r="r" b="b"/>
              <a:pathLst>
                <a:path w="162088" h="678180">
                  <a:moveTo>
                    <a:pt x="162088" y="0"/>
                  </a:moveTo>
                  <a:cubicBezTo>
                    <a:pt x="155420" y="39687"/>
                    <a:pt x="74458" y="52705"/>
                    <a:pt x="47788" y="129540"/>
                  </a:cubicBezTo>
                  <a:cubicBezTo>
                    <a:pt x="21118" y="206375"/>
                    <a:pt x="-8092" y="369570"/>
                    <a:pt x="2068" y="461010"/>
                  </a:cubicBezTo>
                  <a:cubicBezTo>
                    <a:pt x="12228" y="552450"/>
                    <a:pt x="47022" y="614877"/>
                    <a:pt x="108748" y="678180"/>
                  </a:cubicBezTo>
                </a:path>
              </a:pathLst>
            </a:custGeom>
            <a:noFill/>
            <a:ln w="2540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Kombinationstegning: figur 14">
              <a:extLst>
                <a:ext uri="{FF2B5EF4-FFF2-40B4-BE49-F238E27FC236}">
                  <a16:creationId xmlns:a16="http://schemas.microsoft.com/office/drawing/2014/main" id="{A9767EC3-C71B-46BD-A076-E65B97DB095C}"/>
                </a:ext>
              </a:extLst>
            </p:cNvPr>
            <p:cNvSpPr/>
            <p:nvPr/>
          </p:nvSpPr>
          <p:spPr>
            <a:xfrm flipH="1">
              <a:off x="5726661" y="3672036"/>
              <a:ext cx="368318" cy="387056"/>
            </a:xfrm>
            <a:custGeom>
              <a:avLst/>
              <a:gdLst>
                <a:gd name="connsiteX0" fmla="*/ 8082 w 129678"/>
                <a:gd name="connsiteY0" fmla="*/ 661481 h 661481"/>
                <a:gd name="connsiteX1" fmla="*/ 12946 w 129678"/>
                <a:gd name="connsiteY1" fmla="*/ 462064 h 661481"/>
                <a:gd name="connsiteX2" fmla="*/ 129678 w 129678"/>
                <a:gd name="connsiteY2" fmla="*/ 0 h 661481"/>
                <a:gd name="connsiteX0" fmla="*/ 8082 w 129678"/>
                <a:gd name="connsiteY0" fmla="*/ 637162 h 637162"/>
                <a:gd name="connsiteX1" fmla="*/ 12946 w 129678"/>
                <a:gd name="connsiteY1" fmla="*/ 437745 h 637162"/>
                <a:gd name="connsiteX2" fmla="*/ 129678 w 129678"/>
                <a:gd name="connsiteY2" fmla="*/ 0 h 637162"/>
                <a:gd name="connsiteX0" fmla="*/ 8082 w 370914"/>
                <a:gd name="connsiteY0" fmla="*/ 511062 h 511062"/>
                <a:gd name="connsiteX1" fmla="*/ 12946 w 370914"/>
                <a:gd name="connsiteY1" fmla="*/ 311645 h 511062"/>
                <a:gd name="connsiteX2" fmla="*/ 370914 w 370914"/>
                <a:gd name="connsiteY2" fmla="*/ 0 h 511062"/>
                <a:gd name="connsiteX0" fmla="*/ 449 w 363281"/>
                <a:gd name="connsiteY0" fmla="*/ 511062 h 511062"/>
                <a:gd name="connsiteX1" fmla="*/ 106741 w 363281"/>
                <a:gd name="connsiteY1" fmla="*/ 322610 h 511062"/>
                <a:gd name="connsiteX2" fmla="*/ 363281 w 363281"/>
                <a:gd name="connsiteY2" fmla="*/ 0 h 511062"/>
                <a:gd name="connsiteX0" fmla="*/ 449 w 363281"/>
                <a:gd name="connsiteY0" fmla="*/ 511062 h 511062"/>
                <a:gd name="connsiteX1" fmla="*/ 106741 w 363281"/>
                <a:gd name="connsiteY1" fmla="*/ 322610 h 511062"/>
                <a:gd name="connsiteX2" fmla="*/ 363281 w 363281"/>
                <a:gd name="connsiteY2" fmla="*/ 0 h 511062"/>
                <a:gd name="connsiteX0" fmla="*/ 437 w 363269"/>
                <a:gd name="connsiteY0" fmla="*/ 511062 h 511062"/>
                <a:gd name="connsiteX1" fmla="*/ 106729 w 363269"/>
                <a:gd name="connsiteY1" fmla="*/ 322610 h 511062"/>
                <a:gd name="connsiteX2" fmla="*/ 363269 w 363269"/>
                <a:gd name="connsiteY2" fmla="*/ 0 h 511062"/>
                <a:gd name="connsiteX0" fmla="*/ 619 w 363451"/>
                <a:gd name="connsiteY0" fmla="*/ 511062 h 511062"/>
                <a:gd name="connsiteX1" fmla="*/ 76757 w 363451"/>
                <a:gd name="connsiteY1" fmla="*/ 297939 h 511062"/>
                <a:gd name="connsiteX2" fmla="*/ 363451 w 363451"/>
                <a:gd name="connsiteY2" fmla="*/ 0 h 511062"/>
                <a:gd name="connsiteX0" fmla="*/ 0 w 362832"/>
                <a:gd name="connsiteY0" fmla="*/ 511062 h 511062"/>
                <a:gd name="connsiteX1" fmla="*/ 76138 w 362832"/>
                <a:gd name="connsiteY1" fmla="*/ 297939 h 511062"/>
                <a:gd name="connsiteX2" fmla="*/ 362832 w 362832"/>
                <a:gd name="connsiteY2" fmla="*/ 0 h 511062"/>
                <a:gd name="connsiteX0" fmla="*/ 0 w 362832"/>
                <a:gd name="connsiteY0" fmla="*/ 511062 h 511062"/>
                <a:gd name="connsiteX1" fmla="*/ 76138 w 362832"/>
                <a:gd name="connsiteY1" fmla="*/ 297939 h 511062"/>
                <a:gd name="connsiteX2" fmla="*/ 362832 w 362832"/>
                <a:gd name="connsiteY2" fmla="*/ 0 h 511062"/>
                <a:gd name="connsiteX0" fmla="*/ 0 w 362832"/>
                <a:gd name="connsiteY0" fmla="*/ 511062 h 511062"/>
                <a:gd name="connsiteX1" fmla="*/ 103551 w 362832"/>
                <a:gd name="connsiteY1" fmla="*/ 218441 h 511062"/>
                <a:gd name="connsiteX2" fmla="*/ 362832 w 362832"/>
                <a:gd name="connsiteY2" fmla="*/ 0 h 511062"/>
                <a:gd name="connsiteX0" fmla="*/ 0 w 390245"/>
                <a:gd name="connsiteY0" fmla="*/ 368514 h 368514"/>
                <a:gd name="connsiteX1" fmla="*/ 103551 w 390245"/>
                <a:gd name="connsiteY1" fmla="*/ 75893 h 368514"/>
                <a:gd name="connsiteX2" fmla="*/ 390245 w 390245"/>
                <a:gd name="connsiteY2" fmla="*/ 0 h 368514"/>
                <a:gd name="connsiteX0" fmla="*/ 0 w 390245"/>
                <a:gd name="connsiteY0" fmla="*/ 368514 h 368514"/>
                <a:gd name="connsiteX1" fmla="*/ 128224 w 390245"/>
                <a:gd name="connsiteY1" fmla="*/ 133461 h 368514"/>
                <a:gd name="connsiteX2" fmla="*/ 390245 w 390245"/>
                <a:gd name="connsiteY2" fmla="*/ 0 h 368514"/>
                <a:gd name="connsiteX0" fmla="*/ 0 w 390245"/>
                <a:gd name="connsiteY0" fmla="*/ 368514 h 368514"/>
                <a:gd name="connsiteX1" fmla="*/ 128224 w 390245"/>
                <a:gd name="connsiteY1" fmla="*/ 133461 h 368514"/>
                <a:gd name="connsiteX2" fmla="*/ 390245 w 390245"/>
                <a:gd name="connsiteY2" fmla="*/ 0 h 368514"/>
                <a:gd name="connsiteX0" fmla="*/ 0 w 390245"/>
                <a:gd name="connsiteY0" fmla="*/ 368514 h 368514"/>
                <a:gd name="connsiteX1" fmla="*/ 128224 w 390245"/>
                <a:gd name="connsiteY1" fmla="*/ 133461 h 368514"/>
                <a:gd name="connsiteX2" fmla="*/ 390245 w 390245"/>
                <a:gd name="connsiteY2" fmla="*/ 0 h 368514"/>
                <a:gd name="connsiteX0" fmla="*/ 0 w 390245"/>
                <a:gd name="connsiteY0" fmla="*/ 368514 h 368514"/>
                <a:gd name="connsiteX1" fmla="*/ 128224 w 390245"/>
                <a:gd name="connsiteY1" fmla="*/ 133461 h 368514"/>
                <a:gd name="connsiteX2" fmla="*/ 390245 w 390245"/>
                <a:gd name="connsiteY2" fmla="*/ 0 h 368514"/>
                <a:gd name="connsiteX0" fmla="*/ 0 w 390245"/>
                <a:gd name="connsiteY0" fmla="*/ 368514 h 368514"/>
                <a:gd name="connsiteX1" fmla="*/ 106294 w 390245"/>
                <a:gd name="connsiteY1" fmla="*/ 133461 h 368514"/>
                <a:gd name="connsiteX2" fmla="*/ 390245 w 390245"/>
                <a:gd name="connsiteY2" fmla="*/ 0 h 368514"/>
                <a:gd name="connsiteX0" fmla="*/ 0 w 390245"/>
                <a:gd name="connsiteY0" fmla="*/ 368514 h 368514"/>
                <a:gd name="connsiteX1" fmla="*/ 133708 w 390245"/>
                <a:gd name="connsiteY1" fmla="*/ 180063 h 368514"/>
                <a:gd name="connsiteX2" fmla="*/ 390245 w 390245"/>
                <a:gd name="connsiteY2" fmla="*/ 0 h 368514"/>
                <a:gd name="connsiteX0" fmla="*/ 0 w 390245"/>
                <a:gd name="connsiteY0" fmla="*/ 368514 h 368514"/>
                <a:gd name="connsiteX1" fmla="*/ 133708 w 390245"/>
                <a:gd name="connsiteY1" fmla="*/ 180063 h 368514"/>
                <a:gd name="connsiteX2" fmla="*/ 390245 w 390245"/>
                <a:gd name="connsiteY2" fmla="*/ 0 h 368514"/>
                <a:gd name="connsiteX0" fmla="*/ 0 w 390245"/>
                <a:gd name="connsiteY0" fmla="*/ 368514 h 368514"/>
                <a:gd name="connsiteX1" fmla="*/ 133708 w 390245"/>
                <a:gd name="connsiteY1" fmla="*/ 180063 h 368514"/>
                <a:gd name="connsiteX2" fmla="*/ 390245 w 390245"/>
                <a:gd name="connsiteY2" fmla="*/ 0 h 368514"/>
                <a:gd name="connsiteX0" fmla="*/ 0 w 390245"/>
                <a:gd name="connsiteY0" fmla="*/ 368514 h 368514"/>
                <a:gd name="connsiteX1" fmla="*/ 96089 w 390245"/>
                <a:gd name="connsiteY1" fmla="*/ 211043 h 368514"/>
                <a:gd name="connsiteX2" fmla="*/ 390245 w 390245"/>
                <a:gd name="connsiteY2" fmla="*/ 0 h 368514"/>
                <a:gd name="connsiteX0" fmla="*/ 0 w 295092"/>
                <a:gd name="connsiteY0" fmla="*/ 310979 h 310979"/>
                <a:gd name="connsiteX1" fmla="*/ 96089 w 295092"/>
                <a:gd name="connsiteY1" fmla="*/ 153508 h 310979"/>
                <a:gd name="connsiteX2" fmla="*/ 295092 w 295092"/>
                <a:gd name="connsiteY2" fmla="*/ 0 h 310979"/>
                <a:gd name="connsiteX0" fmla="*/ 0 w 295092"/>
                <a:gd name="connsiteY0" fmla="*/ 310979 h 310979"/>
                <a:gd name="connsiteX1" fmla="*/ 96089 w 295092"/>
                <a:gd name="connsiteY1" fmla="*/ 153508 h 310979"/>
                <a:gd name="connsiteX2" fmla="*/ 295092 w 295092"/>
                <a:gd name="connsiteY2" fmla="*/ 0 h 310979"/>
                <a:gd name="connsiteX0" fmla="*/ 0 w 295092"/>
                <a:gd name="connsiteY0" fmla="*/ 310979 h 310979"/>
                <a:gd name="connsiteX1" fmla="*/ 96089 w 295092"/>
                <a:gd name="connsiteY1" fmla="*/ 153508 h 310979"/>
                <a:gd name="connsiteX2" fmla="*/ 295092 w 295092"/>
                <a:gd name="connsiteY2" fmla="*/ 0 h 310979"/>
                <a:gd name="connsiteX0" fmla="*/ 0 w 295092"/>
                <a:gd name="connsiteY0" fmla="*/ 310979 h 310979"/>
                <a:gd name="connsiteX1" fmla="*/ 295092 w 295092"/>
                <a:gd name="connsiteY1" fmla="*/ 0 h 310979"/>
                <a:gd name="connsiteX0" fmla="*/ 0 w 295092"/>
                <a:gd name="connsiteY0" fmla="*/ 310979 h 310979"/>
                <a:gd name="connsiteX1" fmla="*/ 295092 w 295092"/>
                <a:gd name="connsiteY1" fmla="*/ 0 h 310979"/>
                <a:gd name="connsiteX0" fmla="*/ 0 w 295092"/>
                <a:gd name="connsiteY0" fmla="*/ 310979 h 310979"/>
                <a:gd name="connsiteX1" fmla="*/ 12361 w 295092"/>
                <a:gd name="connsiteY1" fmla="*/ 196411 h 310979"/>
                <a:gd name="connsiteX2" fmla="*/ 295092 w 295092"/>
                <a:gd name="connsiteY2" fmla="*/ 0 h 310979"/>
                <a:gd name="connsiteX0" fmla="*/ 0 w 295092"/>
                <a:gd name="connsiteY0" fmla="*/ 310979 h 310979"/>
                <a:gd name="connsiteX1" fmla="*/ 30063 w 295092"/>
                <a:gd name="connsiteY1" fmla="*/ 198624 h 310979"/>
                <a:gd name="connsiteX2" fmla="*/ 295092 w 295092"/>
                <a:gd name="connsiteY2" fmla="*/ 0 h 310979"/>
                <a:gd name="connsiteX0" fmla="*/ 0 w 295092"/>
                <a:gd name="connsiteY0" fmla="*/ 310979 h 310979"/>
                <a:gd name="connsiteX1" fmla="*/ 295092 w 295092"/>
                <a:gd name="connsiteY1" fmla="*/ 0 h 310979"/>
                <a:gd name="connsiteX0" fmla="*/ 518 w 295610"/>
                <a:gd name="connsiteY0" fmla="*/ 310979 h 310979"/>
                <a:gd name="connsiteX1" fmla="*/ 295610 w 295610"/>
                <a:gd name="connsiteY1" fmla="*/ 0 h 310979"/>
                <a:gd name="connsiteX0" fmla="*/ 718 w 295810"/>
                <a:gd name="connsiteY0" fmla="*/ 310979 h 310979"/>
                <a:gd name="connsiteX1" fmla="*/ 295810 w 295810"/>
                <a:gd name="connsiteY1" fmla="*/ 0 h 310979"/>
                <a:gd name="connsiteX0" fmla="*/ 831 w 295923"/>
                <a:gd name="connsiteY0" fmla="*/ 310979 h 310979"/>
                <a:gd name="connsiteX1" fmla="*/ 295923 w 295923"/>
                <a:gd name="connsiteY1" fmla="*/ 0 h 310979"/>
              </a:gdLst>
              <a:ahLst/>
              <a:cxnLst>
                <a:cxn ang="0">
                  <a:pos x="connsiteX0" y="connsiteY0"/>
                </a:cxn>
                <a:cxn ang="0">
                  <a:pos x="connsiteX1" y="connsiteY1"/>
                </a:cxn>
              </a:cxnLst>
              <a:rect l="l" t="t" r="r" b="b"/>
              <a:pathLst>
                <a:path w="295923" h="310979">
                  <a:moveTo>
                    <a:pt x="831" y="310979"/>
                  </a:moveTo>
                  <a:cubicBezTo>
                    <a:pt x="-11448" y="109953"/>
                    <a:pt x="113470" y="48339"/>
                    <a:pt x="295923" y="0"/>
                  </a:cubicBezTo>
                </a:path>
              </a:pathLst>
            </a:custGeom>
            <a:no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6" name="Kombinationstegning: figur 15">
              <a:extLst>
                <a:ext uri="{FF2B5EF4-FFF2-40B4-BE49-F238E27FC236}">
                  <a16:creationId xmlns:a16="http://schemas.microsoft.com/office/drawing/2014/main" id="{6CEA6E5F-CB8F-4E9B-8AF6-41329BBEB3ED}"/>
                </a:ext>
              </a:extLst>
            </p:cNvPr>
            <p:cNvSpPr/>
            <p:nvPr/>
          </p:nvSpPr>
          <p:spPr>
            <a:xfrm flipH="1">
              <a:off x="5247213" y="4973253"/>
              <a:ext cx="1101015" cy="816821"/>
            </a:xfrm>
            <a:custGeom>
              <a:avLst/>
              <a:gdLst>
                <a:gd name="connsiteX0" fmla="*/ 621437 w 621437"/>
                <a:gd name="connsiteY0" fmla="*/ 532660 h 532660"/>
                <a:gd name="connsiteX1" fmla="*/ 390618 w 621437"/>
                <a:gd name="connsiteY1" fmla="*/ 142043 h 532660"/>
                <a:gd name="connsiteX2" fmla="*/ 0 w 621437"/>
                <a:gd name="connsiteY2" fmla="*/ 0 h 532660"/>
                <a:gd name="connsiteX3" fmla="*/ 0 w 621437"/>
                <a:gd name="connsiteY3" fmla="*/ 0 h 532660"/>
                <a:gd name="connsiteX0" fmla="*/ 903377 w 903377"/>
                <a:gd name="connsiteY0" fmla="*/ 711730 h 711730"/>
                <a:gd name="connsiteX1" fmla="*/ 390618 w 903377"/>
                <a:gd name="connsiteY1" fmla="*/ 142043 h 711730"/>
                <a:gd name="connsiteX2" fmla="*/ 0 w 903377"/>
                <a:gd name="connsiteY2" fmla="*/ 0 h 711730"/>
                <a:gd name="connsiteX3" fmla="*/ 0 w 903377"/>
                <a:gd name="connsiteY3" fmla="*/ 0 h 711730"/>
                <a:gd name="connsiteX0" fmla="*/ 903377 w 903377"/>
                <a:gd name="connsiteY0" fmla="*/ 711730 h 711730"/>
                <a:gd name="connsiteX1" fmla="*/ 588738 w 903377"/>
                <a:gd name="connsiteY1" fmla="*/ 187763 h 711730"/>
                <a:gd name="connsiteX2" fmla="*/ 0 w 903377"/>
                <a:gd name="connsiteY2" fmla="*/ 0 h 711730"/>
                <a:gd name="connsiteX3" fmla="*/ 0 w 903377"/>
                <a:gd name="connsiteY3" fmla="*/ 0 h 711730"/>
                <a:gd name="connsiteX0" fmla="*/ 903377 w 903377"/>
                <a:gd name="connsiteY0" fmla="*/ 711730 h 711730"/>
                <a:gd name="connsiteX1" fmla="*/ 607788 w 903377"/>
                <a:gd name="connsiteY1" fmla="*/ 218243 h 711730"/>
                <a:gd name="connsiteX2" fmla="*/ 0 w 903377"/>
                <a:gd name="connsiteY2" fmla="*/ 0 h 711730"/>
                <a:gd name="connsiteX3" fmla="*/ 0 w 903377"/>
                <a:gd name="connsiteY3" fmla="*/ 0 h 711730"/>
                <a:gd name="connsiteX0" fmla="*/ 903377 w 903377"/>
                <a:gd name="connsiteY0" fmla="*/ 711730 h 711730"/>
                <a:gd name="connsiteX1" fmla="*/ 607788 w 903377"/>
                <a:gd name="connsiteY1" fmla="*/ 218243 h 711730"/>
                <a:gd name="connsiteX2" fmla="*/ 0 w 903377"/>
                <a:gd name="connsiteY2" fmla="*/ 0 h 711730"/>
                <a:gd name="connsiteX3" fmla="*/ 0 w 903377"/>
                <a:gd name="connsiteY3" fmla="*/ 15240 h 711730"/>
                <a:gd name="connsiteX0" fmla="*/ 903377 w 903377"/>
                <a:gd name="connsiteY0" fmla="*/ 711730 h 711730"/>
                <a:gd name="connsiteX1" fmla="*/ 634458 w 903377"/>
                <a:gd name="connsiteY1" fmla="*/ 229673 h 711730"/>
                <a:gd name="connsiteX2" fmla="*/ 0 w 903377"/>
                <a:gd name="connsiteY2" fmla="*/ 0 h 711730"/>
                <a:gd name="connsiteX3" fmla="*/ 0 w 903377"/>
                <a:gd name="connsiteY3" fmla="*/ 15240 h 711730"/>
                <a:gd name="connsiteX0" fmla="*/ 903377 w 903377"/>
                <a:gd name="connsiteY0" fmla="*/ 711730 h 711730"/>
                <a:gd name="connsiteX1" fmla="*/ 634458 w 903377"/>
                <a:gd name="connsiteY1" fmla="*/ 229673 h 711730"/>
                <a:gd name="connsiteX2" fmla="*/ 0 w 903377"/>
                <a:gd name="connsiteY2" fmla="*/ 0 h 711730"/>
                <a:gd name="connsiteX3" fmla="*/ 0 w 903377"/>
                <a:gd name="connsiteY3" fmla="*/ 15240 h 711730"/>
                <a:gd name="connsiteX0" fmla="*/ 903377 w 903377"/>
                <a:gd name="connsiteY0" fmla="*/ 711730 h 711730"/>
                <a:gd name="connsiteX1" fmla="*/ 611598 w 903377"/>
                <a:gd name="connsiteY1" fmla="*/ 233483 h 711730"/>
                <a:gd name="connsiteX2" fmla="*/ 0 w 903377"/>
                <a:gd name="connsiteY2" fmla="*/ 0 h 711730"/>
                <a:gd name="connsiteX3" fmla="*/ 0 w 903377"/>
                <a:gd name="connsiteY3" fmla="*/ 15240 h 711730"/>
                <a:gd name="connsiteX0" fmla="*/ 903377 w 903377"/>
                <a:gd name="connsiteY0" fmla="*/ 711730 h 711730"/>
                <a:gd name="connsiteX1" fmla="*/ 692037 w 903377"/>
                <a:gd name="connsiteY1" fmla="*/ 284427 h 711730"/>
                <a:gd name="connsiteX2" fmla="*/ 0 w 903377"/>
                <a:gd name="connsiteY2" fmla="*/ 0 h 711730"/>
                <a:gd name="connsiteX3" fmla="*/ 0 w 903377"/>
                <a:gd name="connsiteY3" fmla="*/ 15240 h 711730"/>
                <a:gd name="connsiteX0" fmla="*/ 903377 w 903377"/>
                <a:gd name="connsiteY0" fmla="*/ 711730 h 711730"/>
                <a:gd name="connsiteX1" fmla="*/ 692037 w 903377"/>
                <a:gd name="connsiteY1" fmla="*/ 284427 h 711730"/>
                <a:gd name="connsiteX2" fmla="*/ 0 w 903377"/>
                <a:gd name="connsiteY2" fmla="*/ 0 h 711730"/>
                <a:gd name="connsiteX3" fmla="*/ 40220 w 903377"/>
                <a:gd name="connsiteY3" fmla="*/ 90315 h 711730"/>
                <a:gd name="connsiteX0" fmla="*/ 863157 w 863157"/>
                <a:gd name="connsiteY0" fmla="*/ 621415 h 621415"/>
                <a:gd name="connsiteX1" fmla="*/ 651817 w 863157"/>
                <a:gd name="connsiteY1" fmla="*/ 194112 h 621415"/>
                <a:gd name="connsiteX2" fmla="*/ 32175 w 863157"/>
                <a:gd name="connsiteY2" fmla="*/ 848 h 621415"/>
                <a:gd name="connsiteX3" fmla="*/ 0 w 863157"/>
                <a:gd name="connsiteY3" fmla="*/ 0 h 621415"/>
                <a:gd name="connsiteX0" fmla="*/ 863157 w 863157"/>
                <a:gd name="connsiteY0" fmla="*/ 621415 h 621415"/>
                <a:gd name="connsiteX1" fmla="*/ 651817 w 863157"/>
                <a:gd name="connsiteY1" fmla="*/ 194112 h 621415"/>
                <a:gd name="connsiteX2" fmla="*/ 32175 w 863157"/>
                <a:gd name="connsiteY2" fmla="*/ 6211 h 621415"/>
                <a:gd name="connsiteX3" fmla="*/ 0 w 863157"/>
                <a:gd name="connsiteY3" fmla="*/ 0 h 621415"/>
                <a:gd name="connsiteX0" fmla="*/ 884607 w 884607"/>
                <a:gd name="connsiteY0" fmla="*/ 656272 h 656272"/>
                <a:gd name="connsiteX1" fmla="*/ 651817 w 884607"/>
                <a:gd name="connsiteY1" fmla="*/ 194112 h 656272"/>
                <a:gd name="connsiteX2" fmla="*/ 32175 w 884607"/>
                <a:gd name="connsiteY2" fmla="*/ 6211 h 656272"/>
                <a:gd name="connsiteX3" fmla="*/ 0 w 884607"/>
                <a:gd name="connsiteY3" fmla="*/ 0 h 656272"/>
              </a:gdLst>
              <a:ahLst/>
              <a:cxnLst>
                <a:cxn ang="0">
                  <a:pos x="connsiteX0" y="connsiteY0"/>
                </a:cxn>
                <a:cxn ang="0">
                  <a:pos x="connsiteX1" y="connsiteY1"/>
                </a:cxn>
                <a:cxn ang="0">
                  <a:pos x="connsiteX2" y="connsiteY2"/>
                </a:cxn>
                <a:cxn ang="0">
                  <a:pos x="connsiteX3" y="connsiteY3"/>
                </a:cxn>
              </a:cxnLst>
              <a:rect l="l" t="t" r="r" b="b"/>
              <a:pathLst>
                <a:path w="884607" h="656272">
                  <a:moveTo>
                    <a:pt x="884607" y="656272"/>
                  </a:moveTo>
                  <a:cubicBezTo>
                    <a:pt x="820984" y="505352"/>
                    <a:pt x="793889" y="302455"/>
                    <a:pt x="651817" y="194112"/>
                  </a:cubicBezTo>
                  <a:cubicBezTo>
                    <a:pt x="509745" y="85769"/>
                    <a:pt x="32175" y="6211"/>
                    <a:pt x="32175" y="6211"/>
                  </a:cubicBezTo>
                  <a:lnTo>
                    <a:pt x="0" y="0"/>
                  </a:lnTo>
                </a:path>
              </a:pathLst>
            </a:custGeom>
            <a:noFill/>
            <a:ln w="63500">
              <a:solidFill>
                <a:srgbClr val="FF0000">
                  <a:alpha val="54000"/>
                </a:srgb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7" name="Kombinationstegning: figur 16">
              <a:extLst>
                <a:ext uri="{FF2B5EF4-FFF2-40B4-BE49-F238E27FC236}">
                  <a16:creationId xmlns:a16="http://schemas.microsoft.com/office/drawing/2014/main" id="{CB5EF5E1-90B6-442A-9F0A-AA3CFDDA2ABE}"/>
                </a:ext>
              </a:extLst>
            </p:cNvPr>
            <p:cNvSpPr/>
            <p:nvPr/>
          </p:nvSpPr>
          <p:spPr>
            <a:xfrm flipH="1">
              <a:off x="6139041" y="4097845"/>
              <a:ext cx="361257" cy="874425"/>
            </a:xfrm>
            <a:custGeom>
              <a:avLst/>
              <a:gdLst>
                <a:gd name="connsiteX0" fmla="*/ 54976 w 170385"/>
                <a:gd name="connsiteY0" fmla="*/ 541538 h 541538"/>
                <a:gd name="connsiteX1" fmla="*/ 81609 w 170385"/>
                <a:gd name="connsiteY1" fmla="*/ 328474 h 541538"/>
                <a:gd name="connsiteX2" fmla="*/ 1710 w 170385"/>
                <a:gd name="connsiteY2" fmla="*/ 239697 h 541538"/>
                <a:gd name="connsiteX3" fmla="*/ 170385 w 170385"/>
                <a:gd name="connsiteY3" fmla="*/ 0 h 541538"/>
                <a:gd name="connsiteX4" fmla="*/ 170385 w 170385"/>
                <a:gd name="connsiteY4" fmla="*/ 0 h 541538"/>
                <a:gd name="connsiteX0" fmla="*/ 93730 w 209139"/>
                <a:gd name="connsiteY0" fmla="*/ 541538 h 541538"/>
                <a:gd name="connsiteX1" fmla="*/ 120363 w 209139"/>
                <a:gd name="connsiteY1" fmla="*/ 328474 h 541538"/>
                <a:gd name="connsiteX2" fmla="*/ 1275 w 209139"/>
                <a:gd name="connsiteY2" fmla="*/ 229900 h 541538"/>
                <a:gd name="connsiteX3" fmla="*/ 209139 w 209139"/>
                <a:gd name="connsiteY3" fmla="*/ 0 h 541538"/>
                <a:gd name="connsiteX4" fmla="*/ 209139 w 209139"/>
                <a:gd name="connsiteY4" fmla="*/ 0 h 541538"/>
                <a:gd name="connsiteX0" fmla="*/ 96374 w 211783"/>
                <a:gd name="connsiteY0" fmla="*/ 541538 h 541538"/>
                <a:gd name="connsiteX1" fmla="*/ 77287 w 211783"/>
                <a:gd name="connsiteY1" fmla="*/ 367663 h 541538"/>
                <a:gd name="connsiteX2" fmla="*/ 3919 w 211783"/>
                <a:gd name="connsiteY2" fmla="*/ 229900 h 541538"/>
                <a:gd name="connsiteX3" fmla="*/ 211783 w 211783"/>
                <a:gd name="connsiteY3" fmla="*/ 0 h 541538"/>
                <a:gd name="connsiteX4" fmla="*/ 211783 w 211783"/>
                <a:gd name="connsiteY4" fmla="*/ 0 h 541538"/>
                <a:gd name="connsiteX0" fmla="*/ 92496 w 207905"/>
                <a:gd name="connsiteY0" fmla="*/ 541538 h 541538"/>
                <a:gd name="connsiteX1" fmla="*/ 73409 w 207905"/>
                <a:gd name="connsiteY1" fmla="*/ 367663 h 541538"/>
                <a:gd name="connsiteX2" fmla="*/ 41 w 207905"/>
                <a:gd name="connsiteY2" fmla="*/ 229900 h 541538"/>
                <a:gd name="connsiteX3" fmla="*/ 65389 w 207905"/>
                <a:gd name="connsiteY3" fmla="*/ 117823 h 541538"/>
                <a:gd name="connsiteX4" fmla="*/ 207905 w 207905"/>
                <a:gd name="connsiteY4" fmla="*/ 0 h 541538"/>
                <a:gd name="connsiteX5" fmla="*/ 207905 w 207905"/>
                <a:gd name="connsiteY5" fmla="*/ 0 h 541538"/>
                <a:gd name="connsiteX0" fmla="*/ 92496 w 243828"/>
                <a:gd name="connsiteY0" fmla="*/ 557867 h 557867"/>
                <a:gd name="connsiteX1" fmla="*/ 73409 w 243828"/>
                <a:gd name="connsiteY1" fmla="*/ 383992 h 557867"/>
                <a:gd name="connsiteX2" fmla="*/ 41 w 243828"/>
                <a:gd name="connsiteY2" fmla="*/ 246229 h 557867"/>
                <a:gd name="connsiteX3" fmla="*/ 65389 w 243828"/>
                <a:gd name="connsiteY3" fmla="*/ 134152 h 557867"/>
                <a:gd name="connsiteX4" fmla="*/ 207905 w 243828"/>
                <a:gd name="connsiteY4" fmla="*/ 16329 h 557867"/>
                <a:gd name="connsiteX5" fmla="*/ 243828 w 243828"/>
                <a:gd name="connsiteY5" fmla="*/ 0 h 557867"/>
                <a:gd name="connsiteX0" fmla="*/ 81066 w 243828"/>
                <a:gd name="connsiteY0" fmla="*/ 607397 h 607397"/>
                <a:gd name="connsiteX1" fmla="*/ 73409 w 243828"/>
                <a:gd name="connsiteY1" fmla="*/ 383992 h 607397"/>
                <a:gd name="connsiteX2" fmla="*/ 41 w 243828"/>
                <a:gd name="connsiteY2" fmla="*/ 246229 h 607397"/>
                <a:gd name="connsiteX3" fmla="*/ 65389 w 243828"/>
                <a:gd name="connsiteY3" fmla="*/ 134152 h 607397"/>
                <a:gd name="connsiteX4" fmla="*/ 207905 w 243828"/>
                <a:gd name="connsiteY4" fmla="*/ 16329 h 607397"/>
                <a:gd name="connsiteX5" fmla="*/ 243828 w 243828"/>
                <a:gd name="connsiteY5" fmla="*/ 0 h 607397"/>
                <a:gd name="connsiteX0" fmla="*/ 87631 w 250393"/>
                <a:gd name="connsiteY0" fmla="*/ 607397 h 607397"/>
                <a:gd name="connsiteX1" fmla="*/ 11394 w 250393"/>
                <a:gd name="connsiteY1" fmla="*/ 418282 h 607397"/>
                <a:gd name="connsiteX2" fmla="*/ 6606 w 250393"/>
                <a:gd name="connsiteY2" fmla="*/ 246229 h 607397"/>
                <a:gd name="connsiteX3" fmla="*/ 71954 w 250393"/>
                <a:gd name="connsiteY3" fmla="*/ 134152 h 607397"/>
                <a:gd name="connsiteX4" fmla="*/ 214470 w 250393"/>
                <a:gd name="connsiteY4" fmla="*/ 16329 h 607397"/>
                <a:gd name="connsiteX5" fmla="*/ 250393 w 250393"/>
                <a:gd name="connsiteY5" fmla="*/ 0 h 607397"/>
                <a:gd name="connsiteX0" fmla="*/ 76294 w 239056"/>
                <a:gd name="connsiteY0" fmla="*/ 607397 h 607397"/>
                <a:gd name="connsiteX1" fmla="*/ 57 w 239056"/>
                <a:gd name="connsiteY1" fmla="*/ 418282 h 607397"/>
                <a:gd name="connsiteX2" fmla="*/ 63849 w 239056"/>
                <a:gd name="connsiteY2" fmla="*/ 234799 h 607397"/>
                <a:gd name="connsiteX3" fmla="*/ 60617 w 239056"/>
                <a:gd name="connsiteY3" fmla="*/ 134152 h 607397"/>
                <a:gd name="connsiteX4" fmla="*/ 203133 w 239056"/>
                <a:gd name="connsiteY4" fmla="*/ 16329 h 607397"/>
                <a:gd name="connsiteX5" fmla="*/ 239056 w 239056"/>
                <a:gd name="connsiteY5" fmla="*/ 0 h 607397"/>
                <a:gd name="connsiteX0" fmla="*/ 76290 w 239052"/>
                <a:gd name="connsiteY0" fmla="*/ 607397 h 607397"/>
                <a:gd name="connsiteX1" fmla="*/ 53 w 239052"/>
                <a:gd name="connsiteY1" fmla="*/ 418282 h 607397"/>
                <a:gd name="connsiteX2" fmla="*/ 63845 w 239052"/>
                <a:gd name="connsiteY2" fmla="*/ 234799 h 607397"/>
                <a:gd name="connsiteX3" fmla="*/ 37753 w 239052"/>
                <a:gd name="connsiteY3" fmla="*/ 134152 h 607397"/>
                <a:gd name="connsiteX4" fmla="*/ 203129 w 239052"/>
                <a:gd name="connsiteY4" fmla="*/ 16329 h 607397"/>
                <a:gd name="connsiteX5" fmla="*/ 239052 w 239052"/>
                <a:gd name="connsiteY5" fmla="*/ 0 h 607397"/>
                <a:gd name="connsiteX0" fmla="*/ 76290 w 258102"/>
                <a:gd name="connsiteY0" fmla="*/ 603711 h 603711"/>
                <a:gd name="connsiteX1" fmla="*/ 53 w 258102"/>
                <a:gd name="connsiteY1" fmla="*/ 414596 h 603711"/>
                <a:gd name="connsiteX2" fmla="*/ 63845 w 258102"/>
                <a:gd name="connsiteY2" fmla="*/ 231113 h 603711"/>
                <a:gd name="connsiteX3" fmla="*/ 37753 w 258102"/>
                <a:gd name="connsiteY3" fmla="*/ 130466 h 603711"/>
                <a:gd name="connsiteX4" fmla="*/ 203129 w 258102"/>
                <a:gd name="connsiteY4" fmla="*/ 12643 h 603711"/>
                <a:gd name="connsiteX5" fmla="*/ 258102 w 258102"/>
                <a:gd name="connsiteY5" fmla="*/ 124 h 603711"/>
                <a:gd name="connsiteX0" fmla="*/ 76290 w 203129"/>
                <a:gd name="connsiteY0" fmla="*/ 591068 h 591068"/>
                <a:gd name="connsiteX1" fmla="*/ 53 w 203129"/>
                <a:gd name="connsiteY1" fmla="*/ 401953 h 591068"/>
                <a:gd name="connsiteX2" fmla="*/ 63845 w 203129"/>
                <a:gd name="connsiteY2" fmla="*/ 218470 h 591068"/>
                <a:gd name="connsiteX3" fmla="*/ 37753 w 203129"/>
                <a:gd name="connsiteY3" fmla="*/ 117823 h 591068"/>
                <a:gd name="connsiteX4" fmla="*/ 203129 w 203129"/>
                <a:gd name="connsiteY4" fmla="*/ 0 h 591068"/>
                <a:gd name="connsiteX0" fmla="*/ 76290 w 168839"/>
                <a:gd name="connsiteY0" fmla="*/ 587258 h 587258"/>
                <a:gd name="connsiteX1" fmla="*/ 53 w 168839"/>
                <a:gd name="connsiteY1" fmla="*/ 398143 h 587258"/>
                <a:gd name="connsiteX2" fmla="*/ 63845 w 168839"/>
                <a:gd name="connsiteY2" fmla="*/ 214660 h 587258"/>
                <a:gd name="connsiteX3" fmla="*/ 37753 w 168839"/>
                <a:gd name="connsiteY3" fmla="*/ 114013 h 587258"/>
                <a:gd name="connsiteX4" fmla="*/ 168839 w 168839"/>
                <a:gd name="connsiteY4" fmla="*/ 0 h 587258"/>
                <a:gd name="connsiteX0" fmla="*/ 76290 w 176459"/>
                <a:gd name="connsiteY0" fmla="*/ 587258 h 587258"/>
                <a:gd name="connsiteX1" fmla="*/ 53 w 176459"/>
                <a:gd name="connsiteY1" fmla="*/ 398143 h 587258"/>
                <a:gd name="connsiteX2" fmla="*/ 63845 w 176459"/>
                <a:gd name="connsiteY2" fmla="*/ 214660 h 587258"/>
                <a:gd name="connsiteX3" fmla="*/ 37753 w 176459"/>
                <a:gd name="connsiteY3" fmla="*/ 114013 h 587258"/>
                <a:gd name="connsiteX4" fmla="*/ 176459 w 176459"/>
                <a:gd name="connsiteY4" fmla="*/ 0 h 587258"/>
                <a:gd name="connsiteX0" fmla="*/ 120010 w 177279"/>
                <a:gd name="connsiteY0" fmla="*/ 630159 h 630159"/>
                <a:gd name="connsiteX1" fmla="*/ 873 w 177279"/>
                <a:gd name="connsiteY1" fmla="*/ 398143 h 630159"/>
                <a:gd name="connsiteX2" fmla="*/ 64665 w 177279"/>
                <a:gd name="connsiteY2" fmla="*/ 214660 h 630159"/>
                <a:gd name="connsiteX3" fmla="*/ 38573 w 177279"/>
                <a:gd name="connsiteY3" fmla="*/ 114013 h 630159"/>
                <a:gd name="connsiteX4" fmla="*/ 177279 w 177279"/>
                <a:gd name="connsiteY4" fmla="*/ 0 h 630159"/>
                <a:gd name="connsiteX0" fmla="*/ 120010 w 177279"/>
                <a:gd name="connsiteY0" fmla="*/ 630159 h 630159"/>
                <a:gd name="connsiteX1" fmla="*/ 873 w 177279"/>
                <a:gd name="connsiteY1" fmla="*/ 398143 h 630159"/>
                <a:gd name="connsiteX2" fmla="*/ 64665 w 177279"/>
                <a:gd name="connsiteY2" fmla="*/ 214660 h 630159"/>
                <a:gd name="connsiteX3" fmla="*/ 38573 w 177279"/>
                <a:gd name="connsiteY3" fmla="*/ 114013 h 630159"/>
                <a:gd name="connsiteX4" fmla="*/ 177279 w 177279"/>
                <a:gd name="connsiteY4" fmla="*/ 0 h 630159"/>
                <a:gd name="connsiteX0" fmla="*/ 128291 w 177517"/>
                <a:gd name="connsiteY0" fmla="*/ 630159 h 630159"/>
                <a:gd name="connsiteX1" fmla="*/ 1111 w 177517"/>
                <a:gd name="connsiteY1" fmla="*/ 398143 h 630159"/>
                <a:gd name="connsiteX2" fmla="*/ 64903 w 177517"/>
                <a:gd name="connsiteY2" fmla="*/ 214660 h 630159"/>
                <a:gd name="connsiteX3" fmla="*/ 38811 w 177517"/>
                <a:gd name="connsiteY3" fmla="*/ 114013 h 630159"/>
                <a:gd name="connsiteX4" fmla="*/ 177517 w 177517"/>
                <a:gd name="connsiteY4" fmla="*/ 0 h 630159"/>
                <a:gd name="connsiteX0" fmla="*/ 128291 w 177517"/>
                <a:gd name="connsiteY0" fmla="*/ 630159 h 630159"/>
                <a:gd name="connsiteX1" fmla="*/ 1111 w 177517"/>
                <a:gd name="connsiteY1" fmla="*/ 398143 h 630159"/>
                <a:gd name="connsiteX2" fmla="*/ 64903 w 177517"/>
                <a:gd name="connsiteY2" fmla="*/ 214660 h 630159"/>
                <a:gd name="connsiteX3" fmla="*/ 38811 w 177517"/>
                <a:gd name="connsiteY3" fmla="*/ 114013 h 630159"/>
                <a:gd name="connsiteX4" fmla="*/ 177517 w 177517"/>
                <a:gd name="connsiteY4" fmla="*/ 0 h 630159"/>
                <a:gd name="connsiteX0" fmla="*/ 136594 w 177776"/>
                <a:gd name="connsiteY0" fmla="*/ 622116 h 622116"/>
                <a:gd name="connsiteX1" fmla="*/ 1370 w 177776"/>
                <a:gd name="connsiteY1" fmla="*/ 398143 h 622116"/>
                <a:gd name="connsiteX2" fmla="*/ 65162 w 177776"/>
                <a:gd name="connsiteY2" fmla="*/ 214660 h 622116"/>
                <a:gd name="connsiteX3" fmla="*/ 39070 w 177776"/>
                <a:gd name="connsiteY3" fmla="*/ 114013 h 622116"/>
                <a:gd name="connsiteX4" fmla="*/ 177776 w 177776"/>
                <a:gd name="connsiteY4" fmla="*/ 0 h 622116"/>
                <a:gd name="connsiteX0" fmla="*/ 136342 w 177524"/>
                <a:gd name="connsiteY0" fmla="*/ 622116 h 622116"/>
                <a:gd name="connsiteX1" fmla="*/ 1118 w 177524"/>
                <a:gd name="connsiteY1" fmla="*/ 398143 h 622116"/>
                <a:gd name="connsiteX2" fmla="*/ 70273 w 177524"/>
                <a:gd name="connsiteY2" fmla="*/ 246836 h 622116"/>
                <a:gd name="connsiteX3" fmla="*/ 38818 w 177524"/>
                <a:gd name="connsiteY3" fmla="*/ 114013 h 622116"/>
                <a:gd name="connsiteX4" fmla="*/ 177524 w 177524"/>
                <a:gd name="connsiteY4" fmla="*/ 0 h 622116"/>
                <a:gd name="connsiteX0" fmla="*/ 128399 w 169581"/>
                <a:gd name="connsiteY0" fmla="*/ 622116 h 622116"/>
                <a:gd name="connsiteX1" fmla="*/ 1218 w 169581"/>
                <a:gd name="connsiteY1" fmla="*/ 390099 h 622116"/>
                <a:gd name="connsiteX2" fmla="*/ 62330 w 169581"/>
                <a:gd name="connsiteY2" fmla="*/ 246836 h 622116"/>
                <a:gd name="connsiteX3" fmla="*/ 30875 w 169581"/>
                <a:gd name="connsiteY3" fmla="*/ 114013 h 622116"/>
                <a:gd name="connsiteX4" fmla="*/ 169581 w 169581"/>
                <a:gd name="connsiteY4" fmla="*/ 0 h 622116"/>
                <a:gd name="connsiteX0" fmla="*/ 128412 w 169594"/>
                <a:gd name="connsiteY0" fmla="*/ 622116 h 622116"/>
                <a:gd name="connsiteX1" fmla="*/ 1231 w 169594"/>
                <a:gd name="connsiteY1" fmla="*/ 390099 h 622116"/>
                <a:gd name="connsiteX2" fmla="*/ 62343 w 169594"/>
                <a:gd name="connsiteY2" fmla="*/ 246836 h 622116"/>
                <a:gd name="connsiteX3" fmla="*/ 36250 w 169594"/>
                <a:gd name="connsiteY3" fmla="*/ 132783 h 622116"/>
                <a:gd name="connsiteX4" fmla="*/ 169594 w 169594"/>
                <a:gd name="connsiteY4" fmla="*/ 0 h 622116"/>
                <a:gd name="connsiteX0" fmla="*/ 128412 w 290252"/>
                <a:gd name="connsiteY0" fmla="*/ 702555 h 702555"/>
                <a:gd name="connsiteX1" fmla="*/ 1231 w 290252"/>
                <a:gd name="connsiteY1" fmla="*/ 470538 h 702555"/>
                <a:gd name="connsiteX2" fmla="*/ 62343 w 290252"/>
                <a:gd name="connsiteY2" fmla="*/ 327275 h 702555"/>
                <a:gd name="connsiteX3" fmla="*/ 36250 w 290252"/>
                <a:gd name="connsiteY3" fmla="*/ 213222 h 702555"/>
                <a:gd name="connsiteX4" fmla="*/ 290252 w 290252"/>
                <a:gd name="connsiteY4" fmla="*/ 0 h 702555"/>
                <a:gd name="connsiteX0" fmla="*/ 128412 w 290252"/>
                <a:gd name="connsiteY0" fmla="*/ 702555 h 702555"/>
                <a:gd name="connsiteX1" fmla="*/ 1231 w 290252"/>
                <a:gd name="connsiteY1" fmla="*/ 470538 h 702555"/>
                <a:gd name="connsiteX2" fmla="*/ 62343 w 290252"/>
                <a:gd name="connsiteY2" fmla="*/ 327275 h 702555"/>
                <a:gd name="connsiteX3" fmla="*/ 36250 w 290252"/>
                <a:gd name="connsiteY3" fmla="*/ 213222 h 702555"/>
                <a:gd name="connsiteX4" fmla="*/ 290252 w 290252"/>
                <a:gd name="connsiteY4" fmla="*/ 0 h 7025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90252" h="702555">
                  <a:moveTo>
                    <a:pt x="128412" y="702555"/>
                  </a:moveTo>
                  <a:cubicBezTo>
                    <a:pt x="84497" y="650671"/>
                    <a:pt x="12243" y="533085"/>
                    <a:pt x="1231" y="470538"/>
                  </a:cubicBezTo>
                  <a:cubicBezTo>
                    <a:pt x="-9781" y="407991"/>
                    <a:pt x="56507" y="370161"/>
                    <a:pt x="62343" y="327275"/>
                  </a:cubicBezTo>
                  <a:cubicBezTo>
                    <a:pt x="68179" y="284389"/>
                    <a:pt x="17481" y="248999"/>
                    <a:pt x="36250" y="213222"/>
                  </a:cubicBezTo>
                  <a:cubicBezTo>
                    <a:pt x="33568" y="131863"/>
                    <a:pt x="260512" y="22359"/>
                    <a:pt x="290252" y="0"/>
                  </a:cubicBezTo>
                </a:path>
              </a:pathLst>
            </a:custGeom>
            <a:noFill/>
            <a:ln w="47625" cap="rnd">
              <a:solidFill>
                <a:srgbClr val="FF0000">
                  <a:alpha val="69000"/>
                </a:srgb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8" name="Kombinationstegning: figur 17">
              <a:extLst>
                <a:ext uri="{FF2B5EF4-FFF2-40B4-BE49-F238E27FC236}">
                  <a16:creationId xmlns:a16="http://schemas.microsoft.com/office/drawing/2014/main" id="{C2C237B7-26E5-48BE-B5FB-DC9EE4A54CD8}"/>
                </a:ext>
              </a:extLst>
            </p:cNvPr>
            <p:cNvSpPr/>
            <p:nvPr/>
          </p:nvSpPr>
          <p:spPr>
            <a:xfrm flipH="1">
              <a:off x="6057793" y="4063776"/>
              <a:ext cx="1017668" cy="282658"/>
            </a:xfrm>
            <a:custGeom>
              <a:avLst/>
              <a:gdLst>
                <a:gd name="connsiteX0" fmla="*/ 898071 w 898071"/>
                <a:gd name="connsiteY0" fmla="*/ 0 h 181027"/>
                <a:gd name="connsiteX1" fmla="*/ 721722 w 898071"/>
                <a:gd name="connsiteY1" fmla="*/ 176349 h 181027"/>
                <a:gd name="connsiteX2" fmla="*/ 0 w 898071"/>
                <a:gd name="connsiteY2" fmla="*/ 133895 h 181027"/>
                <a:gd name="connsiteX3" fmla="*/ 0 w 898071"/>
                <a:gd name="connsiteY3" fmla="*/ 133895 h 181027"/>
                <a:gd name="connsiteX0" fmla="*/ 898071 w 898071"/>
                <a:gd name="connsiteY0" fmla="*/ 0 h 178382"/>
                <a:gd name="connsiteX1" fmla="*/ 656408 w 898071"/>
                <a:gd name="connsiteY1" fmla="*/ 173083 h 178382"/>
                <a:gd name="connsiteX2" fmla="*/ 0 w 898071"/>
                <a:gd name="connsiteY2" fmla="*/ 133895 h 178382"/>
                <a:gd name="connsiteX3" fmla="*/ 0 w 898071"/>
                <a:gd name="connsiteY3" fmla="*/ 133895 h 178382"/>
                <a:gd name="connsiteX0" fmla="*/ 898071 w 898071"/>
                <a:gd name="connsiteY0" fmla="*/ 0 h 177273"/>
                <a:gd name="connsiteX1" fmla="*/ 656408 w 898071"/>
                <a:gd name="connsiteY1" fmla="*/ 173083 h 177273"/>
                <a:gd name="connsiteX2" fmla="*/ 0 w 898071"/>
                <a:gd name="connsiteY2" fmla="*/ 133895 h 177273"/>
                <a:gd name="connsiteX3" fmla="*/ 0 w 898071"/>
                <a:gd name="connsiteY3" fmla="*/ 133895 h 177273"/>
                <a:gd name="connsiteX0" fmla="*/ 898071 w 898071"/>
                <a:gd name="connsiteY0" fmla="*/ 0 h 185797"/>
                <a:gd name="connsiteX1" fmla="*/ 656408 w 898071"/>
                <a:gd name="connsiteY1" fmla="*/ 173083 h 185797"/>
                <a:gd name="connsiteX2" fmla="*/ 0 w 898071"/>
                <a:gd name="connsiteY2" fmla="*/ 133895 h 185797"/>
                <a:gd name="connsiteX3" fmla="*/ 0 w 898071"/>
                <a:gd name="connsiteY3" fmla="*/ 133895 h 185797"/>
                <a:gd name="connsiteX0" fmla="*/ 898071 w 898071"/>
                <a:gd name="connsiteY0" fmla="*/ 0 h 185797"/>
                <a:gd name="connsiteX1" fmla="*/ 656408 w 898071"/>
                <a:gd name="connsiteY1" fmla="*/ 173083 h 185797"/>
                <a:gd name="connsiteX2" fmla="*/ 0 w 898071"/>
                <a:gd name="connsiteY2" fmla="*/ 133895 h 185797"/>
                <a:gd name="connsiteX3" fmla="*/ 102870 w 898071"/>
                <a:gd name="connsiteY3" fmla="*/ 4355 h 185797"/>
                <a:gd name="connsiteX0" fmla="*/ 795201 w 795201"/>
                <a:gd name="connsiteY0" fmla="*/ 0 h 178382"/>
                <a:gd name="connsiteX1" fmla="*/ 553538 w 795201"/>
                <a:gd name="connsiteY1" fmla="*/ 173083 h 178382"/>
                <a:gd name="connsiteX2" fmla="*/ 26670 w 795201"/>
                <a:gd name="connsiteY2" fmla="*/ 133895 h 178382"/>
                <a:gd name="connsiteX3" fmla="*/ 0 w 795201"/>
                <a:gd name="connsiteY3" fmla="*/ 4355 h 178382"/>
                <a:gd name="connsiteX0" fmla="*/ 795201 w 795201"/>
                <a:gd name="connsiteY0" fmla="*/ 0 h 189078"/>
                <a:gd name="connsiteX1" fmla="*/ 469718 w 795201"/>
                <a:gd name="connsiteY1" fmla="*/ 184513 h 189078"/>
                <a:gd name="connsiteX2" fmla="*/ 26670 w 795201"/>
                <a:gd name="connsiteY2" fmla="*/ 133895 h 189078"/>
                <a:gd name="connsiteX3" fmla="*/ 0 w 795201"/>
                <a:gd name="connsiteY3" fmla="*/ 4355 h 189078"/>
                <a:gd name="connsiteX0" fmla="*/ 795201 w 795201"/>
                <a:gd name="connsiteY0" fmla="*/ 0 h 189078"/>
                <a:gd name="connsiteX1" fmla="*/ 469718 w 795201"/>
                <a:gd name="connsiteY1" fmla="*/ 184513 h 189078"/>
                <a:gd name="connsiteX2" fmla="*/ 26670 w 795201"/>
                <a:gd name="connsiteY2" fmla="*/ 133895 h 189078"/>
                <a:gd name="connsiteX3" fmla="*/ 0 w 795201"/>
                <a:gd name="connsiteY3" fmla="*/ 4355 h 189078"/>
                <a:gd name="connsiteX0" fmla="*/ 795201 w 795201"/>
                <a:gd name="connsiteY0" fmla="*/ 0 h 189078"/>
                <a:gd name="connsiteX1" fmla="*/ 469718 w 795201"/>
                <a:gd name="connsiteY1" fmla="*/ 184513 h 189078"/>
                <a:gd name="connsiteX2" fmla="*/ 41910 w 795201"/>
                <a:gd name="connsiteY2" fmla="*/ 133895 h 189078"/>
                <a:gd name="connsiteX3" fmla="*/ 0 w 795201"/>
                <a:gd name="connsiteY3" fmla="*/ 4355 h 189078"/>
                <a:gd name="connsiteX0" fmla="*/ 795201 w 795201"/>
                <a:gd name="connsiteY0" fmla="*/ 0 h 222024"/>
                <a:gd name="connsiteX1" fmla="*/ 446858 w 795201"/>
                <a:gd name="connsiteY1" fmla="*/ 218803 h 222024"/>
                <a:gd name="connsiteX2" fmla="*/ 41910 w 795201"/>
                <a:gd name="connsiteY2" fmla="*/ 133895 h 222024"/>
                <a:gd name="connsiteX3" fmla="*/ 0 w 795201"/>
                <a:gd name="connsiteY3" fmla="*/ 4355 h 222024"/>
                <a:gd name="connsiteX0" fmla="*/ 753291 w 753291"/>
                <a:gd name="connsiteY0" fmla="*/ 0 h 222024"/>
                <a:gd name="connsiteX1" fmla="*/ 404948 w 753291"/>
                <a:gd name="connsiteY1" fmla="*/ 218803 h 222024"/>
                <a:gd name="connsiteX2" fmla="*/ 0 w 753291"/>
                <a:gd name="connsiteY2" fmla="*/ 133895 h 222024"/>
                <a:gd name="connsiteX0" fmla="*/ 825686 w 825686"/>
                <a:gd name="connsiteY0" fmla="*/ 0 h 208618"/>
                <a:gd name="connsiteX1" fmla="*/ 404948 w 825686"/>
                <a:gd name="connsiteY1" fmla="*/ 205397 h 208618"/>
                <a:gd name="connsiteX2" fmla="*/ 0 w 825686"/>
                <a:gd name="connsiteY2" fmla="*/ 120489 h 208618"/>
                <a:gd name="connsiteX0" fmla="*/ 825686 w 825686"/>
                <a:gd name="connsiteY0" fmla="*/ 0 h 208618"/>
                <a:gd name="connsiteX1" fmla="*/ 404948 w 825686"/>
                <a:gd name="connsiteY1" fmla="*/ 205397 h 208618"/>
                <a:gd name="connsiteX2" fmla="*/ 0 w 825686"/>
                <a:gd name="connsiteY2" fmla="*/ 120489 h 208618"/>
                <a:gd name="connsiteX0" fmla="*/ 825686 w 825686"/>
                <a:gd name="connsiteY0" fmla="*/ 0 h 208618"/>
                <a:gd name="connsiteX1" fmla="*/ 404948 w 825686"/>
                <a:gd name="connsiteY1" fmla="*/ 205397 h 208618"/>
                <a:gd name="connsiteX2" fmla="*/ 0 w 825686"/>
                <a:gd name="connsiteY2" fmla="*/ 120489 h 208618"/>
                <a:gd name="connsiteX0" fmla="*/ 825686 w 825686"/>
                <a:gd name="connsiteY0" fmla="*/ 0 h 203411"/>
                <a:gd name="connsiteX1" fmla="*/ 434443 w 825686"/>
                <a:gd name="connsiteY1" fmla="*/ 200034 h 203411"/>
                <a:gd name="connsiteX2" fmla="*/ 0 w 825686"/>
                <a:gd name="connsiteY2" fmla="*/ 120489 h 203411"/>
                <a:gd name="connsiteX0" fmla="*/ 825686 w 825686"/>
                <a:gd name="connsiteY0" fmla="*/ 0 h 203411"/>
                <a:gd name="connsiteX1" fmla="*/ 434443 w 825686"/>
                <a:gd name="connsiteY1" fmla="*/ 200034 h 203411"/>
                <a:gd name="connsiteX2" fmla="*/ 0 w 825686"/>
                <a:gd name="connsiteY2" fmla="*/ 120489 h 203411"/>
                <a:gd name="connsiteX0" fmla="*/ 825686 w 825686"/>
                <a:gd name="connsiteY0" fmla="*/ 0 h 203411"/>
                <a:gd name="connsiteX1" fmla="*/ 434443 w 825686"/>
                <a:gd name="connsiteY1" fmla="*/ 200034 h 203411"/>
                <a:gd name="connsiteX2" fmla="*/ 0 w 825686"/>
                <a:gd name="connsiteY2" fmla="*/ 120489 h 203411"/>
                <a:gd name="connsiteX0" fmla="*/ 823004 w 823004"/>
                <a:gd name="connsiteY0" fmla="*/ 0 h 202864"/>
                <a:gd name="connsiteX1" fmla="*/ 431761 w 823004"/>
                <a:gd name="connsiteY1" fmla="*/ 200034 h 202864"/>
                <a:gd name="connsiteX2" fmla="*/ 0 w 823004"/>
                <a:gd name="connsiteY2" fmla="*/ 99039 h 202864"/>
                <a:gd name="connsiteX0" fmla="*/ 823004 w 823004"/>
                <a:gd name="connsiteY0" fmla="*/ 0 h 203312"/>
                <a:gd name="connsiteX1" fmla="*/ 431761 w 823004"/>
                <a:gd name="connsiteY1" fmla="*/ 200034 h 203312"/>
                <a:gd name="connsiteX2" fmla="*/ 0 w 823004"/>
                <a:gd name="connsiteY2" fmla="*/ 99039 h 203312"/>
                <a:gd name="connsiteX0" fmla="*/ 817642 w 817642"/>
                <a:gd name="connsiteY0" fmla="*/ 0 h 203032"/>
                <a:gd name="connsiteX1" fmla="*/ 426399 w 817642"/>
                <a:gd name="connsiteY1" fmla="*/ 200034 h 203032"/>
                <a:gd name="connsiteX2" fmla="*/ 0 w 817642"/>
                <a:gd name="connsiteY2" fmla="*/ 88314 h 203032"/>
                <a:gd name="connsiteX0" fmla="*/ 817642 w 817642"/>
                <a:gd name="connsiteY0" fmla="*/ 0 h 203648"/>
                <a:gd name="connsiteX1" fmla="*/ 426399 w 817642"/>
                <a:gd name="connsiteY1" fmla="*/ 200034 h 203648"/>
                <a:gd name="connsiteX2" fmla="*/ 0 w 817642"/>
                <a:gd name="connsiteY2" fmla="*/ 109765 h 203648"/>
                <a:gd name="connsiteX0" fmla="*/ 817642 w 817642"/>
                <a:gd name="connsiteY0" fmla="*/ 0 h 227101"/>
                <a:gd name="connsiteX1" fmla="*/ 434443 w 817642"/>
                <a:gd name="connsiteY1" fmla="*/ 224166 h 227101"/>
                <a:gd name="connsiteX2" fmla="*/ 0 w 817642"/>
                <a:gd name="connsiteY2" fmla="*/ 109765 h 227101"/>
              </a:gdLst>
              <a:ahLst/>
              <a:cxnLst>
                <a:cxn ang="0">
                  <a:pos x="connsiteX0" y="connsiteY0"/>
                </a:cxn>
                <a:cxn ang="0">
                  <a:pos x="connsiteX1" y="connsiteY1"/>
                </a:cxn>
                <a:cxn ang="0">
                  <a:pos x="connsiteX2" y="connsiteY2"/>
                </a:cxn>
              </a:cxnLst>
              <a:rect l="l" t="t" r="r" b="b"/>
              <a:pathLst>
                <a:path w="817642" h="227101">
                  <a:moveTo>
                    <a:pt x="817642" y="0"/>
                  </a:moveTo>
                  <a:cubicBezTo>
                    <a:pt x="636943" y="28753"/>
                    <a:pt x="559991" y="201850"/>
                    <a:pt x="434443" y="224166"/>
                  </a:cubicBezTo>
                  <a:cubicBezTo>
                    <a:pt x="308895" y="246482"/>
                    <a:pt x="98676" y="135065"/>
                    <a:pt x="0" y="109765"/>
                  </a:cubicBezTo>
                </a:path>
              </a:pathLst>
            </a:custGeom>
            <a:noFill/>
            <a:ln w="31750" cap="rnd">
              <a:solidFill>
                <a:srgbClr val="FF0000">
                  <a:alpha val="66000"/>
                </a:srgb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9" name="Kombinationstegning: figur 18">
              <a:extLst>
                <a:ext uri="{FF2B5EF4-FFF2-40B4-BE49-F238E27FC236}">
                  <a16:creationId xmlns:a16="http://schemas.microsoft.com/office/drawing/2014/main" id="{04387FD7-E22D-4DB1-9646-4982251A4781}"/>
                </a:ext>
              </a:extLst>
            </p:cNvPr>
            <p:cNvSpPr/>
            <p:nvPr/>
          </p:nvSpPr>
          <p:spPr>
            <a:xfrm flipH="1">
              <a:off x="5615759" y="2238382"/>
              <a:ext cx="1514500" cy="1963431"/>
            </a:xfrm>
            <a:custGeom>
              <a:avLst/>
              <a:gdLst>
                <a:gd name="connsiteX0" fmla="*/ 0 w 1025435"/>
                <a:gd name="connsiteY0" fmla="*/ 1495923 h 1495923"/>
                <a:gd name="connsiteX1" fmla="*/ 55517 w 1025435"/>
                <a:gd name="connsiteY1" fmla="*/ 1378358 h 1495923"/>
                <a:gd name="connsiteX2" fmla="*/ 94706 w 1025435"/>
                <a:gd name="connsiteY2" fmla="*/ 1198743 h 1495923"/>
                <a:gd name="connsiteX3" fmla="*/ 195943 w 1025435"/>
                <a:gd name="connsiteY3" fmla="*/ 1006066 h 1495923"/>
                <a:gd name="connsiteX4" fmla="*/ 189412 w 1025435"/>
                <a:gd name="connsiteY4" fmla="*/ 836249 h 1495923"/>
                <a:gd name="connsiteX5" fmla="*/ 290649 w 1025435"/>
                <a:gd name="connsiteY5" fmla="*/ 682761 h 1495923"/>
                <a:gd name="connsiteX6" fmla="*/ 359229 w 1025435"/>
                <a:gd name="connsiteY6" fmla="*/ 653369 h 1495923"/>
                <a:gd name="connsiteX7" fmla="*/ 385355 w 1025435"/>
                <a:gd name="connsiteY7" fmla="*/ 568461 h 1495923"/>
                <a:gd name="connsiteX8" fmla="*/ 522515 w 1025435"/>
                <a:gd name="connsiteY8" fmla="*/ 431301 h 1495923"/>
                <a:gd name="connsiteX9" fmla="*/ 564969 w 1025435"/>
                <a:gd name="connsiteY9" fmla="*/ 414972 h 1495923"/>
                <a:gd name="connsiteX10" fmla="*/ 842555 w 1025435"/>
                <a:gd name="connsiteY10" fmla="*/ 150449 h 1495923"/>
                <a:gd name="connsiteX11" fmla="*/ 982980 w 1025435"/>
                <a:gd name="connsiteY11" fmla="*/ 16555 h 1495923"/>
                <a:gd name="connsiteX12" fmla="*/ 1025435 w 1025435"/>
                <a:gd name="connsiteY12" fmla="*/ 6758 h 1495923"/>
                <a:gd name="connsiteX0" fmla="*/ 38216 w 1063651"/>
                <a:gd name="connsiteY0" fmla="*/ 1495923 h 1495923"/>
                <a:gd name="connsiteX1" fmla="*/ 2293 w 1063651"/>
                <a:gd name="connsiteY1" fmla="*/ 1382168 h 1495923"/>
                <a:gd name="connsiteX2" fmla="*/ 132922 w 1063651"/>
                <a:gd name="connsiteY2" fmla="*/ 1198743 h 1495923"/>
                <a:gd name="connsiteX3" fmla="*/ 234159 w 1063651"/>
                <a:gd name="connsiteY3" fmla="*/ 1006066 h 1495923"/>
                <a:gd name="connsiteX4" fmla="*/ 227628 w 1063651"/>
                <a:gd name="connsiteY4" fmla="*/ 836249 h 1495923"/>
                <a:gd name="connsiteX5" fmla="*/ 328865 w 1063651"/>
                <a:gd name="connsiteY5" fmla="*/ 682761 h 1495923"/>
                <a:gd name="connsiteX6" fmla="*/ 397445 w 1063651"/>
                <a:gd name="connsiteY6" fmla="*/ 653369 h 1495923"/>
                <a:gd name="connsiteX7" fmla="*/ 423571 w 1063651"/>
                <a:gd name="connsiteY7" fmla="*/ 568461 h 1495923"/>
                <a:gd name="connsiteX8" fmla="*/ 560731 w 1063651"/>
                <a:gd name="connsiteY8" fmla="*/ 431301 h 1495923"/>
                <a:gd name="connsiteX9" fmla="*/ 603185 w 1063651"/>
                <a:gd name="connsiteY9" fmla="*/ 414972 h 1495923"/>
                <a:gd name="connsiteX10" fmla="*/ 880771 w 1063651"/>
                <a:gd name="connsiteY10" fmla="*/ 150449 h 1495923"/>
                <a:gd name="connsiteX11" fmla="*/ 1021196 w 1063651"/>
                <a:gd name="connsiteY11" fmla="*/ 16555 h 1495923"/>
                <a:gd name="connsiteX12" fmla="*/ 1063651 w 1063651"/>
                <a:gd name="connsiteY12" fmla="*/ 6758 h 1495923"/>
                <a:gd name="connsiteX0" fmla="*/ 74634 w 1061969"/>
                <a:gd name="connsiteY0" fmla="*/ 1598793 h 1598793"/>
                <a:gd name="connsiteX1" fmla="*/ 611 w 1061969"/>
                <a:gd name="connsiteY1" fmla="*/ 1382168 h 1598793"/>
                <a:gd name="connsiteX2" fmla="*/ 131240 w 1061969"/>
                <a:gd name="connsiteY2" fmla="*/ 1198743 h 1598793"/>
                <a:gd name="connsiteX3" fmla="*/ 232477 w 1061969"/>
                <a:gd name="connsiteY3" fmla="*/ 1006066 h 1598793"/>
                <a:gd name="connsiteX4" fmla="*/ 225946 w 1061969"/>
                <a:gd name="connsiteY4" fmla="*/ 836249 h 1598793"/>
                <a:gd name="connsiteX5" fmla="*/ 327183 w 1061969"/>
                <a:gd name="connsiteY5" fmla="*/ 682761 h 1598793"/>
                <a:gd name="connsiteX6" fmla="*/ 395763 w 1061969"/>
                <a:gd name="connsiteY6" fmla="*/ 653369 h 1598793"/>
                <a:gd name="connsiteX7" fmla="*/ 421889 w 1061969"/>
                <a:gd name="connsiteY7" fmla="*/ 568461 h 1598793"/>
                <a:gd name="connsiteX8" fmla="*/ 559049 w 1061969"/>
                <a:gd name="connsiteY8" fmla="*/ 431301 h 1598793"/>
                <a:gd name="connsiteX9" fmla="*/ 601503 w 1061969"/>
                <a:gd name="connsiteY9" fmla="*/ 414972 h 1598793"/>
                <a:gd name="connsiteX10" fmla="*/ 879089 w 1061969"/>
                <a:gd name="connsiteY10" fmla="*/ 150449 h 1598793"/>
                <a:gd name="connsiteX11" fmla="*/ 1019514 w 1061969"/>
                <a:gd name="connsiteY11" fmla="*/ 16555 h 1598793"/>
                <a:gd name="connsiteX12" fmla="*/ 1061969 w 1061969"/>
                <a:gd name="connsiteY12" fmla="*/ 6758 h 1598793"/>
                <a:gd name="connsiteX0" fmla="*/ 33106 w 1020441"/>
                <a:gd name="connsiteY0" fmla="*/ 1598793 h 1598793"/>
                <a:gd name="connsiteX1" fmla="*/ 993 w 1020441"/>
                <a:gd name="connsiteY1" fmla="*/ 1469798 h 1598793"/>
                <a:gd name="connsiteX2" fmla="*/ 89712 w 1020441"/>
                <a:gd name="connsiteY2" fmla="*/ 1198743 h 1598793"/>
                <a:gd name="connsiteX3" fmla="*/ 190949 w 1020441"/>
                <a:gd name="connsiteY3" fmla="*/ 1006066 h 1598793"/>
                <a:gd name="connsiteX4" fmla="*/ 184418 w 1020441"/>
                <a:gd name="connsiteY4" fmla="*/ 836249 h 1598793"/>
                <a:gd name="connsiteX5" fmla="*/ 285655 w 1020441"/>
                <a:gd name="connsiteY5" fmla="*/ 682761 h 1598793"/>
                <a:gd name="connsiteX6" fmla="*/ 354235 w 1020441"/>
                <a:gd name="connsiteY6" fmla="*/ 653369 h 1598793"/>
                <a:gd name="connsiteX7" fmla="*/ 380361 w 1020441"/>
                <a:gd name="connsiteY7" fmla="*/ 568461 h 1598793"/>
                <a:gd name="connsiteX8" fmla="*/ 517521 w 1020441"/>
                <a:gd name="connsiteY8" fmla="*/ 431301 h 1598793"/>
                <a:gd name="connsiteX9" fmla="*/ 559975 w 1020441"/>
                <a:gd name="connsiteY9" fmla="*/ 414972 h 1598793"/>
                <a:gd name="connsiteX10" fmla="*/ 837561 w 1020441"/>
                <a:gd name="connsiteY10" fmla="*/ 150449 h 1598793"/>
                <a:gd name="connsiteX11" fmla="*/ 977986 w 1020441"/>
                <a:gd name="connsiteY11" fmla="*/ 16555 h 1598793"/>
                <a:gd name="connsiteX12" fmla="*/ 1020441 w 1020441"/>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190198 w 1019690"/>
                <a:gd name="connsiteY3" fmla="*/ 1006066 h 1598793"/>
                <a:gd name="connsiteX4" fmla="*/ 183667 w 1019690"/>
                <a:gd name="connsiteY4" fmla="*/ 83624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83667 w 1019690"/>
                <a:gd name="connsiteY4" fmla="*/ 83624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84904 w 1019690"/>
                <a:gd name="connsiteY5" fmla="*/ 68276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353484 w 1019690"/>
                <a:gd name="connsiteY6" fmla="*/ 65336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796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516770 w 1019690"/>
                <a:gd name="connsiteY8" fmla="*/ 431301 h 1598793"/>
                <a:gd name="connsiteX9" fmla="*/ 559224 w 1019690"/>
                <a:gd name="connsiteY9" fmla="*/ 41497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516770 w 1019690"/>
                <a:gd name="connsiteY8" fmla="*/ 431301 h 1598793"/>
                <a:gd name="connsiteX9" fmla="*/ 551604 w 1019690"/>
                <a:gd name="connsiteY9" fmla="*/ 38068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019690"/>
                <a:gd name="connsiteY0" fmla="*/ 1598793 h 1598793"/>
                <a:gd name="connsiteX1" fmla="*/ 242 w 1019690"/>
                <a:gd name="connsiteY1" fmla="*/ 1469798 h 1598793"/>
                <a:gd name="connsiteX2" fmla="*/ 58481 w 1019690"/>
                <a:gd name="connsiteY2" fmla="*/ 1240653 h 1598793"/>
                <a:gd name="connsiteX3" fmla="*/ 75898 w 1019690"/>
                <a:gd name="connsiteY3" fmla="*/ 1055596 h 1598793"/>
                <a:gd name="connsiteX4" fmla="*/ 168427 w 1019690"/>
                <a:gd name="connsiteY4" fmla="*/ 927689 h 1598793"/>
                <a:gd name="connsiteX5" fmla="*/ 201084 w 1019690"/>
                <a:gd name="connsiteY5" fmla="*/ 778011 h 1598793"/>
                <a:gd name="connsiteX6" fmla="*/ 288714 w 1019690"/>
                <a:gd name="connsiteY6" fmla="*/ 687659 h 1598793"/>
                <a:gd name="connsiteX7" fmla="*/ 341510 w 1019690"/>
                <a:gd name="connsiteY7" fmla="*/ 568461 h 1598793"/>
                <a:gd name="connsiteX8" fmla="*/ 440570 w 1019690"/>
                <a:gd name="connsiteY8" fmla="*/ 442731 h 1598793"/>
                <a:gd name="connsiteX9" fmla="*/ 551604 w 1019690"/>
                <a:gd name="connsiteY9" fmla="*/ 380682 h 1598793"/>
                <a:gd name="connsiteX10" fmla="*/ 836810 w 1019690"/>
                <a:gd name="connsiteY10" fmla="*/ 150449 h 1598793"/>
                <a:gd name="connsiteX11" fmla="*/ 977235 w 1019690"/>
                <a:gd name="connsiteY11" fmla="*/ 16555 h 1598793"/>
                <a:gd name="connsiteX12" fmla="*/ 1019690 w 1019690"/>
                <a:gd name="connsiteY12" fmla="*/ 6758 h 1598793"/>
                <a:gd name="connsiteX0" fmla="*/ 32355 w 1187330"/>
                <a:gd name="connsiteY0" fmla="*/ 1593044 h 1593044"/>
                <a:gd name="connsiteX1" fmla="*/ 242 w 1187330"/>
                <a:gd name="connsiteY1" fmla="*/ 1464049 h 1593044"/>
                <a:gd name="connsiteX2" fmla="*/ 58481 w 1187330"/>
                <a:gd name="connsiteY2" fmla="*/ 1234904 h 1593044"/>
                <a:gd name="connsiteX3" fmla="*/ 75898 w 1187330"/>
                <a:gd name="connsiteY3" fmla="*/ 1049847 h 1593044"/>
                <a:gd name="connsiteX4" fmla="*/ 168427 w 1187330"/>
                <a:gd name="connsiteY4" fmla="*/ 921940 h 1593044"/>
                <a:gd name="connsiteX5" fmla="*/ 201084 w 1187330"/>
                <a:gd name="connsiteY5" fmla="*/ 772262 h 1593044"/>
                <a:gd name="connsiteX6" fmla="*/ 288714 w 1187330"/>
                <a:gd name="connsiteY6" fmla="*/ 681910 h 1593044"/>
                <a:gd name="connsiteX7" fmla="*/ 341510 w 1187330"/>
                <a:gd name="connsiteY7" fmla="*/ 562712 h 1593044"/>
                <a:gd name="connsiteX8" fmla="*/ 440570 w 1187330"/>
                <a:gd name="connsiteY8" fmla="*/ 436982 h 1593044"/>
                <a:gd name="connsiteX9" fmla="*/ 551604 w 1187330"/>
                <a:gd name="connsiteY9" fmla="*/ 374933 h 1593044"/>
                <a:gd name="connsiteX10" fmla="*/ 836810 w 1187330"/>
                <a:gd name="connsiteY10" fmla="*/ 144700 h 1593044"/>
                <a:gd name="connsiteX11" fmla="*/ 977235 w 1187330"/>
                <a:gd name="connsiteY11" fmla="*/ 10806 h 1593044"/>
                <a:gd name="connsiteX12" fmla="*/ 1187330 w 1187330"/>
                <a:gd name="connsiteY12" fmla="*/ 16249 h 1593044"/>
                <a:gd name="connsiteX0" fmla="*/ 32355 w 1187330"/>
                <a:gd name="connsiteY0" fmla="*/ 1579253 h 1579253"/>
                <a:gd name="connsiteX1" fmla="*/ 242 w 1187330"/>
                <a:gd name="connsiteY1" fmla="*/ 1450258 h 1579253"/>
                <a:gd name="connsiteX2" fmla="*/ 58481 w 1187330"/>
                <a:gd name="connsiteY2" fmla="*/ 1221113 h 1579253"/>
                <a:gd name="connsiteX3" fmla="*/ 75898 w 1187330"/>
                <a:gd name="connsiteY3" fmla="*/ 1036056 h 1579253"/>
                <a:gd name="connsiteX4" fmla="*/ 168427 w 1187330"/>
                <a:gd name="connsiteY4" fmla="*/ 908149 h 1579253"/>
                <a:gd name="connsiteX5" fmla="*/ 201084 w 1187330"/>
                <a:gd name="connsiteY5" fmla="*/ 758471 h 1579253"/>
                <a:gd name="connsiteX6" fmla="*/ 288714 w 1187330"/>
                <a:gd name="connsiteY6" fmla="*/ 668119 h 1579253"/>
                <a:gd name="connsiteX7" fmla="*/ 341510 w 1187330"/>
                <a:gd name="connsiteY7" fmla="*/ 548921 h 1579253"/>
                <a:gd name="connsiteX8" fmla="*/ 440570 w 1187330"/>
                <a:gd name="connsiteY8" fmla="*/ 423191 h 1579253"/>
                <a:gd name="connsiteX9" fmla="*/ 551604 w 1187330"/>
                <a:gd name="connsiteY9" fmla="*/ 361142 h 1579253"/>
                <a:gd name="connsiteX10" fmla="*/ 836810 w 1187330"/>
                <a:gd name="connsiteY10" fmla="*/ 130909 h 1579253"/>
                <a:gd name="connsiteX11" fmla="*/ 1022955 w 1187330"/>
                <a:gd name="connsiteY11" fmla="*/ 27495 h 1579253"/>
                <a:gd name="connsiteX12" fmla="*/ 1187330 w 1187330"/>
                <a:gd name="connsiteY12" fmla="*/ 2458 h 1579253"/>
                <a:gd name="connsiteX0" fmla="*/ 32355 w 1187330"/>
                <a:gd name="connsiteY0" fmla="*/ 1579253 h 1579253"/>
                <a:gd name="connsiteX1" fmla="*/ 242 w 1187330"/>
                <a:gd name="connsiteY1" fmla="*/ 1450258 h 1579253"/>
                <a:gd name="connsiteX2" fmla="*/ 58481 w 1187330"/>
                <a:gd name="connsiteY2" fmla="*/ 1221113 h 1579253"/>
                <a:gd name="connsiteX3" fmla="*/ 75898 w 1187330"/>
                <a:gd name="connsiteY3" fmla="*/ 1036056 h 1579253"/>
                <a:gd name="connsiteX4" fmla="*/ 168427 w 1187330"/>
                <a:gd name="connsiteY4" fmla="*/ 908149 h 1579253"/>
                <a:gd name="connsiteX5" fmla="*/ 201084 w 1187330"/>
                <a:gd name="connsiteY5" fmla="*/ 758471 h 1579253"/>
                <a:gd name="connsiteX6" fmla="*/ 288714 w 1187330"/>
                <a:gd name="connsiteY6" fmla="*/ 668119 h 1579253"/>
                <a:gd name="connsiteX7" fmla="*/ 341510 w 1187330"/>
                <a:gd name="connsiteY7" fmla="*/ 548921 h 1579253"/>
                <a:gd name="connsiteX8" fmla="*/ 440570 w 1187330"/>
                <a:gd name="connsiteY8" fmla="*/ 423191 h 1579253"/>
                <a:gd name="connsiteX9" fmla="*/ 551604 w 1187330"/>
                <a:gd name="connsiteY9" fmla="*/ 361142 h 1579253"/>
                <a:gd name="connsiteX10" fmla="*/ 836810 w 1187330"/>
                <a:gd name="connsiteY10" fmla="*/ 130909 h 1579253"/>
                <a:gd name="connsiteX11" fmla="*/ 1022955 w 1187330"/>
                <a:gd name="connsiteY11" fmla="*/ 27495 h 1579253"/>
                <a:gd name="connsiteX12" fmla="*/ 1187330 w 1187330"/>
                <a:gd name="connsiteY12" fmla="*/ 2458 h 1579253"/>
                <a:gd name="connsiteX0" fmla="*/ 41449 w 1196424"/>
                <a:gd name="connsiteY0" fmla="*/ 1579253 h 1579253"/>
                <a:gd name="connsiteX1" fmla="*/ 9336 w 1196424"/>
                <a:gd name="connsiteY1" fmla="*/ 1450258 h 1579253"/>
                <a:gd name="connsiteX2" fmla="*/ 67575 w 1196424"/>
                <a:gd name="connsiteY2" fmla="*/ 1221113 h 1579253"/>
                <a:gd name="connsiteX3" fmla="*/ 84992 w 1196424"/>
                <a:gd name="connsiteY3" fmla="*/ 1036056 h 1579253"/>
                <a:gd name="connsiteX4" fmla="*/ 177521 w 1196424"/>
                <a:gd name="connsiteY4" fmla="*/ 908149 h 1579253"/>
                <a:gd name="connsiteX5" fmla="*/ 210178 w 1196424"/>
                <a:gd name="connsiteY5" fmla="*/ 758471 h 1579253"/>
                <a:gd name="connsiteX6" fmla="*/ 297808 w 1196424"/>
                <a:gd name="connsiteY6" fmla="*/ 668119 h 1579253"/>
                <a:gd name="connsiteX7" fmla="*/ 350604 w 1196424"/>
                <a:gd name="connsiteY7" fmla="*/ 548921 h 1579253"/>
                <a:gd name="connsiteX8" fmla="*/ 449664 w 1196424"/>
                <a:gd name="connsiteY8" fmla="*/ 423191 h 1579253"/>
                <a:gd name="connsiteX9" fmla="*/ 560698 w 1196424"/>
                <a:gd name="connsiteY9" fmla="*/ 361142 h 1579253"/>
                <a:gd name="connsiteX10" fmla="*/ 845904 w 1196424"/>
                <a:gd name="connsiteY10" fmla="*/ 130909 h 1579253"/>
                <a:gd name="connsiteX11" fmla="*/ 1032049 w 1196424"/>
                <a:gd name="connsiteY11" fmla="*/ 27495 h 1579253"/>
                <a:gd name="connsiteX12" fmla="*/ 1196424 w 1196424"/>
                <a:gd name="connsiteY12" fmla="*/ 2458 h 1579253"/>
                <a:gd name="connsiteX0" fmla="*/ 56599 w 1187442"/>
                <a:gd name="connsiteY0" fmla="*/ 1565847 h 1565847"/>
                <a:gd name="connsiteX1" fmla="*/ 354 w 1187442"/>
                <a:gd name="connsiteY1" fmla="*/ 1450258 h 1565847"/>
                <a:gd name="connsiteX2" fmla="*/ 58593 w 1187442"/>
                <a:gd name="connsiteY2" fmla="*/ 1221113 h 1565847"/>
                <a:gd name="connsiteX3" fmla="*/ 76010 w 1187442"/>
                <a:gd name="connsiteY3" fmla="*/ 1036056 h 1565847"/>
                <a:gd name="connsiteX4" fmla="*/ 168539 w 1187442"/>
                <a:gd name="connsiteY4" fmla="*/ 908149 h 1565847"/>
                <a:gd name="connsiteX5" fmla="*/ 201196 w 1187442"/>
                <a:gd name="connsiteY5" fmla="*/ 758471 h 1565847"/>
                <a:gd name="connsiteX6" fmla="*/ 288826 w 1187442"/>
                <a:gd name="connsiteY6" fmla="*/ 668119 h 1565847"/>
                <a:gd name="connsiteX7" fmla="*/ 341622 w 1187442"/>
                <a:gd name="connsiteY7" fmla="*/ 548921 h 1565847"/>
                <a:gd name="connsiteX8" fmla="*/ 440682 w 1187442"/>
                <a:gd name="connsiteY8" fmla="*/ 423191 h 1565847"/>
                <a:gd name="connsiteX9" fmla="*/ 551716 w 1187442"/>
                <a:gd name="connsiteY9" fmla="*/ 361142 h 1565847"/>
                <a:gd name="connsiteX10" fmla="*/ 836922 w 1187442"/>
                <a:gd name="connsiteY10" fmla="*/ 130909 h 1565847"/>
                <a:gd name="connsiteX11" fmla="*/ 1023067 w 1187442"/>
                <a:gd name="connsiteY11" fmla="*/ 27495 h 1565847"/>
                <a:gd name="connsiteX12" fmla="*/ 1187442 w 1187442"/>
                <a:gd name="connsiteY12" fmla="*/ 2458 h 1565847"/>
                <a:gd name="connsiteX0" fmla="*/ 56599 w 1187442"/>
                <a:gd name="connsiteY0" fmla="*/ 1565847 h 1565847"/>
                <a:gd name="connsiteX1" fmla="*/ 354 w 1187442"/>
                <a:gd name="connsiteY1" fmla="*/ 1450258 h 1565847"/>
                <a:gd name="connsiteX2" fmla="*/ 58593 w 1187442"/>
                <a:gd name="connsiteY2" fmla="*/ 1221113 h 1565847"/>
                <a:gd name="connsiteX3" fmla="*/ 76010 w 1187442"/>
                <a:gd name="connsiteY3" fmla="*/ 1036056 h 1565847"/>
                <a:gd name="connsiteX4" fmla="*/ 168539 w 1187442"/>
                <a:gd name="connsiteY4" fmla="*/ 908149 h 1565847"/>
                <a:gd name="connsiteX5" fmla="*/ 201196 w 1187442"/>
                <a:gd name="connsiteY5" fmla="*/ 758471 h 1565847"/>
                <a:gd name="connsiteX6" fmla="*/ 288826 w 1187442"/>
                <a:gd name="connsiteY6" fmla="*/ 668119 h 1565847"/>
                <a:gd name="connsiteX7" fmla="*/ 341622 w 1187442"/>
                <a:gd name="connsiteY7" fmla="*/ 548921 h 1565847"/>
                <a:gd name="connsiteX8" fmla="*/ 440682 w 1187442"/>
                <a:gd name="connsiteY8" fmla="*/ 423191 h 1565847"/>
                <a:gd name="connsiteX9" fmla="*/ 551716 w 1187442"/>
                <a:gd name="connsiteY9" fmla="*/ 361142 h 1565847"/>
                <a:gd name="connsiteX10" fmla="*/ 836922 w 1187442"/>
                <a:gd name="connsiteY10" fmla="*/ 130909 h 1565847"/>
                <a:gd name="connsiteX11" fmla="*/ 1023067 w 1187442"/>
                <a:gd name="connsiteY11" fmla="*/ 27495 h 1565847"/>
                <a:gd name="connsiteX12" fmla="*/ 1187442 w 1187442"/>
                <a:gd name="connsiteY12" fmla="*/ 2458 h 1565847"/>
                <a:gd name="connsiteX0" fmla="*/ 66986 w 1197829"/>
                <a:gd name="connsiteY0" fmla="*/ 1565847 h 1565847"/>
                <a:gd name="connsiteX1" fmla="*/ 16 w 1197829"/>
                <a:gd name="connsiteY1" fmla="*/ 1431490 h 1565847"/>
                <a:gd name="connsiteX2" fmla="*/ 68980 w 1197829"/>
                <a:gd name="connsiteY2" fmla="*/ 1221113 h 1565847"/>
                <a:gd name="connsiteX3" fmla="*/ 86397 w 1197829"/>
                <a:gd name="connsiteY3" fmla="*/ 1036056 h 1565847"/>
                <a:gd name="connsiteX4" fmla="*/ 178926 w 1197829"/>
                <a:gd name="connsiteY4" fmla="*/ 908149 h 1565847"/>
                <a:gd name="connsiteX5" fmla="*/ 211583 w 1197829"/>
                <a:gd name="connsiteY5" fmla="*/ 758471 h 1565847"/>
                <a:gd name="connsiteX6" fmla="*/ 299213 w 1197829"/>
                <a:gd name="connsiteY6" fmla="*/ 668119 h 1565847"/>
                <a:gd name="connsiteX7" fmla="*/ 352009 w 1197829"/>
                <a:gd name="connsiteY7" fmla="*/ 548921 h 1565847"/>
                <a:gd name="connsiteX8" fmla="*/ 451069 w 1197829"/>
                <a:gd name="connsiteY8" fmla="*/ 423191 h 1565847"/>
                <a:gd name="connsiteX9" fmla="*/ 562103 w 1197829"/>
                <a:gd name="connsiteY9" fmla="*/ 361142 h 1565847"/>
                <a:gd name="connsiteX10" fmla="*/ 847309 w 1197829"/>
                <a:gd name="connsiteY10" fmla="*/ 130909 h 1565847"/>
                <a:gd name="connsiteX11" fmla="*/ 1033454 w 1197829"/>
                <a:gd name="connsiteY11" fmla="*/ 27495 h 1565847"/>
                <a:gd name="connsiteX12" fmla="*/ 1197829 w 1197829"/>
                <a:gd name="connsiteY12" fmla="*/ 2458 h 1565847"/>
                <a:gd name="connsiteX0" fmla="*/ 67577 w 1198420"/>
                <a:gd name="connsiteY0" fmla="*/ 1565847 h 1565847"/>
                <a:gd name="connsiteX1" fmla="*/ 607 w 1198420"/>
                <a:gd name="connsiteY1" fmla="*/ 1431490 h 1565847"/>
                <a:gd name="connsiteX2" fmla="*/ 37395 w 1198420"/>
                <a:gd name="connsiteY2" fmla="*/ 1229157 h 1565847"/>
                <a:gd name="connsiteX3" fmla="*/ 86988 w 1198420"/>
                <a:gd name="connsiteY3" fmla="*/ 1036056 h 1565847"/>
                <a:gd name="connsiteX4" fmla="*/ 179517 w 1198420"/>
                <a:gd name="connsiteY4" fmla="*/ 908149 h 1565847"/>
                <a:gd name="connsiteX5" fmla="*/ 212174 w 1198420"/>
                <a:gd name="connsiteY5" fmla="*/ 758471 h 1565847"/>
                <a:gd name="connsiteX6" fmla="*/ 299804 w 1198420"/>
                <a:gd name="connsiteY6" fmla="*/ 668119 h 1565847"/>
                <a:gd name="connsiteX7" fmla="*/ 352600 w 1198420"/>
                <a:gd name="connsiteY7" fmla="*/ 548921 h 1565847"/>
                <a:gd name="connsiteX8" fmla="*/ 451660 w 1198420"/>
                <a:gd name="connsiteY8" fmla="*/ 423191 h 1565847"/>
                <a:gd name="connsiteX9" fmla="*/ 562694 w 1198420"/>
                <a:gd name="connsiteY9" fmla="*/ 361142 h 1565847"/>
                <a:gd name="connsiteX10" fmla="*/ 847900 w 1198420"/>
                <a:gd name="connsiteY10" fmla="*/ 130909 h 1565847"/>
                <a:gd name="connsiteX11" fmla="*/ 1034045 w 1198420"/>
                <a:gd name="connsiteY11" fmla="*/ 27495 h 1565847"/>
                <a:gd name="connsiteX12" fmla="*/ 1198420 w 1198420"/>
                <a:gd name="connsiteY12" fmla="*/ 2458 h 1565847"/>
                <a:gd name="connsiteX0" fmla="*/ 67577 w 1198420"/>
                <a:gd name="connsiteY0" fmla="*/ 1565847 h 1565847"/>
                <a:gd name="connsiteX1" fmla="*/ 607 w 1198420"/>
                <a:gd name="connsiteY1" fmla="*/ 1431490 h 1565847"/>
                <a:gd name="connsiteX2" fmla="*/ 37395 w 1198420"/>
                <a:gd name="connsiteY2" fmla="*/ 1229157 h 1565847"/>
                <a:gd name="connsiteX3" fmla="*/ 86988 w 1198420"/>
                <a:gd name="connsiteY3" fmla="*/ 1036056 h 1565847"/>
                <a:gd name="connsiteX4" fmla="*/ 125892 w 1198420"/>
                <a:gd name="connsiteY4" fmla="*/ 892062 h 1565847"/>
                <a:gd name="connsiteX5" fmla="*/ 212174 w 1198420"/>
                <a:gd name="connsiteY5" fmla="*/ 758471 h 1565847"/>
                <a:gd name="connsiteX6" fmla="*/ 299804 w 1198420"/>
                <a:gd name="connsiteY6" fmla="*/ 668119 h 1565847"/>
                <a:gd name="connsiteX7" fmla="*/ 352600 w 1198420"/>
                <a:gd name="connsiteY7" fmla="*/ 548921 h 1565847"/>
                <a:gd name="connsiteX8" fmla="*/ 451660 w 1198420"/>
                <a:gd name="connsiteY8" fmla="*/ 423191 h 1565847"/>
                <a:gd name="connsiteX9" fmla="*/ 562694 w 1198420"/>
                <a:gd name="connsiteY9" fmla="*/ 361142 h 1565847"/>
                <a:gd name="connsiteX10" fmla="*/ 847900 w 1198420"/>
                <a:gd name="connsiteY10" fmla="*/ 130909 h 1565847"/>
                <a:gd name="connsiteX11" fmla="*/ 1034045 w 1198420"/>
                <a:gd name="connsiteY11" fmla="*/ 27495 h 1565847"/>
                <a:gd name="connsiteX12" fmla="*/ 1198420 w 1198420"/>
                <a:gd name="connsiteY12" fmla="*/ 2458 h 1565847"/>
                <a:gd name="connsiteX0" fmla="*/ 67577 w 1198420"/>
                <a:gd name="connsiteY0" fmla="*/ 1565847 h 1565847"/>
                <a:gd name="connsiteX1" fmla="*/ 607 w 1198420"/>
                <a:gd name="connsiteY1" fmla="*/ 1431490 h 1565847"/>
                <a:gd name="connsiteX2" fmla="*/ 37395 w 1198420"/>
                <a:gd name="connsiteY2" fmla="*/ 1229157 h 1565847"/>
                <a:gd name="connsiteX3" fmla="*/ 86988 w 1198420"/>
                <a:gd name="connsiteY3" fmla="*/ 1036056 h 1565847"/>
                <a:gd name="connsiteX4" fmla="*/ 125892 w 1198420"/>
                <a:gd name="connsiteY4" fmla="*/ 892062 h 1565847"/>
                <a:gd name="connsiteX5" fmla="*/ 212174 w 1198420"/>
                <a:gd name="connsiteY5" fmla="*/ 758471 h 1565847"/>
                <a:gd name="connsiteX6" fmla="*/ 254222 w 1198420"/>
                <a:gd name="connsiteY6" fmla="*/ 652031 h 1565847"/>
                <a:gd name="connsiteX7" fmla="*/ 352600 w 1198420"/>
                <a:gd name="connsiteY7" fmla="*/ 548921 h 1565847"/>
                <a:gd name="connsiteX8" fmla="*/ 451660 w 1198420"/>
                <a:gd name="connsiteY8" fmla="*/ 423191 h 1565847"/>
                <a:gd name="connsiteX9" fmla="*/ 562694 w 1198420"/>
                <a:gd name="connsiteY9" fmla="*/ 361142 h 1565847"/>
                <a:gd name="connsiteX10" fmla="*/ 847900 w 1198420"/>
                <a:gd name="connsiteY10" fmla="*/ 130909 h 1565847"/>
                <a:gd name="connsiteX11" fmla="*/ 1034045 w 1198420"/>
                <a:gd name="connsiteY11" fmla="*/ 27495 h 1565847"/>
                <a:gd name="connsiteX12" fmla="*/ 1198420 w 1198420"/>
                <a:gd name="connsiteY12" fmla="*/ 2458 h 1565847"/>
                <a:gd name="connsiteX0" fmla="*/ 67577 w 1198420"/>
                <a:gd name="connsiteY0" fmla="*/ 1565847 h 1565847"/>
                <a:gd name="connsiteX1" fmla="*/ 607 w 1198420"/>
                <a:gd name="connsiteY1" fmla="*/ 1431490 h 1565847"/>
                <a:gd name="connsiteX2" fmla="*/ 37395 w 1198420"/>
                <a:gd name="connsiteY2" fmla="*/ 1229157 h 1565847"/>
                <a:gd name="connsiteX3" fmla="*/ 86988 w 1198420"/>
                <a:gd name="connsiteY3" fmla="*/ 1036056 h 1565847"/>
                <a:gd name="connsiteX4" fmla="*/ 125892 w 1198420"/>
                <a:gd name="connsiteY4" fmla="*/ 892062 h 1565847"/>
                <a:gd name="connsiteX5" fmla="*/ 212174 w 1198420"/>
                <a:gd name="connsiteY5" fmla="*/ 830866 h 1565847"/>
                <a:gd name="connsiteX6" fmla="*/ 254222 w 1198420"/>
                <a:gd name="connsiteY6" fmla="*/ 652031 h 1565847"/>
                <a:gd name="connsiteX7" fmla="*/ 352600 w 1198420"/>
                <a:gd name="connsiteY7" fmla="*/ 548921 h 1565847"/>
                <a:gd name="connsiteX8" fmla="*/ 451660 w 1198420"/>
                <a:gd name="connsiteY8" fmla="*/ 423191 h 1565847"/>
                <a:gd name="connsiteX9" fmla="*/ 562694 w 1198420"/>
                <a:gd name="connsiteY9" fmla="*/ 361142 h 1565847"/>
                <a:gd name="connsiteX10" fmla="*/ 847900 w 1198420"/>
                <a:gd name="connsiteY10" fmla="*/ 130909 h 1565847"/>
                <a:gd name="connsiteX11" fmla="*/ 1034045 w 1198420"/>
                <a:gd name="connsiteY11" fmla="*/ 27495 h 1565847"/>
                <a:gd name="connsiteX12" fmla="*/ 1198420 w 1198420"/>
                <a:gd name="connsiteY12" fmla="*/ 2458 h 1565847"/>
                <a:gd name="connsiteX0" fmla="*/ 67594 w 1198437"/>
                <a:gd name="connsiteY0" fmla="*/ 1565847 h 1565847"/>
                <a:gd name="connsiteX1" fmla="*/ 624 w 1198437"/>
                <a:gd name="connsiteY1" fmla="*/ 1431490 h 1565847"/>
                <a:gd name="connsiteX2" fmla="*/ 37412 w 1198437"/>
                <a:gd name="connsiteY2" fmla="*/ 1229157 h 1565847"/>
                <a:gd name="connsiteX3" fmla="*/ 92368 w 1198437"/>
                <a:gd name="connsiteY3" fmla="*/ 1159396 h 1565847"/>
                <a:gd name="connsiteX4" fmla="*/ 125909 w 1198437"/>
                <a:gd name="connsiteY4" fmla="*/ 892062 h 1565847"/>
                <a:gd name="connsiteX5" fmla="*/ 212191 w 1198437"/>
                <a:gd name="connsiteY5" fmla="*/ 830866 h 1565847"/>
                <a:gd name="connsiteX6" fmla="*/ 254239 w 1198437"/>
                <a:gd name="connsiteY6" fmla="*/ 652031 h 1565847"/>
                <a:gd name="connsiteX7" fmla="*/ 352617 w 1198437"/>
                <a:gd name="connsiteY7" fmla="*/ 548921 h 1565847"/>
                <a:gd name="connsiteX8" fmla="*/ 451677 w 1198437"/>
                <a:gd name="connsiteY8" fmla="*/ 423191 h 1565847"/>
                <a:gd name="connsiteX9" fmla="*/ 562711 w 1198437"/>
                <a:gd name="connsiteY9" fmla="*/ 361142 h 1565847"/>
                <a:gd name="connsiteX10" fmla="*/ 847917 w 1198437"/>
                <a:gd name="connsiteY10" fmla="*/ 130909 h 1565847"/>
                <a:gd name="connsiteX11" fmla="*/ 1034062 w 1198437"/>
                <a:gd name="connsiteY11" fmla="*/ 27495 h 1565847"/>
                <a:gd name="connsiteX12" fmla="*/ 1198437 w 1198437"/>
                <a:gd name="connsiteY12" fmla="*/ 2458 h 1565847"/>
                <a:gd name="connsiteX0" fmla="*/ 67594 w 1198437"/>
                <a:gd name="connsiteY0" fmla="*/ 1565847 h 1565847"/>
                <a:gd name="connsiteX1" fmla="*/ 624 w 1198437"/>
                <a:gd name="connsiteY1" fmla="*/ 1431490 h 1565847"/>
                <a:gd name="connsiteX2" fmla="*/ 37412 w 1198437"/>
                <a:gd name="connsiteY2" fmla="*/ 1229157 h 1565847"/>
                <a:gd name="connsiteX3" fmla="*/ 92368 w 1198437"/>
                <a:gd name="connsiteY3" fmla="*/ 1159396 h 1565847"/>
                <a:gd name="connsiteX4" fmla="*/ 117865 w 1198437"/>
                <a:gd name="connsiteY4" fmla="*/ 961775 h 1565847"/>
                <a:gd name="connsiteX5" fmla="*/ 212191 w 1198437"/>
                <a:gd name="connsiteY5" fmla="*/ 830866 h 1565847"/>
                <a:gd name="connsiteX6" fmla="*/ 254239 w 1198437"/>
                <a:gd name="connsiteY6" fmla="*/ 652031 h 1565847"/>
                <a:gd name="connsiteX7" fmla="*/ 352617 w 1198437"/>
                <a:gd name="connsiteY7" fmla="*/ 548921 h 1565847"/>
                <a:gd name="connsiteX8" fmla="*/ 451677 w 1198437"/>
                <a:gd name="connsiteY8" fmla="*/ 423191 h 1565847"/>
                <a:gd name="connsiteX9" fmla="*/ 562711 w 1198437"/>
                <a:gd name="connsiteY9" fmla="*/ 361142 h 1565847"/>
                <a:gd name="connsiteX10" fmla="*/ 847917 w 1198437"/>
                <a:gd name="connsiteY10" fmla="*/ 130909 h 1565847"/>
                <a:gd name="connsiteX11" fmla="*/ 1034062 w 1198437"/>
                <a:gd name="connsiteY11" fmla="*/ 27495 h 1565847"/>
                <a:gd name="connsiteX12" fmla="*/ 1198437 w 1198437"/>
                <a:gd name="connsiteY12" fmla="*/ 2458 h 1565847"/>
                <a:gd name="connsiteX0" fmla="*/ 67594 w 1198437"/>
                <a:gd name="connsiteY0" fmla="*/ 1565847 h 1565847"/>
                <a:gd name="connsiteX1" fmla="*/ 624 w 1198437"/>
                <a:gd name="connsiteY1" fmla="*/ 1431490 h 1565847"/>
                <a:gd name="connsiteX2" fmla="*/ 37412 w 1198437"/>
                <a:gd name="connsiteY2" fmla="*/ 1229157 h 1565847"/>
                <a:gd name="connsiteX3" fmla="*/ 92368 w 1198437"/>
                <a:gd name="connsiteY3" fmla="*/ 1159396 h 1565847"/>
                <a:gd name="connsiteX4" fmla="*/ 117865 w 1198437"/>
                <a:gd name="connsiteY4" fmla="*/ 961775 h 1565847"/>
                <a:gd name="connsiteX5" fmla="*/ 212191 w 1198437"/>
                <a:gd name="connsiteY5" fmla="*/ 830866 h 1565847"/>
                <a:gd name="connsiteX6" fmla="*/ 254239 w 1198437"/>
                <a:gd name="connsiteY6" fmla="*/ 652031 h 1565847"/>
                <a:gd name="connsiteX7" fmla="*/ 352617 w 1198437"/>
                <a:gd name="connsiteY7" fmla="*/ 548921 h 1565847"/>
                <a:gd name="connsiteX8" fmla="*/ 451677 w 1198437"/>
                <a:gd name="connsiteY8" fmla="*/ 423191 h 1565847"/>
                <a:gd name="connsiteX9" fmla="*/ 562711 w 1198437"/>
                <a:gd name="connsiteY9" fmla="*/ 361142 h 1565847"/>
                <a:gd name="connsiteX10" fmla="*/ 847917 w 1198437"/>
                <a:gd name="connsiteY10" fmla="*/ 130909 h 1565847"/>
                <a:gd name="connsiteX11" fmla="*/ 1034062 w 1198437"/>
                <a:gd name="connsiteY11" fmla="*/ 27495 h 1565847"/>
                <a:gd name="connsiteX12" fmla="*/ 1198437 w 1198437"/>
                <a:gd name="connsiteY12" fmla="*/ 2458 h 1565847"/>
                <a:gd name="connsiteX0" fmla="*/ 67562 w 1198405"/>
                <a:gd name="connsiteY0" fmla="*/ 1565847 h 1565847"/>
                <a:gd name="connsiteX1" fmla="*/ 592 w 1198405"/>
                <a:gd name="connsiteY1" fmla="*/ 1431490 h 1565847"/>
                <a:gd name="connsiteX2" fmla="*/ 37380 w 1198405"/>
                <a:gd name="connsiteY2" fmla="*/ 1229157 h 1565847"/>
                <a:gd name="connsiteX3" fmla="*/ 81611 w 1198405"/>
                <a:gd name="connsiteY3" fmla="*/ 1145990 h 1565847"/>
                <a:gd name="connsiteX4" fmla="*/ 117833 w 1198405"/>
                <a:gd name="connsiteY4" fmla="*/ 961775 h 1565847"/>
                <a:gd name="connsiteX5" fmla="*/ 212159 w 1198405"/>
                <a:gd name="connsiteY5" fmla="*/ 830866 h 1565847"/>
                <a:gd name="connsiteX6" fmla="*/ 254207 w 1198405"/>
                <a:gd name="connsiteY6" fmla="*/ 652031 h 1565847"/>
                <a:gd name="connsiteX7" fmla="*/ 352585 w 1198405"/>
                <a:gd name="connsiteY7" fmla="*/ 548921 h 1565847"/>
                <a:gd name="connsiteX8" fmla="*/ 451645 w 1198405"/>
                <a:gd name="connsiteY8" fmla="*/ 423191 h 1565847"/>
                <a:gd name="connsiteX9" fmla="*/ 562679 w 1198405"/>
                <a:gd name="connsiteY9" fmla="*/ 361142 h 1565847"/>
                <a:gd name="connsiteX10" fmla="*/ 847885 w 1198405"/>
                <a:gd name="connsiteY10" fmla="*/ 130909 h 1565847"/>
                <a:gd name="connsiteX11" fmla="*/ 1034030 w 1198405"/>
                <a:gd name="connsiteY11" fmla="*/ 27495 h 1565847"/>
                <a:gd name="connsiteX12" fmla="*/ 1198405 w 1198405"/>
                <a:gd name="connsiteY12" fmla="*/ 2458 h 1565847"/>
                <a:gd name="connsiteX0" fmla="*/ 67594 w 1198437"/>
                <a:gd name="connsiteY0" fmla="*/ 1565847 h 1565847"/>
                <a:gd name="connsiteX1" fmla="*/ 624 w 1198437"/>
                <a:gd name="connsiteY1" fmla="*/ 1431490 h 1565847"/>
                <a:gd name="connsiteX2" fmla="*/ 37412 w 1198437"/>
                <a:gd name="connsiteY2" fmla="*/ 1229157 h 1565847"/>
                <a:gd name="connsiteX3" fmla="*/ 92368 w 1198437"/>
                <a:gd name="connsiteY3" fmla="*/ 1151353 h 1565847"/>
                <a:gd name="connsiteX4" fmla="*/ 117865 w 1198437"/>
                <a:gd name="connsiteY4" fmla="*/ 961775 h 1565847"/>
                <a:gd name="connsiteX5" fmla="*/ 212191 w 1198437"/>
                <a:gd name="connsiteY5" fmla="*/ 830866 h 1565847"/>
                <a:gd name="connsiteX6" fmla="*/ 254239 w 1198437"/>
                <a:gd name="connsiteY6" fmla="*/ 652031 h 1565847"/>
                <a:gd name="connsiteX7" fmla="*/ 352617 w 1198437"/>
                <a:gd name="connsiteY7" fmla="*/ 548921 h 1565847"/>
                <a:gd name="connsiteX8" fmla="*/ 451677 w 1198437"/>
                <a:gd name="connsiteY8" fmla="*/ 423191 h 1565847"/>
                <a:gd name="connsiteX9" fmla="*/ 562711 w 1198437"/>
                <a:gd name="connsiteY9" fmla="*/ 361142 h 1565847"/>
                <a:gd name="connsiteX10" fmla="*/ 847917 w 1198437"/>
                <a:gd name="connsiteY10" fmla="*/ 130909 h 1565847"/>
                <a:gd name="connsiteX11" fmla="*/ 1034062 w 1198437"/>
                <a:gd name="connsiteY11" fmla="*/ 27495 h 1565847"/>
                <a:gd name="connsiteX12" fmla="*/ 1198437 w 1198437"/>
                <a:gd name="connsiteY12" fmla="*/ 2458 h 1565847"/>
                <a:gd name="connsiteX0" fmla="*/ 67179 w 1198022"/>
                <a:gd name="connsiteY0" fmla="*/ 1565847 h 1565847"/>
                <a:gd name="connsiteX1" fmla="*/ 209 w 1198022"/>
                <a:gd name="connsiteY1" fmla="*/ 1431490 h 1565847"/>
                <a:gd name="connsiteX2" fmla="*/ 47722 w 1198022"/>
                <a:gd name="connsiteY2" fmla="*/ 1207707 h 1565847"/>
                <a:gd name="connsiteX3" fmla="*/ 91953 w 1198022"/>
                <a:gd name="connsiteY3" fmla="*/ 1151353 h 1565847"/>
                <a:gd name="connsiteX4" fmla="*/ 117450 w 1198022"/>
                <a:gd name="connsiteY4" fmla="*/ 961775 h 1565847"/>
                <a:gd name="connsiteX5" fmla="*/ 211776 w 1198022"/>
                <a:gd name="connsiteY5" fmla="*/ 830866 h 1565847"/>
                <a:gd name="connsiteX6" fmla="*/ 253824 w 1198022"/>
                <a:gd name="connsiteY6" fmla="*/ 652031 h 1565847"/>
                <a:gd name="connsiteX7" fmla="*/ 352202 w 1198022"/>
                <a:gd name="connsiteY7" fmla="*/ 548921 h 1565847"/>
                <a:gd name="connsiteX8" fmla="*/ 451262 w 1198022"/>
                <a:gd name="connsiteY8" fmla="*/ 423191 h 1565847"/>
                <a:gd name="connsiteX9" fmla="*/ 562296 w 1198022"/>
                <a:gd name="connsiteY9" fmla="*/ 361142 h 1565847"/>
                <a:gd name="connsiteX10" fmla="*/ 847502 w 1198022"/>
                <a:gd name="connsiteY10" fmla="*/ 130909 h 1565847"/>
                <a:gd name="connsiteX11" fmla="*/ 1033647 w 1198022"/>
                <a:gd name="connsiteY11" fmla="*/ 27495 h 1565847"/>
                <a:gd name="connsiteX12" fmla="*/ 1198022 w 1198022"/>
                <a:gd name="connsiteY12" fmla="*/ 2458 h 1565847"/>
                <a:gd name="connsiteX0" fmla="*/ 61845 w 1192688"/>
                <a:gd name="connsiteY0" fmla="*/ 1565847 h 1565847"/>
                <a:gd name="connsiteX1" fmla="*/ 237 w 1192688"/>
                <a:gd name="connsiteY1" fmla="*/ 1426128 h 1565847"/>
                <a:gd name="connsiteX2" fmla="*/ 42388 w 1192688"/>
                <a:gd name="connsiteY2" fmla="*/ 1207707 h 1565847"/>
                <a:gd name="connsiteX3" fmla="*/ 86619 w 1192688"/>
                <a:gd name="connsiteY3" fmla="*/ 1151353 h 1565847"/>
                <a:gd name="connsiteX4" fmla="*/ 112116 w 1192688"/>
                <a:gd name="connsiteY4" fmla="*/ 961775 h 1565847"/>
                <a:gd name="connsiteX5" fmla="*/ 206442 w 1192688"/>
                <a:gd name="connsiteY5" fmla="*/ 830866 h 1565847"/>
                <a:gd name="connsiteX6" fmla="*/ 248490 w 1192688"/>
                <a:gd name="connsiteY6" fmla="*/ 652031 h 1565847"/>
                <a:gd name="connsiteX7" fmla="*/ 346868 w 1192688"/>
                <a:gd name="connsiteY7" fmla="*/ 548921 h 1565847"/>
                <a:gd name="connsiteX8" fmla="*/ 445928 w 1192688"/>
                <a:gd name="connsiteY8" fmla="*/ 423191 h 1565847"/>
                <a:gd name="connsiteX9" fmla="*/ 556962 w 1192688"/>
                <a:gd name="connsiteY9" fmla="*/ 361142 h 1565847"/>
                <a:gd name="connsiteX10" fmla="*/ 842168 w 1192688"/>
                <a:gd name="connsiteY10" fmla="*/ 130909 h 1565847"/>
                <a:gd name="connsiteX11" fmla="*/ 1028313 w 1192688"/>
                <a:gd name="connsiteY11" fmla="*/ 27495 h 1565847"/>
                <a:gd name="connsiteX12" fmla="*/ 1192688 w 1192688"/>
                <a:gd name="connsiteY12" fmla="*/ 2458 h 1565847"/>
                <a:gd name="connsiteX0" fmla="*/ 61845 w 1216820"/>
                <a:gd name="connsiteY0" fmla="*/ 1575618 h 1575618"/>
                <a:gd name="connsiteX1" fmla="*/ 237 w 1216820"/>
                <a:gd name="connsiteY1" fmla="*/ 1435899 h 1575618"/>
                <a:gd name="connsiteX2" fmla="*/ 42388 w 1216820"/>
                <a:gd name="connsiteY2" fmla="*/ 1217478 h 1575618"/>
                <a:gd name="connsiteX3" fmla="*/ 86619 w 1216820"/>
                <a:gd name="connsiteY3" fmla="*/ 1161124 h 1575618"/>
                <a:gd name="connsiteX4" fmla="*/ 112116 w 1216820"/>
                <a:gd name="connsiteY4" fmla="*/ 971546 h 1575618"/>
                <a:gd name="connsiteX5" fmla="*/ 206442 w 1216820"/>
                <a:gd name="connsiteY5" fmla="*/ 840637 h 1575618"/>
                <a:gd name="connsiteX6" fmla="*/ 248490 w 1216820"/>
                <a:gd name="connsiteY6" fmla="*/ 661802 h 1575618"/>
                <a:gd name="connsiteX7" fmla="*/ 346868 w 1216820"/>
                <a:gd name="connsiteY7" fmla="*/ 558692 h 1575618"/>
                <a:gd name="connsiteX8" fmla="*/ 445928 w 1216820"/>
                <a:gd name="connsiteY8" fmla="*/ 432962 h 1575618"/>
                <a:gd name="connsiteX9" fmla="*/ 556962 w 1216820"/>
                <a:gd name="connsiteY9" fmla="*/ 370913 h 1575618"/>
                <a:gd name="connsiteX10" fmla="*/ 842168 w 1216820"/>
                <a:gd name="connsiteY10" fmla="*/ 140680 h 1575618"/>
                <a:gd name="connsiteX11" fmla="*/ 1028313 w 1216820"/>
                <a:gd name="connsiteY11" fmla="*/ 37266 h 1575618"/>
                <a:gd name="connsiteX12" fmla="*/ 1216820 w 1216820"/>
                <a:gd name="connsiteY12" fmla="*/ 1504 h 1575618"/>
                <a:gd name="connsiteX0" fmla="*/ 61845 w 1216820"/>
                <a:gd name="connsiteY0" fmla="*/ 1576571 h 1576571"/>
                <a:gd name="connsiteX1" fmla="*/ 237 w 1216820"/>
                <a:gd name="connsiteY1" fmla="*/ 1436852 h 1576571"/>
                <a:gd name="connsiteX2" fmla="*/ 42388 w 1216820"/>
                <a:gd name="connsiteY2" fmla="*/ 1218431 h 1576571"/>
                <a:gd name="connsiteX3" fmla="*/ 86619 w 1216820"/>
                <a:gd name="connsiteY3" fmla="*/ 1162077 h 1576571"/>
                <a:gd name="connsiteX4" fmla="*/ 112116 w 1216820"/>
                <a:gd name="connsiteY4" fmla="*/ 972499 h 1576571"/>
                <a:gd name="connsiteX5" fmla="*/ 206442 w 1216820"/>
                <a:gd name="connsiteY5" fmla="*/ 841590 h 1576571"/>
                <a:gd name="connsiteX6" fmla="*/ 248490 w 1216820"/>
                <a:gd name="connsiteY6" fmla="*/ 662755 h 1576571"/>
                <a:gd name="connsiteX7" fmla="*/ 346868 w 1216820"/>
                <a:gd name="connsiteY7" fmla="*/ 559645 h 1576571"/>
                <a:gd name="connsiteX8" fmla="*/ 445928 w 1216820"/>
                <a:gd name="connsiteY8" fmla="*/ 433915 h 1576571"/>
                <a:gd name="connsiteX9" fmla="*/ 556962 w 1216820"/>
                <a:gd name="connsiteY9" fmla="*/ 371866 h 1576571"/>
                <a:gd name="connsiteX10" fmla="*/ 842168 w 1216820"/>
                <a:gd name="connsiteY10" fmla="*/ 141633 h 1576571"/>
                <a:gd name="connsiteX11" fmla="*/ 1041719 w 1216820"/>
                <a:gd name="connsiteY11" fmla="*/ 27494 h 1576571"/>
                <a:gd name="connsiteX12" fmla="*/ 1216820 w 1216820"/>
                <a:gd name="connsiteY12" fmla="*/ 2457 h 1576571"/>
                <a:gd name="connsiteX0" fmla="*/ 61845 w 1216820"/>
                <a:gd name="connsiteY0" fmla="*/ 1580060 h 1580060"/>
                <a:gd name="connsiteX1" fmla="*/ 237 w 1216820"/>
                <a:gd name="connsiteY1" fmla="*/ 1440341 h 1580060"/>
                <a:gd name="connsiteX2" fmla="*/ 42388 w 1216820"/>
                <a:gd name="connsiteY2" fmla="*/ 1221920 h 1580060"/>
                <a:gd name="connsiteX3" fmla="*/ 86619 w 1216820"/>
                <a:gd name="connsiteY3" fmla="*/ 1165566 h 1580060"/>
                <a:gd name="connsiteX4" fmla="*/ 112116 w 1216820"/>
                <a:gd name="connsiteY4" fmla="*/ 975988 h 1580060"/>
                <a:gd name="connsiteX5" fmla="*/ 206442 w 1216820"/>
                <a:gd name="connsiteY5" fmla="*/ 845079 h 1580060"/>
                <a:gd name="connsiteX6" fmla="*/ 248490 w 1216820"/>
                <a:gd name="connsiteY6" fmla="*/ 666244 h 1580060"/>
                <a:gd name="connsiteX7" fmla="*/ 346868 w 1216820"/>
                <a:gd name="connsiteY7" fmla="*/ 563134 h 1580060"/>
                <a:gd name="connsiteX8" fmla="*/ 445928 w 1216820"/>
                <a:gd name="connsiteY8" fmla="*/ 437404 h 1580060"/>
                <a:gd name="connsiteX9" fmla="*/ 556962 w 1216820"/>
                <a:gd name="connsiteY9" fmla="*/ 375355 h 1580060"/>
                <a:gd name="connsiteX10" fmla="*/ 842168 w 1216820"/>
                <a:gd name="connsiteY10" fmla="*/ 145122 h 1580060"/>
                <a:gd name="connsiteX11" fmla="*/ 1055126 w 1216820"/>
                <a:gd name="connsiteY11" fmla="*/ 17577 h 1580060"/>
                <a:gd name="connsiteX12" fmla="*/ 1216820 w 1216820"/>
                <a:gd name="connsiteY12" fmla="*/ 5946 h 1580060"/>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556962 w 1216820"/>
                <a:gd name="connsiteY9" fmla="*/ 372808 h 1577513"/>
                <a:gd name="connsiteX10" fmla="*/ 842168 w 1216820"/>
                <a:gd name="connsiteY10" fmla="*/ 142575 h 1577513"/>
                <a:gd name="connsiteX11" fmla="*/ 1049764 w 1216820"/>
                <a:gd name="connsiteY11" fmla="*/ 23074 h 1577513"/>
                <a:gd name="connsiteX12" fmla="*/ 1216820 w 1216820"/>
                <a:gd name="connsiteY12"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556962 w 1216820"/>
                <a:gd name="connsiteY9" fmla="*/ 372808 h 1577513"/>
                <a:gd name="connsiteX10" fmla="*/ 839487 w 1216820"/>
                <a:gd name="connsiteY10" fmla="*/ 147937 h 1577513"/>
                <a:gd name="connsiteX11" fmla="*/ 1049764 w 1216820"/>
                <a:gd name="connsiteY11" fmla="*/ 23074 h 1577513"/>
                <a:gd name="connsiteX12" fmla="*/ 1216820 w 1216820"/>
                <a:gd name="connsiteY12"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669576 w 1216820"/>
                <a:gd name="connsiteY9" fmla="*/ 284325 h 1577513"/>
                <a:gd name="connsiteX10" fmla="*/ 839487 w 1216820"/>
                <a:gd name="connsiteY10" fmla="*/ 147937 h 1577513"/>
                <a:gd name="connsiteX11" fmla="*/ 1049764 w 1216820"/>
                <a:gd name="connsiteY11" fmla="*/ 23074 h 1577513"/>
                <a:gd name="connsiteX12" fmla="*/ 1216820 w 1216820"/>
                <a:gd name="connsiteY12"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669576 w 1216820"/>
                <a:gd name="connsiteY9" fmla="*/ 284325 h 1577513"/>
                <a:gd name="connsiteX10" fmla="*/ 839487 w 1216820"/>
                <a:gd name="connsiteY10" fmla="*/ 147937 h 1577513"/>
                <a:gd name="connsiteX11" fmla="*/ 1049764 w 1216820"/>
                <a:gd name="connsiteY11" fmla="*/ 23074 h 1577513"/>
                <a:gd name="connsiteX12" fmla="*/ 1216820 w 1216820"/>
                <a:gd name="connsiteY12"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669576 w 1216820"/>
                <a:gd name="connsiteY9" fmla="*/ 284325 h 1577513"/>
                <a:gd name="connsiteX10" fmla="*/ 728189 w 1216820"/>
                <a:gd name="connsiteY10" fmla="*/ 215223 h 1577513"/>
                <a:gd name="connsiteX11" fmla="*/ 839487 w 1216820"/>
                <a:gd name="connsiteY11" fmla="*/ 147937 h 1577513"/>
                <a:gd name="connsiteX12" fmla="*/ 1049764 w 1216820"/>
                <a:gd name="connsiteY12" fmla="*/ 23074 h 1577513"/>
                <a:gd name="connsiteX13" fmla="*/ 1216820 w 1216820"/>
                <a:gd name="connsiteY13"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45928 w 1216820"/>
                <a:gd name="connsiteY8" fmla="*/ 434857 h 1577513"/>
                <a:gd name="connsiteX9" fmla="*/ 588763 w 1216820"/>
                <a:gd name="connsiteY9" fmla="*/ 311750 h 1577513"/>
                <a:gd name="connsiteX10" fmla="*/ 669576 w 1216820"/>
                <a:gd name="connsiteY10" fmla="*/ 284325 h 1577513"/>
                <a:gd name="connsiteX11" fmla="*/ 728189 w 1216820"/>
                <a:gd name="connsiteY11" fmla="*/ 215223 h 1577513"/>
                <a:gd name="connsiteX12" fmla="*/ 839487 w 1216820"/>
                <a:gd name="connsiteY12" fmla="*/ 147937 h 1577513"/>
                <a:gd name="connsiteX13" fmla="*/ 1049764 w 1216820"/>
                <a:gd name="connsiteY13" fmla="*/ 23074 h 1577513"/>
                <a:gd name="connsiteX14" fmla="*/ 1216820 w 1216820"/>
                <a:gd name="connsiteY14"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46868 w 1216820"/>
                <a:gd name="connsiteY7" fmla="*/ 560587 h 1577513"/>
                <a:gd name="connsiteX8" fmla="*/ 427159 w 1216820"/>
                <a:gd name="connsiteY8" fmla="*/ 434857 h 1577513"/>
                <a:gd name="connsiteX9" fmla="*/ 588763 w 1216820"/>
                <a:gd name="connsiteY9" fmla="*/ 311750 h 1577513"/>
                <a:gd name="connsiteX10" fmla="*/ 669576 w 1216820"/>
                <a:gd name="connsiteY10" fmla="*/ 284325 h 1577513"/>
                <a:gd name="connsiteX11" fmla="*/ 728189 w 1216820"/>
                <a:gd name="connsiteY11" fmla="*/ 215223 h 1577513"/>
                <a:gd name="connsiteX12" fmla="*/ 839487 w 1216820"/>
                <a:gd name="connsiteY12" fmla="*/ 147937 h 1577513"/>
                <a:gd name="connsiteX13" fmla="*/ 1049764 w 1216820"/>
                <a:gd name="connsiteY13" fmla="*/ 23074 h 1577513"/>
                <a:gd name="connsiteX14" fmla="*/ 1216820 w 1216820"/>
                <a:gd name="connsiteY14"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62955 w 1216820"/>
                <a:gd name="connsiteY7" fmla="*/ 568631 h 1577513"/>
                <a:gd name="connsiteX8" fmla="*/ 427159 w 1216820"/>
                <a:gd name="connsiteY8" fmla="*/ 434857 h 1577513"/>
                <a:gd name="connsiteX9" fmla="*/ 588763 w 1216820"/>
                <a:gd name="connsiteY9" fmla="*/ 311750 h 1577513"/>
                <a:gd name="connsiteX10" fmla="*/ 669576 w 1216820"/>
                <a:gd name="connsiteY10" fmla="*/ 284325 h 1577513"/>
                <a:gd name="connsiteX11" fmla="*/ 728189 w 1216820"/>
                <a:gd name="connsiteY11" fmla="*/ 215223 h 1577513"/>
                <a:gd name="connsiteX12" fmla="*/ 839487 w 1216820"/>
                <a:gd name="connsiteY12" fmla="*/ 147937 h 1577513"/>
                <a:gd name="connsiteX13" fmla="*/ 1049764 w 1216820"/>
                <a:gd name="connsiteY13" fmla="*/ 23074 h 1577513"/>
                <a:gd name="connsiteX14" fmla="*/ 1216820 w 1216820"/>
                <a:gd name="connsiteY14"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48490 w 1216820"/>
                <a:gd name="connsiteY6" fmla="*/ 663697 h 1577513"/>
                <a:gd name="connsiteX7" fmla="*/ 362955 w 1216820"/>
                <a:gd name="connsiteY7" fmla="*/ 568631 h 1577513"/>
                <a:gd name="connsiteX8" fmla="*/ 379623 w 1216820"/>
                <a:gd name="connsiteY8" fmla="*/ 504802 h 1577513"/>
                <a:gd name="connsiteX9" fmla="*/ 427159 w 1216820"/>
                <a:gd name="connsiteY9" fmla="*/ 434857 h 1577513"/>
                <a:gd name="connsiteX10" fmla="*/ 588763 w 1216820"/>
                <a:gd name="connsiteY10" fmla="*/ 311750 h 1577513"/>
                <a:gd name="connsiteX11" fmla="*/ 669576 w 1216820"/>
                <a:gd name="connsiteY11" fmla="*/ 284325 h 1577513"/>
                <a:gd name="connsiteX12" fmla="*/ 728189 w 1216820"/>
                <a:gd name="connsiteY12" fmla="*/ 215223 h 1577513"/>
                <a:gd name="connsiteX13" fmla="*/ 839487 w 1216820"/>
                <a:gd name="connsiteY13" fmla="*/ 147937 h 1577513"/>
                <a:gd name="connsiteX14" fmla="*/ 1049764 w 1216820"/>
                <a:gd name="connsiteY14" fmla="*/ 23074 h 1577513"/>
                <a:gd name="connsiteX15" fmla="*/ 1216820 w 1216820"/>
                <a:gd name="connsiteY15"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80666 w 1216820"/>
                <a:gd name="connsiteY6" fmla="*/ 671741 h 1577513"/>
                <a:gd name="connsiteX7" fmla="*/ 362955 w 1216820"/>
                <a:gd name="connsiteY7" fmla="*/ 568631 h 1577513"/>
                <a:gd name="connsiteX8" fmla="*/ 379623 w 1216820"/>
                <a:gd name="connsiteY8" fmla="*/ 504802 h 1577513"/>
                <a:gd name="connsiteX9" fmla="*/ 427159 w 1216820"/>
                <a:gd name="connsiteY9" fmla="*/ 434857 h 1577513"/>
                <a:gd name="connsiteX10" fmla="*/ 588763 w 1216820"/>
                <a:gd name="connsiteY10" fmla="*/ 311750 h 1577513"/>
                <a:gd name="connsiteX11" fmla="*/ 669576 w 1216820"/>
                <a:gd name="connsiteY11" fmla="*/ 284325 h 1577513"/>
                <a:gd name="connsiteX12" fmla="*/ 728189 w 1216820"/>
                <a:gd name="connsiteY12" fmla="*/ 215223 h 1577513"/>
                <a:gd name="connsiteX13" fmla="*/ 839487 w 1216820"/>
                <a:gd name="connsiteY13" fmla="*/ 147937 h 1577513"/>
                <a:gd name="connsiteX14" fmla="*/ 1049764 w 1216820"/>
                <a:gd name="connsiteY14" fmla="*/ 23074 h 1577513"/>
                <a:gd name="connsiteX15" fmla="*/ 1216820 w 1216820"/>
                <a:gd name="connsiteY15"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199976 w 1216820"/>
                <a:gd name="connsiteY6" fmla="*/ 759524 h 1577513"/>
                <a:gd name="connsiteX7" fmla="*/ 280666 w 1216820"/>
                <a:gd name="connsiteY7" fmla="*/ 671741 h 1577513"/>
                <a:gd name="connsiteX8" fmla="*/ 362955 w 1216820"/>
                <a:gd name="connsiteY8" fmla="*/ 568631 h 1577513"/>
                <a:gd name="connsiteX9" fmla="*/ 379623 w 1216820"/>
                <a:gd name="connsiteY9" fmla="*/ 504802 h 1577513"/>
                <a:gd name="connsiteX10" fmla="*/ 427159 w 1216820"/>
                <a:gd name="connsiteY10" fmla="*/ 434857 h 1577513"/>
                <a:gd name="connsiteX11" fmla="*/ 588763 w 1216820"/>
                <a:gd name="connsiteY11" fmla="*/ 311750 h 1577513"/>
                <a:gd name="connsiteX12" fmla="*/ 669576 w 1216820"/>
                <a:gd name="connsiteY12" fmla="*/ 284325 h 1577513"/>
                <a:gd name="connsiteX13" fmla="*/ 728189 w 1216820"/>
                <a:gd name="connsiteY13" fmla="*/ 215223 h 1577513"/>
                <a:gd name="connsiteX14" fmla="*/ 839487 w 1216820"/>
                <a:gd name="connsiteY14" fmla="*/ 147937 h 1577513"/>
                <a:gd name="connsiteX15" fmla="*/ 1049764 w 1216820"/>
                <a:gd name="connsiteY15" fmla="*/ 23074 h 1577513"/>
                <a:gd name="connsiteX16" fmla="*/ 1216820 w 1216820"/>
                <a:gd name="connsiteY16" fmla="*/ 3399 h 1577513"/>
                <a:gd name="connsiteX0" fmla="*/ 61845 w 1216820"/>
                <a:gd name="connsiteY0" fmla="*/ 1577513 h 1577513"/>
                <a:gd name="connsiteX1" fmla="*/ 237 w 1216820"/>
                <a:gd name="connsiteY1" fmla="*/ 1437794 h 1577513"/>
                <a:gd name="connsiteX2" fmla="*/ 42388 w 1216820"/>
                <a:gd name="connsiteY2" fmla="*/ 1219373 h 1577513"/>
                <a:gd name="connsiteX3" fmla="*/ 86619 w 1216820"/>
                <a:gd name="connsiteY3" fmla="*/ 1163019 h 1577513"/>
                <a:gd name="connsiteX4" fmla="*/ 112116 w 1216820"/>
                <a:gd name="connsiteY4" fmla="*/ 973441 h 1577513"/>
                <a:gd name="connsiteX5" fmla="*/ 206442 w 1216820"/>
                <a:gd name="connsiteY5" fmla="*/ 842532 h 1577513"/>
                <a:gd name="connsiteX6" fmla="*/ 213383 w 1216820"/>
                <a:gd name="connsiteY6" fmla="*/ 759524 h 1577513"/>
                <a:gd name="connsiteX7" fmla="*/ 280666 w 1216820"/>
                <a:gd name="connsiteY7" fmla="*/ 671741 h 1577513"/>
                <a:gd name="connsiteX8" fmla="*/ 362955 w 1216820"/>
                <a:gd name="connsiteY8" fmla="*/ 568631 h 1577513"/>
                <a:gd name="connsiteX9" fmla="*/ 379623 w 1216820"/>
                <a:gd name="connsiteY9" fmla="*/ 504802 h 1577513"/>
                <a:gd name="connsiteX10" fmla="*/ 427159 w 1216820"/>
                <a:gd name="connsiteY10" fmla="*/ 434857 h 1577513"/>
                <a:gd name="connsiteX11" fmla="*/ 588763 w 1216820"/>
                <a:gd name="connsiteY11" fmla="*/ 311750 h 1577513"/>
                <a:gd name="connsiteX12" fmla="*/ 669576 w 1216820"/>
                <a:gd name="connsiteY12" fmla="*/ 284325 h 1577513"/>
                <a:gd name="connsiteX13" fmla="*/ 728189 w 1216820"/>
                <a:gd name="connsiteY13" fmla="*/ 215223 h 1577513"/>
                <a:gd name="connsiteX14" fmla="*/ 839487 w 1216820"/>
                <a:gd name="connsiteY14" fmla="*/ 147937 h 1577513"/>
                <a:gd name="connsiteX15" fmla="*/ 1049764 w 1216820"/>
                <a:gd name="connsiteY15" fmla="*/ 23074 h 1577513"/>
                <a:gd name="connsiteX16" fmla="*/ 1216820 w 1216820"/>
                <a:gd name="connsiteY16" fmla="*/ 3399 h 15775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16820" h="1577513">
                  <a:moveTo>
                    <a:pt x="61845" y="1577513"/>
                  </a:moveTo>
                  <a:cubicBezTo>
                    <a:pt x="-1409" y="1551540"/>
                    <a:pt x="3480" y="1497484"/>
                    <a:pt x="237" y="1437794"/>
                  </a:cubicBezTo>
                  <a:cubicBezTo>
                    <a:pt x="-3006" y="1378104"/>
                    <a:pt x="27991" y="1265169"/>
                    <a:pt x="42388" y="1219373"/>
                  </a:cubicBezTo>
                  <a:cubicBezTo>
                    <a:pt x="56785" y="1173577"/>
                    <a:pt x="74998" y="1204008"/>
                    <a:pt x="86619" y="1163019"/>
                  </a:cubicBezTo>
                  <a:cubicBezTo>
                    <a:pt x="98240" y="1122030"/>
                    <a:pt x="92146" y="1026855"/>
                    <a:pt x="112116" y="973441"/>
                  </a:cubicBezTo>
                  <a:cubicBezTo>
                    <a:pt x="132086" y="920027"/>
                    <a:pt x="189564" y="878185"/>
                    <a:pt x="206442" y="842532"/>
                  </a:cubicBezTo>
                  <a:cubicBezTo>
                    <a:pt x="223320" y="806879"/>
                    <a:pt x="201012" y="787989"/>
                    <a:pt x="213383" y="759524"/>
                  </a:cubicBezTo>
                  <a:cubicBezTo>
                    <a:pt x="225754" y="731059"/>
                    <a:pt x="255737" y="703556"/>
                    <a:pt x="280666" y="671741"/>
                  </a:cubicBezTo>
                  <a:cubicBezTo>
                    <a:pt x="305595" y="639926"/>
                    <a:pt x="346462" y="596454"/>
                    <a:pt x="362955" y="568631"/>
                  </a:cubicBezTo>
                  <a:cubicBezTo>
                    <a:pt x="379448" y="540808"/>
                    <a:pt x="368922" y="527098"/>
                    <a:pt x="379623" y="504802"/>
                  </a:cubicBezTo>
                  <a:cubicBezTo>
                    <a:pt x="390324" y="482506"/>
                    <a:pt x="392302" y="467032"/>
                    <a:pt x="427159" y="434857"/>
                  </a:cubicBezTo>
                  <a:cubicBezTo>
                    <a:pt x="462016" y="402682"/>
                    <a:pt x="551488" y="336839"/>
                    <a:pt x="588763" y="311750"/>
                  </a:cubicBezTo>
                  <a:cubicBezTo>
                    <a:pt x="626038" y="286661"/>
                    <a:pt x="646338" y="300413"/>
                    <a:pt x="669576" y="284325"/>
                  </a:cubicBezTo>
                  <a:cubicBezTo>
                    <a:pt x="692814" y="268237"/>
                    <a:pt x="699871" y="237954"/>
                    <a:pt x="728189" y="215223"/>
                  </a:cubicBezTo>
                  <a:cubicBezTo>
                    <a:pt x="756507" y="192492"/>
                    <a:pt x="785891" y="179962"/>
                    <a:pt x="839487" y="147937"/>
                  </a:cubicBezTo>
                  <a:cubicBezTo>
                    <a:pt x="893083" y="115912"/>
                    <a:pt x="1019284" y="47022"/>
                    <a:pt x="1049764" y="23074"/>
                  </a:cubicBezTo>
                  <a:cubicBezTo>
                    <a:pt x="1080244" y="-875"/>
                    <a:pt x="1210832" y="-3677"/>
                    <a:pt x="1216820" y="3399"/>
                  </a:cubicBezTo>
                </a:path>
              </a:pathLst>
            </a:custGeom>
            <a:noFill/>
            <a:ln w="22225" cap="rnd">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0" name="Kombinationstegning: figur 19">
              <a:extLst>
                <a:ext uri="{FF2B5EF4-FFF2-40B4-BE49-F238E27FC236}">
                  <a16:creationId xmlns:a16="http://schemas.microsoft.com/office/drawing/2014/main" id="{FDEBEA5F-F30D-4B2C-91A6-D9908FCAA488}"/>
                </a:ext>
              </a:extLst>
            </p:cNvPr>
            <p:cNvSpPr/>
            <p:nvPr/>
          </p:nvSpPr>
          <p:spPr>
            <a:xfrm flipH="1">
              <a:off x="6988215" y="4236662"/>
              <a:ext cx="152543" cy="907493"/>
            </a:xfrm>
            <a:custGeom>
              <a:avLst/>
              <a:gdLst>
                <a:gd name="connsiteX0" fmla="*/ 149973 w 188073"/>
                <a:gd name="connsiteY0" fmla="*/ 0 h 1093470"/>
                <a:gd name="connsiteX1" fmla="*/ 58533 w 188073"/>
                <a:gd name="connsiteY1" fmla="*/ 76200 h 1093470"/>
                <a:gd name="connsiteX2" fmla="*/ 1383 w 188073"/>
                <a:gd name="connsiteY2" fmla="*/ 438150 h 1093470"/>
                <a:gd name="connsiteX3" fmla="*/ 115683 w 188073"/>
                <a:gd name="connsiteY3" fmla="*/ 685800 h 1093470"/>
                <a:gd name="connsiteX4" fmla="*/ 43293 w 188073"/>
                <a:gd name="connsiteY4" fmla="*/ 929640 h 1093470"/>
                <a:gd name="connsiteX5" fmla="*/ 188073 w 188073"/>
                <a:gd name="connsiteY5" fmla="*/ 1093470 h 1093470"/>
                <a:gd name="connsiteX6" fmla="*/ 188073 w 188073"/>
                <a:gd name="connsiteY6" fmla="*/ 1093470 h 1093470"/>
                <a:gd name="connsiteX0" fmla="*/ 150956 w 189056"/>
                <a:gd name="connsiteY0" fmla="*/ 0 h 1093470"/>
                <a:gd name="connsiteX1" fmla="*/ 48086 w 189056"/>
                <a:gd name="connsiteY1" fmla="*/ 106680 h 1093470"/>
                <a:gd name="connsiteX2" fmla="*/ 2366 w 189056"/>
                <a:gd name="connsiteY2" fmla="*/ 438150 h 1093470"/>
                <a:gd name="connsiteX3" fmla="*/ 116666 w 189056"/>
                <a:gd name="connsiteY3" fmla="*/ 685800 h 1093470"/>
                <a:gd name="connsiteX4" fmla="*/ 44276 w 189056"/>
                <a:gd name="connsiteY4" fmla="*/ 929640 h 1093470"/>
                <a:gd name="connsiteX5" fmla="*/ 189056 w 189056"/>
                <a:gd name="connsiteY5" fmla="*/ 1093470 h 1093470"/>
                <a:gd name="connsiteX6" fmla="*/ 189056 w 189056"/>
                <a:gd name="connsiteY6" fmla="*/ 1093470 h 109347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44379 w 189159"/>
                <a:gd name="connsiteY4" fmla="*/ 95250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82479 w 189159"/>
                <a:gd name="connsiteY4" fmla="*/ 922020 h 1116330"/>
                <a:gd name="connsiteX5" fmla="*/ 189159 w 189159"/>
                <a:gd name="connsiteY5" fmla="*/ 1116330 h 1116330"/>
                <a:gd name="connsiteX6" fmla="*/ 189159 w 189159"/>
                <a:gd name="connsiteY6" fmla="*/ 1116330 h 1116330"/>
                <a:gd name="connsiteX0" fmla="*/ 162489 w 189159"/>
                <a:gd name="connsiteY0" fmla="*/ 0 h 1116330"/>
                <a:gd name="connsiteX1" fmla="*/ 48189 w 189159"/>
                <a:gd name="connsiteY1" fmla="*/ 129540 h 1116330"/>
                <a:gd name="connsiteX2" fmla="*/ 2469 w 189159"/>
                <a:gd name="connsiteY2" fmla="*/ 461010 h 1116330"/>
                <a:gd name="connsiteX3" fmla="*/ 116769 w 189159"/>
                <a:gd name="connsiteY3" fmla="*/ 708660 h 1116330"/>
                <a:gd name="connsiteX4" fmla="*/ 67240 w 189159"/>
                <a:gd name="connsiteY4" fmla="*/ 796290 h 1116330"/>
                <a:gd name="connsiteX5" fmla="*/ 82479 w 189159"/>
                <a:gd name="connsiteY5" fmla="*/ 922020 h 1116330"/>
                <a:gd name="connsiteX6" fmla="*/ 189159 w 189159"/>
                <a:gd name="connsiteY6" fmla="*/ 1116330 h 1116330"/>
                <a:gd name="connsiteX7" fmla="*/ 189159 w 189159"/>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66839 w 188758"/>
                <a:gd name="connsiteY4" fmla="*/ 796290 h 1116330"/>
                <a:gd name="connsiteX5" fmla="*/ 82078 w 188758"/>
                <a:gd name="connsiteY5" fmla="*/ 922020 h 1116330"/>
                <a:gd name="connsiteX6" fmla="*/ 188758 w 188758"/>
                <a:gd name="connsiteY6" fmla="*/ 1116330 h 1116330"/>
                <a:gd name="connsiteX7" fmla="*/ 188758 w 188758"/>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59219 w 188758"/>
                <a:gd name="connsiteY4" fmla="*/ 792480 h 1116330"/>
                <a:gd name="connsiteX5" fmla="*/ 82078 w 188758"/>
                <a:gd name="connsiteY5" fmla="*/ 922020 h 1116330"/>
                <a:gd name="connsiteX6" fmla="*/ 188758 w 188758"/>
                <a:gd name="connsiteY6" fmla="*/ 1116330 h 1116330"/>
                <a:gd name="connsiteX7" fmla="*/ 188758 w 188758"/>
                <a:gd name="connsiteY7"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82078 w 188758"/>
                <a:gd name="connsiteY4" fmla="*/ 922020 h 1116330"/>
                <a:gd name="connsiteX5" fmla="*/ 188758 w 188758"/>
                <a:gd name="connsiteY5" fmla="*/ 1116330 h 1116330"/>
                <a:gd name="connsiteX6" fmla="*/ 188758 w 188758"/>
                <a:gd name="connsiteY6"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188758 w 188758"/>
                <a:gd name="connsiteY4" fmla="*/ 1116330 h 1116330"/>
                <a:gd name="connsiteX5" fmla="*/ 188758 w 188758"/>
                <a:gd name="connsiteY5" fmla="*/ 1116330 h 1116330"/>
                <a:gd name="connsiteX0" fmla="*/ 162088 w 188758"/>
                <a:gd name="connsiteY0" fmla="*/ 0 h 1116330"/>
                <a:gd name="connsiteX1" fmla="*/ 47788 w 188758"/>
                <a:gd name="connsiteY1" fmla="*/ 129540 h 1116330"/>
                <a:gd name="connsiteX2" fmla="*/ 2068 w 188758"/>
                <a:gd name="connsiteY2" fmla="*/ 461010 h 1116330"/>
                <a:gd name="connsiteX3" fmla="*/ 108748 w 188758"/>
                <a:gd name="connsiteY3" fmla="*/ 678180 h 1116330"/>
                <a:gd name="connsiteX4" fmla="*/ 188758 w 188758"/>
                <a:gd name="connsiteY4" fmla="*/ 1116330 h 1116330"/>
                <a:gd name="connsiteX0" fmla="*/ 162088 w 162088"/>
                <a:gd name="connsiteY0" fmla="*/ 0 h 678180"/>
                <a:gd name="connsiteX1" fmla="*/ 47788 w 162088"/>
                <a:gd name="connsiteY1" fmla="*/ 129540 h 678180"/>
                <a:gd name="connsiteX2" fmla="*/ 2068 w 162088"/>
                <a:gd name="connsiteY2" fmla="*/ 461010 h 678180"/>
                <a:gd name="connsiteX3" fmla="*/ 108748 w 162088"/>
                <a:gd name="connsiteY3" fmla="*/ 678180 h 678180"/>
                <a:gd name="connsiteX0" fmla="*/ 73049 w 108192"/>
                <a:gd name="connsiteY0" fmla="*/ 0 h 772024"/>
                <a:gd name="connsiteX1" fmla="*/ 47232 w 108192"/>
                <a:gd name="connsiteY1" fmla="*/ 223384 h 772024"/>
                <a:gd name="connsiteX2" fmla="*/ 1512 w 108192"/>
                <a:gd name="connsiteY2" fmla="*/ 554854 h 772024"/>
                <a:gd name="connsiteX3" fmla="*/ 108192 w 108192"/>
                <a:gd name="connsiteY3" fmla="*/ 772024 h 772024"/>
                <a:gd name="connsiteX0" fmla="*/ 79758 w 114901"/>
                <a:gd name="connsiteY0" fmla="*/ 0 h 772024"/>
                <a:gd name="connsiteX1" fmla="*/ 8359 w 114901"/>
                <a:gd name="connsiteY1" fmla="*/ 209978 h 772024"/>
                <a:gd name="connsiteX2" fmla="*/ 8221 w 114901"/>
                <a:gd name="connsiteY2" fmla="*/ 554854 h 772024"/>
                <a:gd name="connsiteX3" fmla="*/ 114901 w 114901"/>
                <a:gd name="connsiteY3" fmla="*/ 772024 h 772024"/>
                <a:gd name="connsiteX0" fmla="*/ 71925 w 107068"/>
                <a:gd name="connsiteY0" fmla="*/ 0 h 772024"/>
                <a:gd name="connsiteX1" fmla="*/ 526 w 107068"/>
                <a:gd name="connsiteY1" fmla="*/ 209978 h 772024"/>
                <a:gd name="connsiteX2" fmla="*/ 40608 w 107068"/>
                <a:gd name="connsiteY2" fmla="*/ 541448 h 772024"/>
                <a:gd name="connsiteX3" fmla="*/ 107068 w 107068"/>
                <a:gd name="connsiteY3" fmla="*/ 772024 h 772024"/>
                <a:gd name="connsiteX0" fmla="*/ 71925 w 107068"/>
                <a:gd name="connsiteY0" fmla="*/ 0 h 772024"/>
                <a:gd name="connsiteX1" fmla="*/ 526 w 107068"/>
                <a:gd name="connsiteY1" fmla="*/ 209978 h 772024"/>
                <a:gd name="connsiteX2" fmla="*/ 40608 w 107068"/>
                <a:gd name="connsiteY2" fmla="*/ 541448 h 772024"/>
                <a:gd name="connsiteX3" fmla="*/ 107068 w 107068"/>
                <a:gd name="connsiteY3" fmla="*/ 772024 h 772024"/>
                <a:gd name="connsiteX0" fmla="*/ 71925 w 107068"/>
                <a:gd name="connsiteY0" fmla="*/ 0 h 772024"/>
                <a:gd name="connsiteX1" fmla="*/ 526 w 107068"/>
                <a:gd name="connsiteY1" fmla="*/ 209978 h 772024"/>
                <a:gd name="connsiteX2" fmla="*/ 40608 w 107068"/>
                <a:gd name="connsiteY2" fmla="*/ 541448 h 772024"/>
                <a:gd name="connsiteX3" fmla="*/ 107068 w 107068"/>
                <a:gd name="connsiteY3" fmla="*/ 772024 h 772024"/>
                <a:gd name="connsiteX0" fmla="*/ 71925 w 117793"/>
                <a:gd name="connsiteY0" fmla="*/ 0 h 753255"/>
                <a:gd name="connsiteX1" fmla="*/ 526 w 117793"/>
                <a:gd name="connsiteY1" fmla="*/ 209978 h 753255"/>
                <a:gd name="connsiteX2" fmla="*/ 40608 w 117793"/>
                <a:gd name="connsiteY2" fmla="*/ 541448 h 753255"/>
                <a:gd name="connsiteX3" fmla="*/ 117793 w 117793"/>
                <a:gd name="connsiteY3" fmla="*/ 753255 h 753255"/>
                <a:gd name="connsiteX0" fmla="*/ 71925 w 117793"/>
                <a:gd name="connsiteY0" fmla="*/ 0 h 753255"/>
                <a:gd name="connsiteX1" fmla="*/ 526 w 117793"/>
                <a:gd name="connsiteY1" fmla="*/ 209978 h 753255"/>
                <a:gd name="connsiteX2" fmla="*/ 40608 w 117793"/>
                <a:gd name="connsiteY2" fmla="*/ 541448 h 753255"/>
                <a:gd name="connsiteX3" fmla="*/ 117793 w 117793"/>
                <a:gd name="connsiteY3" fmla="*/ 753255 h 753255"/>
                <a:gd name="connsiteX0" fmla="*/ 71495 w 117363"/>
                <a:gd name="connsiteY0" fmla="*/ 0 h 753255"/>
                <a:gd name="connsiteX1" fmla="*/ 96 w 117363"/>
                <a:gd name="connsiteY1" fmla="*/ 209978 h 753255"/>
                <a:gd name="connsiteX2" fmla="*/ 56265 w 117363"/>
                <a:gd name="connsiteY2" fmla="*/ 595073 h 753255"/>
                <a:gd name="connsiteX3" fmla="*/ 117363 w 117363"/>
                <a:gd name="connsiteY3" fmla="*/ 753255 h 753255"/>
                <a:gd name="connsiteX0" fmla="*/ 77263 w 123131"/>
                <a:gd name="connsiteY0" fmla="*/ 0 h 753255"/>
                <a:gd name="connsiteX1" fmla="*/ 5864 w 123131"/>
                <a:gd name="connsiteY1" fmla="*/ 209978 h 753255"/>
                <a:gd name="connsiteX2" fmla="*/ 10569 w 123131"/>
                <a:gd name="connsiteY2" fmla="*/ 403491 h 753255"/>
                <a:gd name="connsiteX3" fmla="*/ 62033 w 123131"/>
                <a:gd name="connsiteY3" fmla="*/ 595073 h 753255"/>
                <a:gd name="connsiteX4" fmla="*/ 123131 w 123131"/>
                <a:gd name="connsiteY4" fmla="*/ 753255 h 753255"/>
                <a:gd name="connsiteX0" fmla="*/ 74294 w 120162"/>
                <a:gd name="connsiteY0" fmla="*/ 0 h 753255"/>
                <a:gd name="connsiteX1" fmla="*/ 2895 w 120162"/>
                <a:gd name="connsiteY1" fmla="*/ 209978 h 753255"/>
                <a:gd name="connsiteX2" fmla="*/ 18325 w 120162"/>
                <a:gd name="connsiteY2" fmla="*/ 395447 h 753255"/>
                <a:gd name="connsiteX3" fmla="*/ 59064 w 120162"/>
                <a:gd name="connsiteY3" fmla="*/ 595073 h 753255"/>
                <a:gd name="connsiteX4" fmla="*/ 120162 w 120162"/>
                <a:gd name="connsiteY4" fmla="*/ 753255 h 753255"/>
                <a:gd name="connsiteX0" fmla="*/ 117287 w 122936"/>
                <a:gd name="connsiteY0" fmla="*/ 0 h 729123"/>
                <a:gd name="connsiteX1" fmla="*/ 5669 w 122936"/>
                <a:gd name="connsiteY1" fmla="*/ 185846 h 729123"/>
                <a:gd name="connsiteX2" fmla="*/ 21099 w 122936"/>
                <a:gd name="connsiteY2" fmla="*/ 371315 h 729123"/>
                <a:gd name="connsiteX3" fmla="*/ 61838 w 122936"/>
                <a:gd name="connsiteY3" fmla="*/ 570941 h 729123"/>
                <a:gd name="connsiteX4" fmla="*/ 122936 w 122936"/>
                <a:gd name="connsiteY4" fmla="*/ 729123 h 729123"/>
                <a:gd name="connsiteX0" fmla="*/ 117287 w 122936"/>
                <a:gd name="connsiteY0" fmla="*/ 0 h 729123"/>
                <a:gd name="connsiteX1" fmla="*/ 5669 w 122936"/>
                <a:gd name="connsiteY1" fmla="*/ 185846 h 729123"/>
                <a:gd name="connsiteX2" fmla="*/ 21099 w 122936"/>
                <a:gd name="connsiteY2" fmla="*/ 371315 h 729123"/>
                <a:gd name="connsiteX3" fmla="*/ 61838 w 122936"/>
                <a:gd name="connsiteY3" fmla="*/ 570941 h 729123"/>
                <a:gd name="connsiteX4" fmla="*/ 122936 w 122936"/>
                <a:gd name="connsiteY4" fmla="*/ 729123 h 729123"/>
                <a:gd name="connsiteX0" fmla="*/ 111548 w 122559"/>
                <a:gd name="connsiteY0" fmla="*/ 0 h 729123"/>
                <a:gd name="connsiteX1" fmla="*/ 5292 w 122559"/>
                <a:gd name="connsiteY1" fmla="*/ 185846 h 729123"/>
                <a:gd name="connsiteX2" fmla="*/ 20722 w 122559"/>
                <a:gd name="connsiteY2" fmla="*/ 371315 h 729123"/>
                <a:gd name="connsiteX3" fmla="*/ 61461 w 122559"/>
                <a:gd name="connsiteY3" fmla="*/ 570941 h 729123"/>
                <a:gd name="connsiteX4" fmla="*/ 122559 w 122559"/>
                <a:gd name="connsiteY4" fmla="*/ 729123 h 7291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559" h="729123">
                  <a:moveTo>
                    <a:pt x="111548" y="0"/>
                  </a:moveTo>
                  <a:cubicBezTo>
                    <a:pt x="35167" y="26281"/>
                    <a:pt x="20430" y="123960"/>
                    <a:pt x="5292" y="185846"/>
                  </a:cubicBezTo>
                  <a:cubicBezTo>
                    <a:pt x="-9846" y="247732"/>
                    <a:pt x="11361" y="307133"/>
                    <a:pt x="20722" y="371315"/>
                  </a:cubicBezTo>
                  <a:cubicBezTo>
                    <a:pt x="30083" y="435497"/>
                    <a:pt x="45829" y="511307"/>
                    <a:pt x="61461" y="570941"/>
                  </a:cubicBezTo>
                  <a:cubicBezTo>
                    <a:pt x="71621" y="662381"/>
                    <a:pt x="53905" y="713747"/>
                    <a:pt x="122559" y="729123"/>
                  </a:cubicBezTo>
                </a:path>
              </a:pathLst>
            </a:cu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1" name="Kombinationstegning: figur 20">
              <a:extLst>
                <a:ext uri="{FF2B5EF4-FFF2-40B4-BE49-F238E27FC236}">
                  <a16:creationId xmlns:a16="http://schemas.microsoft.com/office/drawing/2014/main" id="{ECC77728-BDDE-4FE0-B35D-46B115A1E840}"/>
                </a:ext>
              </a:extLst>
            </p:cNvPr>
            <p:cNvSpPr/>
            <p:nvPr/>
          </p:nvSpPr>
          <p:spPr>
            <a:xfrm rot="18722462" flipH="1">
              <a:off x="5817899" y="3595306"/>
              <a:ext cx="93897" cy="279266"/>
            </a:xfrm>
            <a:custGeom>
              <a:avLst/>
              <a:gdLst>
                <a:gd name="connsiteX0" fmla="*/ 8082 w 129678"/>
                <a:gd name="connsiteY0" fmla="*/ 661481 h 661481"/>
                <a:gd name="connsiteX1" fmla="*/ 12946 w 129678"/>
                <a:gd name="connsiteY1" fmla="*/ 462064 h 661481"/>
                <a:gd name="connsiteX2" fmla="*/ 129678 w 129678"/>
                <a:gd name="connsiteY2" fmla="*/ 0 h 661481"/>
                <a:gd name="connsiteX0" fmla="*/ 8082 w 129678"/>
                <a:gd name="connsiteY0" fmla="*/ 637162 h 637162"/>
                <a:gd name="connsiteX1" fmla="*/ 12946 w 129678"/>
                <a:gd name="connsiteY1" fmla="*/ 437745 h 637162"/>
                <a:gd name="connsiteX2" fmla="*/ 129678 w 129678"/>
                <a:gd name="connsiteY2" fmla="*/ 0 h 637162"/>
                <a:gd name="connsiteX0" fmla="*/ 0 w 116732"/>
                <a:gd name="connsiteY0" fmla="*/ 437745 h 437745"/>
                <a:gd name="connsiteX1" fmla="*/ 116732 w 116732"/>
                <a:gd name="connsiteY1" fmla="*/ 0 h 437745"/>
                <a:gd name="connsiteX0" fmla="*/ 0 w 72728"/>
                <a:gd name="connsiteY0" fmla="*/ 431327 h 431327"/>
                <a:gd name="connsiteX1" fmla="*/ 72728 w 72728"/>
                <a:gd name="connsiteY1" fmla="*/ 0 h 431327"/>
                <a:gd name="connsiteX0" fmla="*/ 0 w 72728"/>
                <a:gd name="connsiteY0" fmla="*/ 431327 h 431327"/>
                <a:gd name="connsiteX1" fmla="*/ 72728 w 72728"/>
                <a:gd name="connsiteY1" fmla="*/ 0 h 431327"/>
                <a:gd name="connsiteX0" fmla="*/ 0 w 78121"/>
                <a:gd name="connsiteY0" fmla="*/ 409719 h 409719"/>
                <a:gd name="connsiteX1" fmla="*/ 78121 w 78121"/>
                <a:gd name="connsiteY1" fmla="*/ 0 h 409719"/>
                <a:gd name="connsiteX0" fmla="*/ 0 w 109496"/>
                <a:gd name="connsiteY0" fmla="*/ 420084 h 420084"/>
                <a:gd name="connsiteX1" fmla="*/ 109496 w 109496"/>
                <a:gd name="connsiteY1" fmla="*/ 0 h 420084"/>
                <a:gd name="connsiteX0" fmla="*/ 0 w 109496"/>
                <a:gd name="connsiteY0" fmla="*/ 420084 h 420084"/>
                <a:gd name="connsiteX1" fmla="*/ 109496 w 109496"/>
                <a:gd name="connsiteY1" fmla="*/ 0 h 420084"/>
                <a:gd name="connsiteX0" fmla="*/ 0 w 109496"/>
                <a:gd name="connsiteY0" fmla="*/ 420084 h 420084"/>
                <a:gd name="connsiteX1" fmla="*/ 109496 w 109496"/>
                <a:gd name="connsiteY1" fmla="*/ 0 h 420084"/>
                <a:gd name="connsiteX0" fmla="*/ 0 w 109496"/>
                <a:gd name="connsiteY0" fmla="*/ 420084 h 420084"/>
                <a:gd name="connsiteX1" fmla="*/ 109496 w 109496"/>
                <a:gd name="connsiteY1" fmla="*/ 0 h 420084"/>
                <a:gd name="connsiteX0" fmla="*/ 0 w 109496"/>
                <a:gd name="connsiteY0" fmla="*/ 420084 h 420084"/>
                <a:gd name="connsiteX1" fmla="*/ 109496 w 109496"/>
                <a:gd name="connsiteY1" fmla="*/ 0 h 420084"/>
                <a:gd name="connsiteX0" fmla="*/ 0 w 109496"/>
                <a:gd name="connsiteY0" fmla="*/ 420084 h 420084"/>
                <a:gd name="connsiteX1" fmla="*/ 109496 w 109496"/>
                <a:gd name="connsiteY1" fmla="*/ 0 h 420084"/>
                <a:gd name="connsiteX0" fmla="*/ 0 w 106330"/>
                <a:gd name="connsiteY0" fmla="*/ 421292 h 421292"/>
                <a:gd name="connsiteX1" fmla="*/ 106330 w 106330"/>
                <a:gd name="connsiteY1" fmla="*/ 0 h 421292"/>
                <a:gd name="connsiteX0" fmla="*/ 0 w 89258"/>
                <a:gd name="connsiteY0" fmla="*/ 307723 h 307723"/>
                <a:gd name="connsiteX1" fmla="*/ 89258 w 89258"/>
                <a:gd name="connsiteY1" fmla="*/ 0 h 307723"/>
                <a:gd name="connsiteX0" fmla="*/ 0 w 89258"/>
                <a:gd name="connsiteY0" fmla="*/ 307723 h 307723"/>
                <a:gd name="connsiteX1" fmla="*/ 89258 w 89258"/>
                <a:gd name="connsiteY1" fmla="*/ 0 h 307723"/>
                <a:gd name="connsiteX0" fmla="*/ 0 w 100415"/>
                <a:gd name="connsiteY0" fmla="*/ 328598 h 328598"/>
                <a:gd name="connsiteX1" fmla="*/ 100415 w 100415"/>
                <a:gd name="connsiteY1" fmla="*/ 0 h 328598"/>
                <a:gd name="connsiteX0" fmla="*/ 0 w 100415"/>
                <a:gd name="connsiteY0" fmla="*/ 328598 h 328598"/>
                <a:gd name="connsiteX1" fmla="*/ 100415 w 100415"/>
                <a:gd name="connsiteY1" fmla="*/ 0 h 328598"/>
                <a:gd name="connsiteX0" fmla="*/ 0 w 80371"/>
                <a:gd name="connsiteY0" fmla="*/ 368911 h 368910"/>
                <a:gd name="connsiteX1" fmla="*/ 80371 w 80371"/>
                <a:gd name="connsiteY1" fmla="*/ 0 h 368910"/>
                <a:gd name="connsiteX0" fmla="*/ 0 w 80371"/>
                <a:gd name="connsiteY0" fmla="*/ 368911 h 368911"/>
                <a:gd name="connsiteX1" fmla="*/ 80371 w 80371"/>
                <a:gd name="connsiteY1" fmla="*/ 0 h 368911"/>
                <a:gd name="connsiteX0" fmla="*/ 0 w 80371"/>
                <a:gd name="connsiteY0" fmla="*/ 368911 h 368911"/>
                <a:gd name="connsiteX1" fmla="*/ 80371 w 80371"/>
                <a:gd name="connsiteY1" fmla="*/ 0 h 368911"/>
                <a:gd name="connsiteX0" fmla="*/ 0 w 75441"/>
                <a:gd name="connsiteY0" fmla="*/ 376367 h 376366"/>
                <a:gd name="connsiteX1" fmla="*/ 75441 w 75441"/>
                <a:gd name="connsiteY1" fmla="*/ 0 h 376366"/>
              </a:gdLst>
              <a:ahLst/>
              <a:cxnLst>
                <a:cxn ang="0">
                  <a:pos x="connsiteX0" y="connsiteY0"/>
                </a:cxn>
                <a:cxn ang="0">
                  <a:pos x="connsiteX1" y="connsiteY1"/>
                </a:cxn>
              </a:cxnLst>
              <a:rect l="l" t="t" r="r" b="b"/>
              <a:pathLst>
                <a:path w="75441" h="376366">
                  <a:moveTo>
                    <a:pt x="0" y="376367"/>
                  </a:moveTo>
                  <a:cubicBezTo>
                    <a:pt x="8944" y="246820"/>
                    <a:pt x="30960" y="119261"/>
                    <a:pt x="75441" y="0"/>
                  </a:cubicBezTo>
                </a:path>
              </a:pathLst>
            </a:custGeom>
            <a:noFill/>
            <a:ln w="9525">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2" name="Rektangel 21">
              <a:extLst>
                <a:ext uri="{FF2B5EF4-FFF2-40B4-BE49-F238E27FC236}">
                  <a16:creationId xmlns:a16="http://schemas.microsoft.com/office/drawing/2014/main" id="{59287894-9A45-4439-9F02-B1EF400642A3}"/>
                </a:ext>
              </a:extLst>
            </p:cNvPr>
            <p:cNvSpPr/>
            <p:nvPr/>
          </p:nvSpPr>
          <p:spPr>
            <a:xfrm>
              <a:off x="5528386" y="3461433"/>
              <a:ext cx="566593" cy="496579"/>
            </a:xfrm>
            <a:prstGeom prst="rect">
              <a:avLst/>
            </a:prstGeom>
            <a:noFill/>
            <a:ln w="15875">
              <a:solidFill>
                <a:srgbClr val="00B050"/>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sp>
        <p:nvSpPr>
          <p:cNvPr id="23" name="Tekstfelt 22">
            <a:extLst>
              <a:ext uri="{FF2B5EF4-FFF2-40B4-BE49-F238E27FC236}">
                <a16:creationId xmlns:a16="http://schemas.microsoft.com/office/drawing/2014/main" id="{503E141E-4DF8-4858-9A97-B6A05BE7E8AB}"/>
              </a:ext>
            </a:extLst>
          </p:cNvPr>
          <p:cNvSpPr txBox="1"/>
          <p:nvPr/>
        </p:nvSpPr>
        <p:spPr>
          <a:xfrm>
            <a:off x="993269" y="2072042"/>
            <a:ext cx="2021990" cy="386226"/>
          </a:xfrm>
          <a:prstGeom prst="rect">
            <a:avLst/>
          </a:prstGeom>
          <a:noFill/>
        </p:spPr>
        <p:txBody>
          <a:bodyPr wrap="square" lIns="0" tIns="0" rIns="0" bIns="0" rtlCol="0">
            <a:noAutofit/>
          </a:bodyPr>
          <a:lstStyle/>
          <a:p>
            <a:pPr algn="ctr"/>
            <a:r>
              <a:rPr lang="da-DK" sz="2000" dirty="0" err="1"/>
              <a:t>Storkarsinfarkt</a:t>
            </a:r>
            <a:endParaRPr lang="da-DK" sz="2000" dirty="0"/>
          </a:p>
          <a:p>
            <a:pPr algn="ctr"/>
            <a:r>
              <a:rPr lang="da-DK" sz="1600" i="1" dirty="0"/>
              <a:t>(a. media </a:t>
            </a:r>
            <a:r>
              <a:rPr lang="da-DK" sz="1600" i="1" dirty="0" err="1"/>
              <a:t>cerebri</a:t>
            </a:r>
            <a:r>
              <a:rPr lang="da-DK" sz="1600" i="1" dirty="0"/>
              <a:t>)</a:t>
            </a:r>
          </a:p>
        </p:txBody>
      </p:sp>
      <p:sp>
        <p:nvSpPr>
          <p:cNvPr id="24" name="Tekstfelt 23">
            <a:extLst>
              <a:ext uri="{FF2B5EF4-FFF2-40B4-BE49-F238E27FC236}">
                <a16:creationId xmlns:a16="http://schemas.microsoft.com/office/drawing/2014/main" id="{603C1092-6243-44AD-A1C8-FA6843DDE356}"/>
              </a:ext>
            </a:extLst>
          </p:cNvPr>
          <p:cNvSpPr txBox="1"/>
          <p:nvPr/>
        </p:nvSpPr>
        <p:spPr>
          <a:xfrm>
            <a:off x="6673652" y="2072042"/>
            <a:ext cx="2021990" cy="386226"/>
          </a:xfrm>
          <a:prstGeom prst="rect">
            <a:avLst/>
          </a:prstGeom>
          <a:noFill/>
        </p:spPr>
        <p:txBody>
          <a:bodyPr wrap="square" lIns="0" tIns="0" rIns="0" bIns="0" rtlCol="0">
            <a:noAutofit/>
          </a:bodyPr>
          <a:lstStyle/>
          <a:p>
            <a:pPr algn="ctr"/>
            <a:r>
              <a:rPr lang="da-DK" sz="2000" dirty="0" err="1"/>
              <a:t>Småkarsinfarkt</a:t>
            </a:r>
            <a:endParaRPr lang="da-DK" sz="2000" dirty="0"/>
          </a:p>
        </p:txBody>
      </p:sp>
      <p:sp>
        <p:nvSpPr>
          <p:cNvPr id="26" name="Tekstfelt 25">
            <a:extLst>
              <a:ext uri="{FF2B5EF4-FFF2-40B4-BE49-F238E27FC236}">
                <a16:creationId xmlns:a16="http://schemas.microsoft.com/office/drawing/2014/main" id="{267330D3-7299-4F09-AC5D-4A0EC82672B3}"/>
              </a:ext>
            </a:extLst>
          </p:cNvPr>
          <p:cNvSpPr txBox="1"/>
          <p:nvPr/>
        </p:nvSpPr>
        <p:spPr>
          <a:xfrm>
            <a:off x="1020679" y="3166672"/>
            <a:ext cx="1374949" cy="2448272"/>
          </a:xfrm>
          <a:prstGeom prst="rect">
            <a:avLst/>
          </a:prstGeom>
          <a:noFill/>
        </p:spPr>
        <p:txBody>
          <a:bodyPr wrap="square" lIns="0" tIns="0" rIns="0" bIns="0" rtlCol="0">
            <a:noAutofit/>
          </a:bodyPr>
          <a:lstStyle/>
          <a:p>
            <a:r>
              <a:rPr lang="da-DK" dirty="0"/>
              <a:t>Mange og alvorlige symptomer</a:t>
            </a:r>
          </a:p>
          <a:p>
            <a:endParaRPr lang="da-DK" dirty="0"/>
          </a:p>
          <a:p>
            <a:r>
              <a:rPr lang="da-DK" dirty="0"/>
              <a:t>Betydelig funktions-begrænsning</a:t>
            </a:r>
          </a:p>
        </p:txBody>
      </p:sp>
      <p:sp>
        <p:nvSpPr>
          <p:cNvPr id="27" name="Tekstfelt 26">
            <a:extLst>
              <a:ext uri="{FF2B5EF4-FFF2-40B4-BE49-F238E27FC236}">
                <a16:creationId xmlns:a16="http://schemas.microsoft.com/office/drawing/2014/main" id="{0153CF46-3BFC-4B4E-BF3D-9C1BD956F6C5}"/>
              </a:ext>
            </a:extLst>
          </p:cNvPr>
          <p:cNvSpPr txBox="1"/>
          <p:nvPr/>
        </p:nvSpPr>
        <p:spPr>
          <a:xfrm>
            <a:off x="7329004" y="3166672"/>
            <a:ext cx="1374949" cy="2448272"/>
          </a:xfrm>
          <a:prstGeom prst="rect">
            <a:avLst/>
          </a:prstGeom>
          <a:noFill/>
        </p:spPr>
        <p:txBody>
          <a:bodyPr wrap="square" lIns="0" tIns="0" rIns="0" bIns="0" rtlCol="0">
            <a:noAutofit/>
          </a:bodyPr>
          <a:lstStyle/>
          <a:p>
            <a:pPr algn="r"/>
            <a:r>
              <a:rPr lang="da-DK" dirty="0"/>
              <a:t>Få og lette symptomer</a:t>
            </a:r>
          </a:p>
          <a:p>
            <a:pPr algn="r"/>
            <a:endParaRPr lang="da-DK" dirty="0"/>
          </a:p>
          <a:p>
            <a:pPr algn="r"/>
            <a:r>
              <a:rPr lang="da-DK" dirty="0"/>
              <a:t>Mindre eller ingen funktions-begrænsning</a:t>
            </a:r>
          </a:p>
        </p:txBody>
      </p:sp>
      <p:sp>
        <p:nvSpPr>
          <p:cNvPr id="29" name="Tekstfelt 28">
            <a:extLst>
              <a:ext uri="{FF2B5EF4-FFF2-40B4-BE49-F238E27FC236}">
                <a16:creationId xmlns:a16="http://schemas.microsoft.com/office/drawing/2014/main" id="{278B0D65-A5A1-4DE8-9BEA-55714F13835D}"/>
              </a:ext>
            </a:extLst>
          </p:cNvPr>
          <p:cNvSpPr txBox="1"/>
          <p:nvPr/>
        </p:nvSpPr>
        <p:spPr>
          <a:xfrm>
            <a:off x="7020272" y="5967232"/>
            <a:ext cx="2025632" cy="144000"/>
          </a:xfrm>
          <a:prstGeom prst="rect">
            <a:avLst/>
          </a:prstGeom>
          <a:noFill/>
        </p:spPr>
        <p:txBody>
          <a:bodyPr wrap="square" lIns="0" tIns="0" rIns="0" bIns="0" rtlCol="0">
            <a:noAutofit/>
          </a:bodyPr>
          <a:lstStyle/>
          <a:p>
            <a:r>
              <a:rPr lang="da-DK" sz="1100" dirty="0"/>
              <a:t>Illustration: Jacob Liljehult 2021</a:t>
            </a:r>
          </a:p>
        </p:txBody>
      </p:sp>
    </p:spTree>
    <p:extLst>
      <p:ext uri="{BB962C8B-B14F-4D97-AF65-F5344CB8AC3E}">
        <p14:creationId xmlns:p14="http://schemas.microsoft.com/office/powerpoint/2010/main" val="382303939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193039144106622"/>
</p:tagLst>
</file>

<file path=ppt/tags/tag2.xml><?xml version="1.0" encoding="utf-8"?>
<p:tagLst xmlns:a="http://schemas.openxmlformats.org/drawingml/2006/main" xmlns:r="http://schemas.openxmlformats.org/officeDocument/2006/relationships" xmlns:p="http://schemas.openxmlformats.org/presentationml/2006/main">
  <p:tag name="TEMPLAFYSLIDEID" val="636193039144106623"/>
</p:tagLst>
</file>

<file path=ppt/theme/theme1.xml><?xml version="1.0" encoding="utf-8"?>
<a:theme xmlns:a="http://schemas.openxmlformats.org/drawingml/2006/main" name="REGION H Hospital PowerPoint Skabelon_DKfinal">
  <a:themeElements>
    <a:clrScheme name="Region Hovedstaden Blue">
      <a:dk1>
        <a:srgbClr val="333333"/>
      </a:dk1>
      <a:lt1>
        <a:srgbClr val="FFFFFF"/>
      </a:lt1>
      <a:dk2>
        <a:srgbClr val="575757"/>
      </a:dk2>
      <a:lt2>
        <a:srgbClr val="CCEBFA"/>
      </a:lt2>
      <a:accent1>
        <a:srgbClr val="99D7F6"/>
      </a:accent1>
      <a:accent2>
        <a:srgbClr val="333333"/>
      </a:accent2>
      <a:accent3>
        <a:srgbClr val="4DB9EF"/>
      </a:accent3>
      <a:accent4>
        <a:srgbClr val="666666"/>
      </a:accent4>
      <a:accent5>
        <a:srgbClr val="19A5EA"/>
      </a:accent5>
      <a:accent6>
        <a:srgbClr val="999999"/>
      </a:accent6>
      <a:hlink>
        <a:srgbClr val="19A5EA"/>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FormConfiguration><![CDATA[{"formFields":[{"required":false,"placeholder":"Præsentationens titel/beskrivelse (venstre sidefod)","lines":0,"helpTexts":{"prefix":"","postfix":""},"spacing":{},"type":"textBox","name":"PresentationTitle","label":"Titel/beskrivelse","fullyQualifiedName":"PresentationTitle"},{"required":false,"placeholder":"","lines":0,"helpTexts":{"prefix":"Indsæt ønsket dato (fjerner brugernavnet)","postfix":""},"spacing":{},"type":"textBox","name":"Manuel_dato","label":"Dato","fullyQualifiedName":"Manuel_dato"}],"formDataEntries":[]}]]></TemplafyFormConfiguration>
</file>

<file path=customXml/item2.xml><?xml version="1.0" encoding="utf-8"?>
<TemplafySlideFormConfiguration><![CDATA[{"formFields":[],"formDataEntries":[]}]]></TemplafySlideFormConfiguration>
</file>

<file path=customXml/item3.xml><?xml version="1.0" encoding="utf-8"?>
<TemplafyTemplateConfiguration><![CDATA[{"elementsMetadata":[{"type":"shape","id":"3595da72-2351-4d39-909a-eb28adc77268","elementConfiguration":{"inheritDimensions":"inheritNone","width":"1.9 cm","height":"1.9 cm","disableUpdates":false,"type":"image"}},{"type":"shape","id":"bf15d427-57a1-4a7b-8f9d-b44caf360d4e","elementConfiguration":{"inheritDimensions":"inheritNone","width":"1.9 cm","height":"13.39 cm","binding":"UserProfile.Office.LogoColor_DCU","disableUpdates":false,"type":"image"}},{"type":"shape","id":"a36985ab-11cf-408a-8129-6434a0cf34b3","elementConfiguration":{"inheritDimensions":"inheritNone","width":"3.68 cm","height":"1.17 cm","binding":"UserProfile.EkstraLogo.ExtraLogoPPDCU_{{DocumentLanguage}}","disableUpdates":false,"type":"image"}},{"type":"shape","id":"4c1cbdea-6688-4548-9a46-400e5ff0e962","elementConfiguration":{"binding":"UserProfile.Office.Virksomhed_{{DocumentLanguage}}","disableUpdates":false,"type":"text"}},{"type":"shape","id":"be4ba294-04ae-45b8-b08e-6528851691ab","elementConfiguration":{"binding":"UserProfile.CenterFreeText","visibility":{"action":"hide","binding":"UserProfile.Centers.CenterUI","operator":"notEquals","compareValue":"Intet valgt"},"disableUpdates":false,"type":"text"}},{"type":"shape","id":"4e597ac1-5a96-44e4-8d0f-5bb459896192","elementConfiguration":{"binding":"UserProfile.Centers.Center_{{DocumentLanguage}}","visibility":{"action":"hide","binding":"UserProfile.Centers.CenterUI","operator":"equals","compareValue":"Intet valgt"},"disableUpdates":false,"type":"text"}},{"type":"shape","id":"82876dee-49d4-405b-b1d0-587e875b028a","elementConfiguration":{"binding":"Form.PresentationTitle","disableUpdates":false,"type":"text"}},{"type":"shape","id":"03e2da68-a83c-4b62-8d02-a105b1ad494e","elementConfiguration":{"inheritDimensions":"inheritNone","width":"2.42 cm","height":"2.5 cm","binding":"UserProfile.EkstraLogo.ExtraLogoFive_PP_DCU_{{DocumentLanguage}}","disableUpdates":false,"type":"image"}},{"type":"shape","id":"420ae765-e381-421e-b89c-254817fecca0","elementConfiguration":{"inheritDimensions":"inheritNone","width":"2.42 cm","height":"2.5 cm","binding":"UserProfile.EkstraLogo.ExtraLogoTwo_PP_DCU_{{DocumentLanguage}}","disableUpdates":false,"type":"image"}},{"type":"shape","id":"abded1ce-04e8-45bd-9d26-b702c7ade659","elementConfiguration":{"inheritDimensions":"inheritNone","width":"6.05 cm","height":"1.9 cm","binding":"UserProfile.EkstraLogo.ExtraLogoSix_PP_DCU_{{DocumentLanguage}}","disableUpdates":false,"type":"image"}},{"type":"shape","id":"be4d4e9e-b447-49fe-ab62-20e32587b998","elementConfiguration":{"binding":"UserProfile.Name","visibility":{"action":"hide","binding":"Form.Manuel_dato","operator":"notEquals","compareValue":""},"disableUpdates":false,"type":"text"}},{"type":"shape","id":"79e7d5ec-eee9-41da-b838-17cc6a13f8d1","elementConfiguration":{"binding":"Form.Manuel_dato","disableUpdates":false,"type":"text"}},{"type":"shape","id":"29acee79-9ad7-4389-8c88-2b6a815a6a7c","elementConfiguration":{"inheritDimensions":"inheritWidth","width":"1.91 cm","binding":"UserProfile.Office.LogoH_PP_DCU","disableUpdates":false,"type":"image"}},{"type":"shape","id":"deb61ada-c715-4423-b8b5-fe7f3f18d158","elementConfiguration":{"binding":"UserProfile.Office.Virksomhed_{{DocumentLanguage}}","disableUpdates":false,"type":"text"}},{"type":"shape","id":"8c4e5063-b993-4303-9b6f-1cb746d36850","elementConfiguration":{"binding":"UserProfile.CenterFreeText","visibility":{"action":"hide","binding":"UserProfile.Centers.CenterUI","operator":"notEquals","compareValue":"Intet valgt"},"disableUpdates":false,"type":"text"}},{"type":"shape","id":"015494a9-961d-445f-bfa9-ea6576bf2458","elementConfiguration":{"binding":"UserProfile.Centers.Center_{{DocumentLanguage}}","visibility":{"action":"hide","binding":"UserProfile.Centers.CenterUI","operator":"equals","compareValue":"Intet valgt"},"disableUpdates":false,"type":"text"}},{"type":"shape","id":"4d4e9349-287d-4472-a621-047df55df983","elementConfiguration":{"inheritDimensions":"inheritNone","width":"3.68 cm","height":"1.17 cm","binding":"UserProfile.EkstraLogo.ExtraLogoPPNEGDCU_{{DocumentLanguage}}","disableUpdates":false,"type":"image"}},{"type":"shape","id":"5ef9fa72-4d05-4dd4-8a18-832d108dab85","elementConfiguration":{"binding":"Form.PresentationTitle","disableUpdates":false,"type":"text"}},{"type":"shape","id":"bcd8d385-b436-4e98-a990-e9a9477520b0","elementConfiguration":{"inheritDimensions":"inheritNone","width":"1.9 cm","height":"1.9 cm","binding":"UserProfile.Office.LogoColor_DCU","disableUpdates":false,"type":"image"}},{"type":"shape","id":"e8b2cd1d-5cd5-4251-b17c-44f8638222cf","elementConfiguration":{"inheritDimensions":"inheritNone","width":"2.42 cm","height":"2.5 cm","binding":"UserProfile.EkstraLogo.ExtraLogoFive_PP_DCU_{{DocumentLanguage}}","disableUpdates":false,"type":"image"}},{"type":"shape","id":"acc1a65b-bd14-4a0f-84cb-dffd79a9ed42","elementConfiguration":{"inheritDimensions":"inheritNone","width":"2.42 cm","height":"2.5 cm","binding":"UserProfile.EkstraLogo.ExtraLogoTwo_PP_DCU_{{DocumentLanguage}}","disableUpdates":false,"type":"image"}},{"type":"shape","id":"641c5913-7db0-4018-86fb-43235a62042d","elementConfiguration":{"inheritDimensions":"inheritNone","width":"6.05 cm","height":"1.9 cm","binding":"UserProfile.EkstraLogo.ExtraLogoSix_PP_DCU_{{DocumentLanguage}}","disableUpdates":false,"type":"image"}},{"type":"shape","id":"3f65fa14-fedc-498e-9cc4-a6696c1fb722","elementConfiguration":{"binding":"UserProfile.Name","visibility":{"action":"hide","binding":"Form.Manuel_dato","operator":"notEquals","compareValue":""},"disableUpdates":false,"type":"text"}},{"type":"shape","id":"a6a77105-d1ab-446b-b947-c8c407bc10a7","elementConfiguration":{"binding":"Form.Manuel_dato","disableUpdates":false,"type":"text"}},{"type":"shape","id":"52e1681b-fc08-427e-92ee-a21e8da8db9b","elementConfiguration":{"inheritDimensions":"inheritWidth","width":"1.91 cm","binding":"UserProfile.Office.LogoH_PP_DCU","disableUpdates":false,"type":"image"}},{"type":"shape","id":"977be4b9-d977-4d6d-9fd0-2b6af072cdc2","elementConfiguration":{"binding":"UserProfile.Office.Virksomhed_{{DocumentLanguage}}","disableUpdates":false,"type":"text"}},{"type":"shape","id":"a3d6ca59-7a01-4a91-b557-ff80d91c3910","elementConfiguration":{"binding":"UserProfile.CenterFreeText","visibility":{"action":"hide","binding":"UserProfile.Centers.CenterUI","operator":"notEquals","compareValue":"Intet valgt"},"disableUpdates":false,"type":"text"}},{"type":"shape","id":"d091b5fa-a802-4e13-a222-e495c841ec3a","elementConfiguration":{"binding":"UserProfile.Centers.Center_{{DocumentLanguage}}","visibility":{"action":"hide","binding":"UserProfile.Centers.CenterUI","operator":"equals","compareValue":"Intet valgt"},"disableUpdates":false,"type":"text"}},{"type":"shape","id":"ae735d75-a001-4886-8915-0b9140d6e17a","elementConfiguration":{"inheritDimensions":"inheritNone","width":"3.68 cm","height":"1.17 cm","binding":"UserProfile.EkstraLogo.ExtraLogoPPNEGDCU_{{DocumentLanguage}}","disableUpdates":false,"type":"image"}},{"type":"shape","id":"d60d4162-4202-4df2-9086-a1340cbc7360","elementConfiguration":{"binding":"Form.PresentationTitle","disableUpdates":false,"type":"text"}},{"type":"shape","id":"177d40f8-d6dc-4f62-b89d-9af8d5ece077","elementConfiguration":{"inheritDimensions":"inheritNone","width":"1.9 cm","height":"1.9 cm","binding":"UserProfile.Office.LogoColor_DCU","disableUpdates":false,"type":"image"}},{"type":"shape","id":"d3b94fc3-0d57-45a6-88f9-9a58c06fe2e9","elementConfiguration":{"inheritDimensions":"inheritNone","width":"2.42 cm","height":"2.5 cm","binding":"UserProfile.EkstraLogo.ExtraLogoFive_PP_DCU_{{DocumentLanguage}}","disableUpdates":false,"type":"image"}},{"type":"shape","id":"ddcd58df-cdf2-4611-918e-770acc88a50b","elementConfiguration":{"inheritDimensions":"inheritNone","width":"2.42 cm","height":"2.5 cm","binding":"UserProfile.EkstraLogo.ExtraLogoTwo_PP_DCU_{{DocumentLanguage}}","disableUpdates":false,"type":"image"}},{"type":"shape","id":"5fce6935-8335-4164-b462-85bca6d54dc7","elementConfiguration":{"inheritDimensions":"inheritNone","width":"6.05 cm","height":"1.9 cm","binding":"UserProfile.EkstraLogo.ExtraLogoSix_PP_DCU_{{DocumentLanguage}}","disableUpdates":false,"type":"image"}},{"type":"shape","id":"7480662d-c1a4-425a-879b-030ac0333dd6","elementConfiguration":{"binding":"UserProfile.Name","visibility":{"action":"hide","binding":"Form.Manuel_dato","operator":"notEquals","compareValue":""},"disableUpdates":false,"type":"text"}},{"type":"shape","id":"3b493f56-b3a0-40e1-8655-ddda3055efe4","elementConfiguration":{"binding":"Form.Manuel_dato","disableUpdates":false,"type":"text"}},{"type":"shape","id":"c4d8d00c-97e7-4fae-9369-5c7824ba6046","elementConfiguration":{"inheritDimensions":"inheritWidth","width":"1.91 cm","binding":"UserProfile.Office.LogoH_PP_DCU","disableUpdates":false,"type":"image"}},{"type":"shape","id":"7785642b-90fe-486b-a538-b82efaa31ee2","elementConfiguration":{"binding":"UserProfile.Office.Virksomhed_{{DocumentLanguage}}","disableUpdates":false,"type":"text"}},{"type":"shape","id":"a66a1a57-1492-4bdf-aa52-7d711bb8dd42","elementConfiguration":{"binding":"UserProfile.CenterFreeText","visibility":{"action":"hide","binding":"UserProfile.Centers.CenterUI","operator":"notEquals","compareValue":"Intet valgt"},"disableUpdates":false,"type":"text"}},{"type":"shape","id":"99744cc3-1d8f-4743-a0eb-57498f0ea80e","elementConfiguration":{"binding":"UserProfile.Centers.Center_{{DocumentLanguage}}","visibility":{"action":"hide","binding":"UserProfile.Centers.CenterUI","operator":"equals","compareValue":"Intet valgt"},"disableUpdates":false,"type":"text"}},{"type":"shape","id":"740a0796-b307-4e3b-8c7a-a29e515af033","elementConfiguration":{"inheritDimensions":"inheritNone","width":"3.68 cm","height":"1.17 cm","binding":"UserProfile.EkstraLogo.ExtraLogoPPNEGDCU_{{DocumentLanguage}}","disableUpdates":false,"type":"image"}},{"type":"shape","id":"41a5677e-041b-4e06-86cc-89f83ae6ca1f","elementConfiguration":{"binding":"Form.PresentationTitle","disableUpdates":false,"type":"text"}},{"type":"shape","id":"0b7681d7-b68d-4aa7-b347-f4e73eb984f5","elementConfiguration":{"binding":"UserProfile.Name","visibility":{"action":"hide","binding":"Form.Manuel_dato","operator":"notEquals","compareValue":""},"disableUpdates":false,"type":"text"}},{"type":"shape","id":"3b4a3361-d468-4f27-b3e5-bcfebcf47c97","elementConfiguration":{"inheritDimensions":"inheritNone","width":"1.9 cm","height":"1.9 cm","binding":"UserProfile.Office.LogoColor_DCU","disableUpdates":false,"type":"image"}},{"type":"shape","id":"a98738b1-5a74-4a48-953f-4ec7968a9eeb","elementConfiguration":{"inheritDimensions":"inheritNone","width":"2.42 cm","height":"2.5 cm","binding":"UserProfile.EkstraLogo.ExtraLogoFive_PP_DCU_{{DocumentLanguage}}","disableUpdates":false,"type":"image"}},{"type":"shape","id":"89467ffd-2637-47b3-bc9e-aadc1934d2d3","elementConfiguration":{"inheritDimensions":"inheritNone","width":"2.42 cm","height":"2.5 cm","binding":"UserProfile.EkstraLogo.ExtraLogoTwo_PP_DCU_{{DocumentLanguage}}","disableUpdates":false,"type":"image"}},{"type":"shape","id":"d4d7f541-a672-4b0f-bc76-894af0cb7f3f","elementConfiguration":{"inheritDimensions":"inheritNone","width":"6.05 cm","height":"1.9 cm","binding":"UserProfile.EkstraLogo.ExtraLogoSix_PP_DCU_{{DocumentLanguage}}","disableUpdates":false,"type":"image"}},{"type":"shape","id":"65f0b2fe-58aa-461d-831a-71c302a26628","elementConfiguration":{"binding":"Form.Manuel_dato","disableUpdates":false,"type":"text"}},{"type":"shape","id":"2442356f-4494-4046-bc7d-450a3b98212c","elementConfiguration":{"inheritDimensions":"inheritWidth","width":"1.91 cm","binding":"UserProfile.Office.LogoH_PP_DCU","disableUpdates":false,"type":"image"}},{"type":"shape","id":"bc01c440-60d4-4956-8c26-61af0f8e12b0","elementConfiguration":{"inheritDimensions":"inheritNone","width":"1.9 cm","height":"13.39 cm","binding":"UserProfile.Office.LogoColor_DCU","disableUpdates":false,"type":"image"}},{"type":"shape","id":"b8b7bc66-9fc7-43e3-8966-92151ae28cc7","elementConfiguration":{"inheritDimensions":"inheritNone","width":"25.4 cm","height":"19.06 cm","binding":"UserProfile.Centers.VaelgKorrektSkabelonDCU","disableUpdates":false,"type":"image"}},{"type":"shape","id":"c2dd0bf0-5799-4f3d-a3f8-99b1da6b63ff","elementConfiguration":{"inheritDimensions":"inheritNone","width":"25.4 cm","height":"19.06 cm","binding":"UserProfile.Centers.VaelgKorrektSkabelonDCU","disableUpdates":false,"type":"image"}},{"type":"shape","id":"432d35e8-3988-4424-861e-aba5ee287aa9","elementConfiguration":{"binding":"Form.PresentationTitle","disableUpdates":false,"type":"text"}},{"type":"shape","id":"705f0d3b-bdb4-41c8-afd7-12d5779b7f27","elementConfiguration":{"binding":"UserProfile.Name","visibility":{"action":"hide","binding":"Form.Manuel_dato","operator":"notEquals","compareValue":""},"disableUpdates":false,"type":"text"}},{"type":"shape","id":"c5aee3e7-7c10-443e-94ea-d431f78822eb","elementConfiguration":{"inheritDimensions":"inheritNone","width":"3.68 cm","height":"1.17 cm","binding":"UserProfile.EkstraLogo.ExtraLogoPPNEGDCU_{{DocumentLanguage}}","disableUpdates":false,"type":"image"}},{"type":"shape","id":"0ca3f558-dda1-4ee7-9e63-1bdb16385e56","elementConfiguration":{"binding":"UserProfile.Office.Virksomhed_{{DocumentLanguage}}","disableUpdates":false,"type":"text"}},{"type":"shape","id":"164a00bd-ab63-4aa4-bb3d-1692a0612212","elementConfiguration":{"binding":"UserProfile.CenterFreeText","visibility":{"action":"hide","binding":"UserProfile.Centers.CenterUI","operator":"notEquals","compareValue":"Intet valgt"},"disableUpdates":false,"type":"text"}},{"type":"shape","id":"dfa8a244-4326-4532-a7b6-bcc541bb6782","elementConfiguration":{"binding":"UserProfile.Centers.Center_{{DocumentLanguage}}","visibility":{"action":"hide","binding":"UserProfile.Centers.CenterUI","operator":"equals","compareValue":"Intet valgt"},"disableUpdates":false,"type":"text"}},{"type":"shape","id":"c2373489-a149-41ab-87e8-90cc534aeae4","elementConfiguration":{"inheritDimensions":"inheritNone","width":"2.42 cm","height":"2.5 cm","binding":"UserProfile.EkstraLogo.ExtraLogoTwo_PP_DCU_{{DocumentLanguage}}","disableUpdates":false,"type":"image"}},{"type":"shape","id":"f3cdcefd-94b8-427a-9fda-0380ac2ea630","elementConfiguration":{"inheritDimensions":"inheritNone","width":"6.05 cm","height":"1.9 cm","binding":"UserProfile.EkstraLogo.ExtraLogoSix_PP_DCU_{{DocumentLanguage}}","disableUpdates":false,"type":"image"}},{"type":"shape","id":"acf7a791-101f-4cef-85bd-ea1d428e3b8c","elementConfiguration":{"inheritDimensions":"inheritNone","width":"2.42 cm","height":"2.5 cm","binding":"UserProfile.EkstraLogo.ExtraLogoFive_PP_DCU_{{DocumentLanguage}}","disableUpdates":false,"type":"image"}},{"type":"shape","id":"83b525d0-50e9-452b-9886-536911d319a9","elementConfiguration":{"binding":"Form.Manuel_dato","disableUpdates":false,"type":"text"}},{"type":"shape","id":"e6159b46-99a1-401e-bc8d-e26ce695e096","elementConfiguration":{"inheritDimensions":"inheritWidth","width":"1.91 cm","binding":"UserProfile.Office.LogoH_PP_DCU","disableUpdates":false,"type":"image"}},{"type":"shape","id":"f19237ef-a412-4021-81d6-743ad7b88abb","elementConfiguration":{"binding":"UserProfile.Office.Virksomhed_{{DocumentLanguage}}","disableUpdates":false,"type":"text"}},{"type":"shape","id":"b6e7765b-0f36-4fec-a9c3-b1627e9256fd","elementConfiguration":{"binding":"UserProfile.CenterFreeText","visibility":{"action":"hide","binding":"UserProfile.Centers.CenterUI","operator":"notEquals","compareValue":"Intet valgt"},"disableUpdates":false,"type":"text"}},{"type":"shape","id":"f2ff120a-a996-4c26-a873-d5e343b473ae","elementConfiguration":{"binding":"UserProfile.Centers.Center_{{DocumentLanguage}}","visibility":{"action":"hide","binding":"UserProfile.Centers.CenterUI","operator":"equals","compareValue":"Intet valgt"},"disableUpdates":false,"type":"text"}},{"type":"shape","id":"80884e5d-faef-423f-b3b1-75b95b39a1f7","elementConfiguration":{"inheritDimensions":"inheritNone","width":"3.68 cm","height":"1.17 cm","binding":"UserProfile.EkstraLogo.ExtraLogoPPNEGDCU_{{DocumentLanguage}}","disableUpdates":false,"type":"image"}},{"type":"shape","id":"713f2535-29ab-448d-b3cb-4d3febf57995","elementConfiguration":{"binding":"Form.PresentationTitle","disableUpdates":false,"type":"text"}},{"type":"shape","id":"ca3a5dcd-b3bb-4871-a409-37c663e6345f","elementConfiguration":{"inheritDimensions":"inheritNone","width":"1.9 cm","height":"1.9 cm","binding":"UserProfile.Office.LogoColor_DCU","disableUpdates":false,"type":"image"}},{"type":"shape","id":"4d5a1ec2-dda8-40b8-a444-df050b6d750c","elementConfiguration":{"inheritDimensions":"inheritNone","width":"2.42 cm","height":"2.5 cm","binding":"UserProfile.EkstraLogo.ExtraLogoFive_PP_DCU_{{DocumentLanguage}}","disableUpdates":false,"type":"image"}},{"type":"shape","id":"fa14d991-7e02-4f52-8e1a-b7f047d963cd","elementConfiguration":{"inheritDimensions":"inheritNone","width":"2.42 cm","height":"2.5 cm","binding":"UserProfile.EkstraLogo.ExtraLogoTwo_PP_DCU_{{DocumentLanguage}}","disableUpdates":false,"type":"image"}},{"type":"shape","id":"adb4ec60-2d52-4260-8ca2-782f6eb70ca7","elementConfiguration":{"inheritDimensions":"inheritNone","width":"6.05 cm","height":"1.9 cm","binding":"UserProfile.EkstraLogo.ExtraLogoSix_PP_DCU_{{DocumentLanguage}}","disableUpdates":false,"type":"image"}},{"type":"shape","id":"0a2bb9b9-008b-46f1-9518-8f70eeacaac2","elementConfiguration":{"binding":"UserProfile.Name","visibility":{"action":"hide","binding":"Form.Manuel_dato","operator":"notEquals","compareValue":""},"disableUpdates":false,"type":"text"}},{"type":"shape","id":"d79c6ba0-629a-40d8-a4a4-725254db42b2","elementConfiguration":{"binding":"Form.Manuel_dato","disableUpdates":false,"type":"text"}},{"type":"shape","id":"cc48af2c-7865-4d80-ac1d-b7f737151893","elementConfiguration":{"inheritDimensions":"inheritWidth","width":"1.91 cm","binding":"UserProfile.Office.LogoH_PP_DCU","disableUpdates":false,"type":"image"}},{"type":"shape","id":"d4c1d85c-be9b-4b31-a9b4-94b1cbfdd8fc","elementConfiguration":{"binding":"UserProfile.Office.Virksomhed_{{DocumentLanguage}}","disableUpdates":false,"type":"text"}},{"type":"shape","id":"d7d10a31-9423-4872-bf95-ebdd19ce504c","elementConfiguration":{"binding":"UserProfile.CenterFreeText","visibility":{"action":"hide","binding":"UserProfile.Centers.CenterUI","operator":"notEquals","compareValue":"Intet valgt"},"disableUpdates":false,"type":"text"}},{"type":"shape","id":"0287da5b-dcec-4bc9-b7d8-7d3ecd7db7c0","elementConfiguration":{"binding":"UserProfile.Centers.Center_{{DocumentLanguage}}","visibility":{"action":"hide","binding":"UserProfile.Centers.CenterUI","operator":"equals","compareValue":"Intet valgt"},"disableUpdates":false,"type":"text"}},{"type":"shape","id":"96831686-0bca-41db-9fe8-c394cb34d3d8","elementConfiguration":{"inheritDimensions":"inheritNone","width":"3.68 cm","height":"1.17 cm","binding":"UserProfile.EkstraLogo.ExtraLogoPPNEGDCU_{{DocumentLanguage}}","disableUpdates":false,"type":"image"}},{"type":"shape","id":"47f3723b-2986-47c2-a165-d045da5c5414","elementConfiguration":{"binding":"Form.PresentationTitle","disableUpdates":false,"type":"text"}},{"type":"shape","id":"c00085a3-5ed5-42e3-998b-3ab50c008af1","elementConfiguration":{"inheritDimensions":"inheritNone","width":"1.9 cm","height":"1.9 cm","binding":"UserProfile.Office.LogoColor_DCU","disableUpdates":false,"type":"image"}},{"type":"shape","id":"0b1555e6-0aa2-4d44-902c-1d847d4b81ca","elementConfiguration":{"inheritDimensions":"inheritNone","width":"2.42 cm","height":"2.5 cm","binding":"UserProfile.EkstraLogo.ExtraLogoFive_PP_DCU_{{DocumentLanguage}}","disableUpdates":false,"type":"image"}},{"type":"shape","id":"b1887694-b923-4de9-9633-465dccfa766c","elementConfiguration":{"inheritDimensions":"inheritNone","width":"2.42 cm","height":"2.5 cm","binding":"UserProfile.EkstraLogo.ExtraLogoTwo_PP_DCU_{{DocumentLanguage}}","disableUpdates":false,"type":"image"}},{"type":"shape","id":"90bd4ce2-1133-4e22-a1b2-cecbc7823445","elementConfiguration":{"inheritDimensions":"inheritNone","width":"6.05 cm","height":"1.9 cm","binding":"UserProfile.EkstraLogo.ExtraLogoSix_PP_DCU_{{DocumentLanguage}}","disableUpdates":false,"type":"image"}},{"type":"shape","id":"366b015e-3496-4acc-a140-8734ef32ac0f","elementConfiguration":{"binding":"UserProfile.Name","visibility":{"action":"hide","binding":"Form.Manuel_dato","operator":"notEquals","compareValue":""},"disableUpdates":false,"type":"text"}},{"type":"shape","id":"dfebe850-d550-49fd-a838-823ea6401af6","elementConfiguration":{"binding":"Form.Manuel_dato","disableUpdates":false,"type":"text"}},{"type":"shape","id":"b517eeea-c57d-423c-befe-106c4867bc2b","elementConfiguration":{"inheritDimensions":"inheritWidth","width":"1.91 cm","binding":"UserProfile.Office.LogoH_PP_DCU","disableUpdates":false,"type":"image"}},{"type":"shape","id":"992032a6-9e90-4fe3-bd39-b272482a8967","elementConfiguration":{"inheritDimensions":"inheritNone","width":"1.9 cm","height":"19.05 cm","binding":"UserProfile.Office.LogoColor_DCU","disableUpdates":false,"type":"image"}},{"type":"shape","id":"3aa75f79-cc53-4f3a-9d91-88bb96b0036a","elementConfiguration":{"binding":"UserProfile.Office.Virksomhed_{{DocumentLanguage}}","disableUpdates":false,"type":"text"}},{"type":"shape","id":"efe947e9-7b23-4c34-8837-55277fadbd09","elementConfiguration":{"binding":"UserProfile.CenterFreeText","visibility":{"action":"hide","binding":"UserProfile.Centers.CenterUI","operator":"notEquals","compareValue":"Intet valgt"},"disableUpdates":false,"type":"text"}},{"type":"shape","id":"c171c34a-c77f-4473-ac8f-37199aa5b8a9","elementConfiguration":{"binding":"UserProfile.Centers.Center_{{DocumentLanguage}}","visibility":{"action":"hide","binding":"UserProfile.Centers.CenterUI","operator":"equals","compareValue":"Intet valgt"},"disableUpdates":false,"type":"text"}},{"type":"shape","id":"bb807718-805a-4512-9571-9f130b81a355","elementConfiguration":{"binding":"Form.PresentationTitle","disableUpdates":false,"type":"text"}},{"type":"shape","id":"da838819-6839-4526-b403-fb38de81e198","elementConfiguration":{"inheritDimensions":"inheritNone","width":"3.68 cm","height":"1.17 cm","binding":"UserProfile.EkstraLogo.ExtraLogoPPNEGDCU_{{DocumentLanguage}}","disableUpdates":false,"type":"image"}},{"type":"shape","id":"d1c8ddff-fe97-4b24-a40d-0f17fdbdc483","elementConfiguration":{"inheritDimensions":"inheritNone","width":"6.05 cm","height":"1.9 cm","binding":"UserProfile.EkstraLogo.ExtraLogoSixNEG_PP_DCU_{{DocumentLanguage}}","disableUpdates":false,"type":"image"}},{"type":"shape","id":"098c6e7f-572e-486c-9634-e3723a49a0f5","elementConfiguration":{"inheritDimensions":"inheritNone","width":"2.42 cm","height":"2.5 cm","binding":"UserProfile.EkstraLogo.ExtraLogoFive_PP_DCU_{{DocumentLanguage}}","disableUpdates":false,"type":"image"}},{"type":"shape","id":"eacedba1-f1e5-4acc-be3d-a6643ae2c039","elementConfiguration":{"inheritDimensions":"inheritNone","width":"2.42 cm","height":"2.5 cm","binding":"UserProfile.EkstraLogo.ExtraLogoTwo_PP_DCU_{{DocumentLanguage}}","disableUpdates":false,"type":"image"}},{"type":"shape","id":"202bd473-7dee-42f3-8402-9418a8192c46","elementConfiguration":{"binding":"UserProfile.Name","visibility":{"action":"hide","binding":"Form.Manuel_dato","operator":"notEquals","compareValue":""},"disableUpdates":false,"type":"text"}},{"type":"shape","id":"4cedcbfe-d237-41a1-bf45-5b7d2382a5cd","elementConfiguration":{"binding":"Form.Manuel_dato","disableUpdates":false,"type":"text"}},{"type":"shape","id":"c3ce3992-4e71-4642-b629-8f8d29ef1e72","elementConfiguration":{"inheritDimensions":"inheritWidth","width":"1.91 cm","binding":"UserProfile.Office.LogoH_PP_DCU","disableUpdates":false,"type":"image"}},{"type":"shape","id":"44e86d6b-d887-4b42-95d3-a38a86ccbbb4","elementConfiguration":{"binding":"UserProfile.Office.Virksomhed_{{DocumentLanguage}}","disableUpdates":false,"type":"text"}},{"type":"shape","id":"738b2fe3-5528-4ed9-ad0f-23d800a40082","elementConfiguration":{"binding":"UserProfile.CenterFreeText","visibility":{"action":"hide","binding":"UserProfile.Centers.CenterUI","operator":"notEquals","compareValue":"Intet valgt"},"disableUpdates":false,"type":"text"}},{"type":"shape","id":"408624ed-d940-4582-8211-87dd49c15a7a","elementConfiguration":{"binding":"UserProfile.Centers.Center_{{DocumentLanguage}}","visibility":{"action":"hide","binding":"UserProfile.Centers.CenterUI","operator":"equals","compareValue":"Intet valgt"},"disableUpdates":false,"type":"text"}},{"type":"shape","id":"0794c14b-dbec-4590-ace8-1de2f20412de","elementConfiguration":{"inheritDimensions":"inheritNone","width":"3.68 cm","height":"1.17 cm","binding":"UserProfile.EkstraLogo.ExtraLogoPPNEGDCU_{{DocumentLanguage}}","disableUpdates":false,"type":"image"}},{"type":"shape","id":"35a47809-9aab-404b-9d82-82ed47e5088a","elementConfiguration":{"binding":"Form.PresentationTitle","disableUpdates":false,"type":"text"}},{"type":"shape","id":"48282f75-e2b0-40bd-be06-c4677f6f29c9","elementConfiguration":{"inheritDimensions":"inheritNone","width":"1.9 cm","height":"1.9 cm","binding":"UserProfile.Office.LogoColor_DCU","disableUpdates":false,"type":"image"}},{"type":"shape","id":"e8aff174-5278-4ec6-9b55-cfca9f18e22f","elementConfiguration":{"inheritDimensions":"inheritNone","width":"2.42 cm","height":"2.5 cm","binding":"UserProfile.EkstraLogo.ExtraLogoFive_PP_DCU_{{DocumentLanguage}}","disableUpdates":false,"type":"image"}},{"type":"shape","id":"6e04a938-b4ac-47ba-88c7-919d2b534809","elementConfiguration":{"inheritDimensions":"inheritNone","width":"2.42 cm","height":"2.5 cm","binding":"UserProfile.EkstraLogo.ExtraLogoTwo_PP_DCU_{{DocumentLanguage}}","disableUpdates":false,"type":"image"}},{"type":"shape","id":"11942c81-46b7-48f9-9ad5-bb71d7a9b634","elementConfiguration":{"inheritDimensions":"inheritNone","width":"6.05 cm","height":"1.9 cm","binding":"UserProfile.EkstraLogo.ExtraLogoSix_PP_DCU_{{DocumentLanguage}}","disableUpdates":false,"type":"image"}},{"type":"shape","id":"6a831d2b-6af0-459b-a159-141a1ee967ee","elementConfiguration":{"binding":"UserProfile.Name","visibility":{"action":"hide","binding":"Form.Manuel_dato","operator":"notEquals","compareValue":""},"disableUpdates":false,"type":"text"}},{"type":"shape","id":"35711fb7-9657-47d9-af6b-2c68512de825","elementConfiguration":{"binding":"Form.Manuel_dato","disableUpdates":false,"type":"text"}},{"type":"shape","id":"85bc4835-db8f-45d1-9c46-c2b18abb3694","elementConfiguration":{"inheritDimensions":"inheritWidth","width":"1.91 cm","binding":"UserProfile.Office.LogoH_PP_DCU","disableUpdates":false,"type":"image"}},{"type":"shape","id":"3dfc39d6-dda9-4b05-8201-7f2570df2f3a","elementConfiguration":{"inheritDimensions":"inheritNone","width":"1.9 cm","height":"1.9 cm","binding":"UserProfile.Office.LogoColor_DCU","disableUpdates":false,"type":"image"}},{"type":"shape","id":"13208733-5021-4c92-a947-23b194a3f54c","elementConfiguration":{"binding":"UserProfile.Office.Virksomhed_{{DocumentLanguage}}","disableUpdates":false,"type":"text"}},{"type":"shape","id":"17671fde-6b2f-4d8c-94dc-a3f327c778ed","elementConfiguration":{"binding":"UserProfile.CenterFreeText","visibility":{"action":"hide","binding":"UserProfile.Centers.CenterUI","operator":"notEquals","compareValue":"Intet valgt"},"disableUpdates":false,"type":"text"}},{"type":"shape","id":"32c2906d-6533-4ec6-8736-71bd94e73d5d","elementConfiguration":{"binding":"UserProfile.Centers.Center_{{DocumentLanguage}}","visibility":{"action":"hide","binding":"UserProfile.Centers.CenterUI","operator":"equals","compareValue":"Intet valgt"},"disableUpdates":false,"type":"text"}},{"type":"shape","id":"36089327-823b-429a-9485-4d9b757e46b4","elementConfiguration":{"binding":"Form.PresentationTitle","disableUpdates":false,"type":"text"}},{"type":"shape","id":"d3b55bef-78b9-409c-aeb3-c1d6c07d8b50","elementConfiguration":{"inheritDimensions":"inheritNone","width":"3.68 cm","height":"1.17 cm","binding":"UserProfile.EkstraLogo.ExtraLogoPPNEGDCU_{{DocumentLanguage}}","disableUpdates":false,"type":"image"}},{"type":"shape","id":"5284774d-d054-4b66-84d4-6d155c703096","elementConfiguration":{"inheritDimensions":"inheritNone","width":"2.42 cm","height":"2.5 cm","binding":"UserProfile.EkstraLogo.ExtraLogoFive_PP_DCU_{{DocumentLanguage}}","disableUpdates":false,"type":"image"}},{"type":"shape","id":"cbcd335f-b1cc-4bdf-8e38-76d1e3130eb9","elementConfiguration":{"inheritDimensions":"inheritNone","width":"2.42 cm","height":"2.5 cm","binding":"UserProfile.EkstraLogo.ExtraLogoTwo_PP_DCU_{{DocumentLanguage}}","disableUpdates":false,"type":"image"}},{"type":"shape","id":"f8c0775f-6a24-4d59-9880-8e4a6bcba61e","elementConfiguration":{"inheritDimensions":"inheritNone","width":"6.05 cm","height":"1.9 cm","binding":"UserProfile.EkstraLogo.ExtraLogoSix_PP_DCU_{{DocumentLanguage}}","disableUpdates":false,"type":"image"}},{"type":"shape","id":"293efaf0-b82a-4209-bc8b-d1dc07e18217","elementConfiguration":{"binding":"UserProfile.Name","visibility":{"action":"hide","binding":"Form.Manuel_dato","operator":"notEquals","compareValue":""},"disableUpdates":false,"type":"text"}},{"type":"shape","id":"bfad4177-7db4-4050-911e-b820302a882b","elementConfiguration":{"binding":"Form.Manuel_dato","disableUpdates":false,"type":"text"}},{"type":"shape","id":"82d1c4c0-a562-4253-8382-d0d4ee4019c1","elementConfiguration":{"inheritDimensions":"inheritWidth","width":"1.91 cm","binding":"UserProfile.Office.LogoH_PP_DCU","disableUpdates":false,"type":"image"}}],"transformationConfigurations":[{"colorTheme":"{{UserProfile.Office.ApplyColorTheme}}","originalColorThemeXml":"<a:clrScheme name=\"REGION H Hospital\" xmlns:a=\"http://schemas.openxmlformats.org/drawingml/2006/main\"><a:dk1><a:srgbClr val=\"333333\" /></a:dk1><a:lt1><a:srgbClr val=\"FFFFFF\" /></a:lt1><a:dk2><a:srgbClr val=\"575757\" /></a:dk2><a:lt2><a:srgbClr val=\"CCEBFA\" /></a:lt2><a:accent1><a:srgbClr val=\"99D7F6\" /></a:accent1><a:accent2><a:srgbClr val=\"333333\" /></a:accent2><a:accent3><a:srgbClr val=\"4DB9EF\" /></a:accent3><a:accent4><a:srgbClr val=\"666666\" /></a:accent4><a:accent5><a:srgbClr val=\"19A5EA\" /></a:accent5><a:accent6><a:srgbClr val=\"999999\" /></a:accent6><a:hlink><a:srgbClr val=\"0086CC\" /></a:hlink><a:folHlink><a:srgbClr val=\"808080\" /></a:folHlink></a:clrScheme>","disableUpdates":false,"type":"colorTheme"}],"templateName":"","templateDescription":"","enableDocumentContentUpdater":true,"version":"1.3"}]]></TemplafyTemplateConfiguration>
</file>

<file path=customXml/item4.xml><?xml version="1.0" encoding="utf-8"?>
<TemplafySlideTemplateConfiguration><![CDATA[{"documentContentValidatorConfiguration":{"enableDocumentContentValidator":false,"documentContentValidatorVersion":0},"elementsMetadata":[],"slideId":"637153631341800875","enableDocumentContentUpdater":true,"version":"1.3"}]]></TemplafySlideTemplateConfiguration>
</file>

<file path=customXml/item5.xml><?xml version="1.0" encoding="utf-8"?>
<TemplafySlideTemplateConfiguration><![CDATA[{"documentContentValidatorConfiguration":{"enableDocumentContentValidator":false,"documentContentValidatorVersion":0},"elementsMetadata":[],"slideId":"637153631342128825","enableDocumentContentUpdater":true,"version":"1.3"}]]></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1536BB02-875E-4D6A-96A4-1D5D6AF72155}">
  <ds:schemaRefs/>
</ds:datastoreItem>
</file>

<file path=customXml/itemProps2.xml><?xml version="1.0" encoding="utf-8"?>
<ds:datastoreItem xmlns:ds="http://schemas.openxmlformats.org/officeDocument/2006/customXml" ds:itemID="{4BC4E77E-A84B-4EDA-93AC-8066E89A3B4F}">
  <ds:schemaRefs/>
</ds:datastoreItem>
</file>

<file path=customXml/itemProps3.xml><?xml version="1.0" encoding="utf-8"?>
<ds:datastoreItem xmlns:ds="http://schemas.openxmlformats.org/officeDocument/2006/customXml" ds:itemID="{6FFF86B1-8DC8-41C3-AA4B-2B784E6F506B}">
  <ds:schemaRefs/>
</ds:datastoreItem>
</file>

<file path=customXml/itemProps4.xml><?xml version="1.0" encoding="utf-8"?>
<ds:datastoreItem xmlns:ds="http://schemas.openxmlformats.org/officeDocument/2006/customXml" ds:itemID="{BB4BC06F-3D51-4CB7-9B5B-6D00432D0C96}">
  <ds:schemaRefs/>
</ds:datastoreItem>
</file>

<file path=customXml/itemProps5.xml><?xml version="1.0" encoding="utf-8"?>
<ds:datastoreItem xmlns:ds="http://schemas.openxmlformats.org/officeDocument/2006/customXml" ds:itemID="{2AC6B8D2-B62C-4BCE-A506-983361329A69}">
  <ds:schemaRefs/>
</ds:datastoreItem>
</file>

<file path=customXml/itemProps6.xml><?xml version="1.0" encoding="utf-8"?>
<ds:datastoreItem xmlns:ds="http://schemas.openxmlformats.org/officeDocument/2006/customXml" ds:itemID="{C030AF3F-DAB1-448A-AB4B-80B4A7C9C266}">
  <ds:schemaRefs/>
</ds:datastoreItem>
</file>

<file path=docProps/app.xml><?xml version="1.0" encoding="utf-8"?>
<Properties xmlns="http://schemas.openxmlformats.org/officeDocument/2006/extended-properties" xmlns:vt="http://schemas.openxmlformats.org/officeDocument/2006/docPropsVTypes">
  <Template/>
  <TotalTime>0</TotalTime>
  <Words>2248</Words>
  <Application>Microsoft Office PowerPoint</Application>
  <PresentationFormat>Skærmshow (4:3)</PresentationFormat>
  <Paragraphs>609</Paragraphs>
  <Slides>40</Slides>
  <Notes>2</Notes>
  <HiddenSlides>1</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40</vt:i4>
      </vt:variant>
    </vt:vector>
  </HeadingPairs>
  <TitlesOfParts>
    <vt:vector size="44" baseType="lpstr">
      <vt:lpstr>Arial</vt:lpstr>
      <vt:lpstr>BlinkMacSystemFont</vt:lpstr>
      <vt:lpstr>Calibri</vt:lpstr>
      <vt:lpstr>REGION H Hospital PowerPoint Skabelon_DKfinal</vt:lpstr>
      <vt:lpstr>Sundhedsadfærd hos patienter med mild apopleksi eller transitorisk cerebral iskæmi</vt:lpstr>
      <vt:lpstr>CIRE NEURO/PSYK Organisation</vt:lpstr>
      <vt:lpstr>Rationale for projektet</vt:lpstr>
      <vt:lpstr>PowerPoint-præsentation</vt:lpstr>
      <vt:lpstr>Introduktion til Apopleksi</vt:lpstr>
      <vt:lpstr>PowerPoint-præsentation</vt:lpstr>
      <vt:lpstr>PowerPoint-præsentation</vt:lpstr>
      <vt:lpstr>PowerPoint-præsentation</vt:lpstr>
      <vt:lpstr>PowerPoint-præsentation</vt:lpstr>
      <vt:lpstr>Risikofaktorer</vt:lpstr>
      <vt:lpstr>Risiko for ny apopleksi</vt:lpstr>
      <vt:lpstr>Vedvarende symptomer Små ændringer af stor betydning</vt:lpstr>
      <vt:lpstr>Sundhedsadfærd efter apopleksi Facilitatorer og barrierer</vt:lpstr>
      <vt:lpstr>Sundhedsadfærd efter apopleksi Facilitatorer og barrierer</vt:lpstr>
      <vt:lpstr>Sundhedsadfærd efter apopleksi Facilitatorer og barrierer</vt:lpstr>
      <vt:lpstr>Sundhedsadfærd efter apopleksi Facilitatorer og barrierer</vt:lpstr>
      <vt:lpstr>Rationale for projektet</vt:lpstr>
      <vt:lpstr>Delstudierne</vt:lpstr>
      <vt:lpstr>1. Systematisk review</vt:lpstr>
      <vt:lpstr>1. Systematisk review</vt:lpstr>
      <vt:lpstr>1. Systematisk review</vt:lpstr>
      <vt:lpstr>1. Systematisk review</vt:lpstr>
      <vt:lpstr>1. Systematisk review</vt:lpstr>
      <vt:lpstr>1. Systematisk review</vt:lpstr>
      <vt:lpstr>2. Feasibility</vt:lpstr>
      <vt:lpstr>2. Feasibility</vt:lpstr>
      <vt:lpstr>2. Feasibility</vt:lpstr>
      <vt:lpstr>2. Feasibility</vt:lpstr>
      <vt:lpstr>2. Feasibility</vt:lpstr>
      <vt:lpstr>2. Feasibility</vt:lpstr>
      <vt:lpstr>2. Feasibility</vt:lpstr>
      <vt:lpstr>3. Kvalitativt interviewstudie</vt:lpstr>
      <vt:lpstr>3. Kvalitativt interviewstudie</vt:lpstr>
      <vt:lpstr>3. Kvalitativt interviewstudie</vt:lpstr>
      <vt:lpstr>Konklusion</vt:lpstr>
      <vt:lpstr>Kliniske implikationer</vt:lpstr>
      <vt:lpstr>Hvilken viden mangler vi?</vt:lpstr>
      <vt:lpstr>PowerPoint-præsentation</vt:lpstr>
      <vt:lpstr>PowerPoint-præsentation</vt:lpstr>
      <vt:lpstr>PowerPoint-præ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5-01-13T08:58:59Z</dcterms:created>
  <dcterms:modified xsi:type="dcterms:W3CDTF">2022-01-13T19:16: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3-05T08:54:38.1693040Z</vt:lpwstr>
  </property>
  <property fmtid="{D5CDD505-2E9C-101B-9397-08002B2CF9AE}" pid="4" name="TemplafyTenantId">
    <vt:lpwstr>regionh</vt:lpwstr>
  </property>
  <property fmtid="{D5CDD505-2E9C-101B-9397-08002B2CF9AE}" pid="5" name="TemplafyTemplateId">
    <vt:lpwstr>637153626302213499</vt:lpwstr>
  </property>
  <property fmtid="{D5CDD505-2E9C-101B-9397-08002B2CF9AE}" pid="6" name="TemplafyUserProfileId">
    <vt:lpwstr>636452040372861921</vt:lpwstr>
  </property>
  <property fmtid="{D5CDD505-2E9C-101B-9397-08002B2CF9AE}" pid="7" name="TemplafyLanguageCode">
    <vt:lpwstr>da-DK</vt:lpwstr>
  </property>
</Properties>
</file>